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1393\01企画G\23_統計\厚生労働省\01_介護保険事業状況報告\02_月報HP\"/>
    </mc:Choice>
  </mc:AlternateContent>
  <bookViews>
    <workbookView xWindow="240" yWindow="72" windowWidth="14940" windowHeight="8556" tabRatio="853" firstSheet="11" activeTab="11"/>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M$41</definedName>
    <definedName name="_xlnm.Print_Area" localSheetId="2">'第２-2表'!$A$1:$KM$41</definedName>
    <definedName name="_xlnm.Print_Area" localSheetId="3">'第２-3表'!$A$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I1" i="10" l="1"/>
  <c r="H4" i="1" l="1"/>
  <c r="F1" i="34" l="1"/>
  <c r="G1" i="34" s="1"/>
  <c r="E1" i="34"/>
  <c r="F1" i="6"/>
  <c r="G1" i="6" s="1"/>
  <c r="G1" i="33"/>
  <c r="H1" i="33" s="1"/>
  <c r="F1" i="33"/>
  <c r="H1" i="5"/>
  <c r="I1" i="5" s="1"/>
  <c r="F1" i="5"/>
  <c r="J1" i="30"/>
  <c r="G1" i="25" l="1"/>
  <c r="H1" i="25" s="1"/>
  <c r="F1" i="25"/>
  <c r="J1" i="32" l="1"/>
  <c r="K1" i="32" s="1"/>
  <c r="H1" i="32"/>
  <c r="K1" i="31"/>
  <c r="L1" i="31" s="1"/>
  <c r="I1" i="31"/>
  <c r="L1" i="30"/>
  <c r="M1" i="30" s="1"/>
  <c r="K1" i="29"/>
  <c r="L1" i="29" s="1"/>
  <c r="I1" i="29"/>
  <c r="H1" i="28"/>
  <c r="I1" i="28" s="1"/>
  <c r="F1" i="28"/>
  <c r="E1" i="18" l="1"/>
  <c r="E1" i="26"/>
  <c r="E1" i="6"/>
  <c r="H1" i="24"/>
  <c r="H1" i="14"/>
  <c r="I1" i="23"/>
  <c r="I1" i="13"/>
  <c r="H1" i="4"/>
  <c r="J1" i="22"/>
  <c r="J1" i="11"/>
  <c r="I1" i="21"/>
  <c r="G1" i="9"/>
  <c r="F1" i="19"/>
  <c r="F1" i="8"/>
  <c r="F1" i="18" l="1"/>
  <c r="F1" i="26"/>
  <c r="J1" i="24"/>
  <c r="J1" i="14"/>
  <c r="K1" i="23"/>
  <c r="K1" i="13"/>
  <c r="J1" i="4"/>
  <c r="L1" i="22"/>
  <c r="L1" i="11"/>
  <c r="K1" i="21"/>
  <c r="K1" i="10"/>
  <c r="I1" i="9"/>
  <c r="H1" i="19"/>
  <c r="I1" i="19" s="1"/>
  <c r="H1" i="8"/>
  <c r="I1" i="8" s="1"/>
  <c r="J1" i="9" l="1"/>
  <c r="G1" i="26"/>
  <c r="K1" i="24"/>
  <c r="L1" i="23"/>
  <c r="M1" i="22"/>
  <c r="L1" i="21"/>
  <c r="G1" i="18"/>
  <c r="K1" i="14"/>
  <c r="L1" i="13"/>
  <c r="M1" i="11"/>
  <c r="L1" i="10"/>
  <c r="K1" i="4"/>
</calcChain>
</file>

<file path=xl/sharedStrings.xml><?xml version="1.0" encoding="utf-8"?>
<sst xmlns="http://schemas.openxmlformats.org/spreadsheetml/2006/main" count="5571"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i>
    <t xml:space="preserve">保険給付決定状況 </t>
  </si>
  <si>
    <t>特定入所者介護（介護予防）サービス費　総数　給付費（千円）</t>
    <rPh sb="24" eb="25">
      <t>ヒ</t>
    </rPh>
    <rPh sb="26" eb="28">
      <t>センエン</t>
    </rPh>
    <phoneticPr fontId="4"/>
  </si>
  <si>
    <r>
      <t>８５歳以上９０</t>
    </r>
    <r>
      <rPr>
        <sz val="11"/>
        <rFont val="ＭＳ Ｐゴシック"/>
        <family val="3"/>
        <charset val="128"/>
      </rPr>
      <t>歳未満</t>
    </r>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9"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s>
  <fills count="2">
    <fill>
      <patternFill patternType="none"/>
    </fill>
    <fill>
      <patternFill patternType="gray125"/>
    </fill>
  </fills>
  <borders count="102">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left style="double">
        <color indexed="64"/>
      </left>
      <right/>
      <top style="medium">
        <color indexed="64"/>
      </top>
      <bottom style="thin">
        <color indexed="64"/>
      </bottom>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left style="double">
        <color indexed="64"/>
      </left>
      <right/>
      <top style="thin">
        <color indexed="64"/>
      </top>
      <bottom style="thin">
        <color indexed="64"/>
      </bottom>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left style="double">
        <color indexed="64"/>
      </left>
      <right/>
      <top style="thin">
        <color indexed="64"/>
      </top>
      <bottom style="medium">
        <color indexed="64"/>
      </bottom>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579">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0" fontId="5" fillId="0" borderId="0" xfId="0" applyFont="1" applyAlignment="1">
      <alignment horizontal="left"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66" xfId="1" applyNumberFormat="1" applyFont="1" applyBorder="1" applyAlignment="1">
      <alignment vertical="center"/>
    </xf>
    <xf numFmtId="0" fontId="3" fillId="0" borderId="1" xfId="0" applyFont="1" applyBorder="1" applyAlignment="1">
      <alignment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0" xfId="1" applyNumberFormat="1" applyFont="1" applyBorder="1" applyAlignment="1">
      <alignment vertical="center" shrinkToFit="1"/>
    </xf>
    <xf numFmtId="180" fontId="0" fillId="0" borderId="73"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57" xfId="1" applyNumberFormat="1" applyFont="1" applyBorder="1"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3" fillId="0" borderId="7" xfId="0" applyFont="1" applyBorder="1" applyAlignment="1">
      <alignment vertical="center"/>
    </xf>
    <xf numFmtId="176" fontId="3" fillId="0" borderId="8" xfId="0" applyNumberFormat="1" applyFont="1" applyBorder="1" applyAlignment="1">
      <alignment vertical="center"/>
    </xf>
    <xf numFmtId="176" fontId="3" fillId="0" borderId="9" xfId="0" applyNumberFormat="1" applyFont="1" applyBorder="1" applyAlignment="1">
      <alignment vertical="center"/>
    </xf>
    <xf numFmtId="182" fontId="2" fillId="0" borderId="0" xfId="0" applyNumberFormat="1" applyFont="1" applyAlignment="1">
      <alignment horizontal="center" vertical="center"/>
    </xf>
    <xf numFmtId="0" fontId="0" fillId="0" borderId="10" xfId="0" applyFont="1" applyBorder="1" applyAlignment="1">
      <alignment horizontal="center" vertical="center"/>
    </xf>
    <xf numFmtId="0" fontId="0" fillId="0" borderId="0" xfId="0" applyFont="1" applyBorder="1" applyAlignment="1">
      <alignment vertical="center"/>
    </xf>
    <xf numFmtId="0" fontId="0" fillId="0" borderId="0" xfId="0" applyFont="1" applyAlignment="1">
      <alignment vertical="center"/>
    </xf>
    <xf numFmtId="0" fontId="0" fillId="0" borderId="19" xfId="0" applyFont="1" applyBorder="1" applyAlignment="1">
      <alignment horizontal="center" vertical="center"/>
    </xf>
    <xf numFmtId="0" fontId="0" fillId="0" borderId="9" xfId="0" applyFont="1" applyBorder="1" applyAlignment="1">
      <alignment horizontal="center" vertical="center"/>
    </xf>
    <xf numFmtId="0" fontId="0" fillId="0" borderId="12" xfId="0" applyFont="1" applyBorder="1" applyAlignment="1">
      <alignment horizontal="center" vertical="center"/>
    </xf>
    <xf numFmtId="0" fontId="0" fillId="0" borderId="13" xfId="0" applyFont="1" applyBorder="1" applyAlignment="1">
      <alignment horizontal="center" vertical="center"/>
    </xf>
    <xf numFmtId="0" fontId="0" fillId="0" borderId="26" xfId="0" applyFont="1" applyBorder="1" applyAlignment="1">
      <alignment horizontal="center" vertical="center" wrapText="1"/>
    </xf>
    <xf numFmtId="0" fontId="0" fillId="0" borderId="30" xfId="0" applyFont="1" applyBorder="1" applyAlignment="1">
      <alignment horizontal="center" vertical="center"/>
    </xf>
    <xf numFmtId="0" fontId="0" fillId="0" borderId="96" xfId="0" applyFont="1" applyBorder="1" applyAlignment="1">
      <alignment horizontal="center" vertical="center"/>
    </xf>
    <xf numFmtId="0" fontId="0" fillId="0" borderId="68" xfId="0" applyFont="1" applyBorder="1" applyAlignment="1">
      <alignment horizontal="center" vertical="center"/>
    </xf>
    <xf numFmtId="0" fontId="0" fillId="0" borderId="71" xfId="0" applyFont="1" applyBorder="1" applyAlignment="1">
      <alignment horizontal="center" vertical="center"/>
    </xf>
    <xf numFmtId="0" fontId="0" fillId="0" borderId="69" xfId="0" applyFont="1" applyBorder="1" applyAlignment="1">
      <alignment horizontal="center" vertical="center" wrapText="1"/>
    </xf>
    <xf numFmtId="0" fontId="0" fillId="0" borderId="84" xfId="0" applyFont="1" applyBorder="1" applyAlignment="1">
      <alignment horizontal="center" vertical="center"/>
    </xf>
    <xf numFmtId="0" fontId="0" fillId="0" borderId="86" xfId="0" applyFont="1" applyBorder="1" applyAlignment="1">
      <alignment horizontal="center" vertical="center"/>
    </xf>
    <xf numFmtId="0" fontId="0" fillId="0" borderId="3" xfId="0" applyFont="1" applyBorder="1" applyAlignment="1">
      <alignment horizontal="left" vertical="center" shrinkToFit="1"/>
    </xf>
    <xf numFmtId="178" fontId="0" fillId="0" borderId="49" xfId="0" applyNumberFormat="1" applyFont="1" applyBorder="1" applyAlignment="1">
      <alignment vertical="center"/>
    </xf>
    <xf numFmtId="178" fontId="0" fillId="0" borderId="42" xfId="0" applyNumberFormat="1" applyFont="1" applyBorder="1" applyAlignment="1">
      <alignment vertical="center"/>
    </xf>
    <xf numFmtId="178" fontId="0" fillId="0" borderId="43" xfId="0" applyNumberFormat="1" applyFont="1" applyBorder="1" applyAlignment="1">
      <alignment vertical="center"/>
    </xf>
    <xf numFmtId="178" fontId="0" fillId="0" borderId="44" xfId="0" applyNumberFormat="1" applyFont="1" applyBorder="1" applyAlignment="1">
      <alignment vertical="center"/>
    </xf>
    <xf numFmtId="178" fontId="0" fillId="0" borderId="45" xfId="0" applyNumberFormat="1" applyFont="1" applyBorder="1" applyAlignment="1">
      <alignment vertical="center"/>
    </xf>
    <xf numFmtId="178" fontId="0" fillId="0" borderId="34" xfId="1" applyNumberFormat="1" applyFont="1" applyBorder="1" applyAlignment="1">
      <alignment vertical="center"/>
    </xf>
    <xf numFmtId="178" fontId="0" fillId="0" borderId="35" xfId="1" applyNumberFormat="1" applyFont="1" applyBorder="1" applyAlignment="1">
      <alignment vertical="center"/>
    </xf>
    <xf numFmtId="178" fontId="0" fillId="0" borderId="36" xfId="1" applyNumberFormat="1" applyFont="1" applyBorder="1" applyAlignment="1">
      <alignment vertical="center"/>
    </xf>
    <xf numFmtId="178" fontId="0" fillId="0" borderId="37" xfId="1" applyNumberFormat="1" applyFont="1" applyBorder="1" applyAlignment="1">
      <alignment vertical="center"/>
    </xf>
    <xf numFmtId="178" fontId="0" fillId="0" borderId="55" xfId="0" applyNumberFormat="1" applyFont="1" applyBorder="1" applyAlignment="1">
      <alignment vertical="center"/>
    </xf>
    <xf numFmtId="0" fontId="0" fillId="0" borderId="7" xfId="0" applyFont="1" applyBorder="1" applyAlignment="1">
      <alignment horizontal="left" vertical="center" shrinkToFit="1"/>
    </xf>
    <xf numFmtId="178" fontId="0" fillId="0" borderId="8" xfId="0" applyNumberFormat="1" applyFont="1" applyBorder="1" applyAlignment="1">
      <alignment vertical="center"/>
    </xf>
    <xf numFmtId="178" fontId="0" fillId="0" borderId="5" xfId="0" applyNumberFormat="1" applyFont="1" applyBorder="1" applyAlignment="1">
      <alignment vertical="center"/>
    </xf>
    <xf numFmtId="178" fontId="0" fillId="0" borderId="46" xfId="0" applyNumberFormat="1" applyFont="1" applyBorder="1" applyAlignment="1">
      <alignment vertical="center"/>
    </xf>
    <xf numFmtId="178" fontId="0" fillId="0" borderId="47" xfId="0" applyNumberFormat="1" applyFont="1" applyBorder="1" applyAlignment="1">
      <alignment vertical="center"/>
    </xf>
    <xf numFmtId="178" fontId="0" fillId="0" borderId="48" xfId="0" applyNumberFormat="1" applyFont="1" applyBorder="1" applyAlignment="1">
      <alignment vertical="center"/>
    </xf>
    <xf numFmtId="178" fontId="0" fillId="0" borderId="8" xfId="1" applyNumberFormat="1" applyFont="1" applyBorder="1" applyAlignment="1">
      <alignment vertical="center"/>
    </xf>
    <xf numFmtId="178" fontId="0" fillId="0" borderId="5" xfId="1" applyNumberFormat="1" applyFont="1" applyBorder="1" applyAlignment="1">
      <alignment vertical="center"/>
    </xf>
    <xf numFmtId="178" fontId="0" fillId="0" borderId="38" xfId="1" applyNumberFormat="1" applyFont="1" applyBorder="1" applyAlignment="1">
      <alignment vertical="center"/>
    </xf>
    <xf numFmtId="178" fontId="0" fillId="0" borderId="39" xfId="1" applyNumberFormat="1" applyFont="1" applyBorder="1" applyAlignment="1">
      <alignment vertical="center"/>
    </xf>
    <xf numFmtId="178" fontId="0" fillId="0" borderId="54" xfId="0" applyNumberFormat="1" applyFont="1" applyBorder="1" applyAlignment="1">
      <alignment vertical="center"/>
    </xf>
    <xf numFmtId="0" fontId="0" fillId="0" borderId="7" xfId="0" applyFont="1" applyBorder="1" applyAlignment="1">
      <alignment horizontal="left" vertical="center"/>
    </xf>
    <xf numFmtId="178" fontId="0" fillId="0" borderId="49" xfId="1" applyNumberFormat="1" applyFont="1" applyBorder="1" applyAlignment="1">
      <alignment vertical="center"/>
    </xf>
    <xf numFmtId="0" fontId="0" fillId="0" borderId="14" xfId="0" applyFont="1" applyBorder="1" applyAlignment="1">
      <alignment horizontal="left" vertical="center"/>
    </xf>
    <xf numFmtId="178" fontId="0" fillId="0" borderId="9" xfId="0" applyNumberFormat="1" applyFont="1" applyBorder="1" applyAlignment="1">
      <alignment vertical="center"/>
    </xf>
    <xf numFmtId="178" fontId="0" fillId="0" borderId="12" xfId="0" applyNumberFormat="1" applyFont="1" applyBorder="1" applyAlignment="1">
      <alignment vertical="center"/>
    </xf>
    <xf numFmtId="178" fontId="0" fillId="0" borderId="13" xfId="0" applyNumberFormat="1" applyFont="1" applyBorder="1" applyAlignment="1">
      <alignment vertical="center"/>
    </xf>
    <xf numFmtId="178" fontId="0" fillId="0" borderId="50" xfId="0" applyNumberFormat="1" applyFont="1" applyBorder="1" applyAlignment="1">
      <alignment vertical="center"/>
    </xf>
    <xf numFmtId="178" fontId="0" fillId="0" borderId="30" xfId="0" applyNumberFormat="1" applyFont="1" applyBorder="1" applyAlignment="1">
      <alignment vertical="center"/>
    </xf>
    <xf numFmtId="178" fontId="0" fillId="0" borderId="9" xfId="1" applyNumberFormat="1" applyFont="1" applyBorder="1" applyAlignment="1">
      <alignment vertical="center"/>
    </xf>
    <xf numFmtId="178" fontId="0" fillId="0" borderId="12" xfId="1" applyNumberFormat="1" applyFont="1" applyBorder="1" applyAlignment="1">
      <alignment vertical="center"/>
    </xf>
    <xf numFmtId="178" fontId="0" fillId="0" borderId="25" xfId="1" applyNumberFormat="1" applyFont="1" applyBorder="1" applyAlignment="1">
      <alignment vertical="center"/>
    </xf>
    <xf numFmtId="178" fontId="0" fillId="0" borderId="40" xfId="1" applyNumberFormat="1" applyFont="1" applyBorder="1" applyAlignment="1">
      <alignment vertical="center"/>
    </xf>
    <xf numFmtId="178" fontId="0" fillId="0" borderId="33" xfId="0" applyNumberFormat="1" applyFont="1" applyBorder="1" applyAlignment="1">
      <alignment vertical="center"/>
    </xf>
    <xf numFmtId="0" fontId="0" fillId="0" borderId="15" xfId="0" applyFont="1" applyBorder="1" applyAlignment="1">
      <alignment horizontal="center" vertical="center"/>
    </xf>
    <xf numFmtId="0" fontId="0" fillId="0" borderId="16" xfId="0" applyFont="1" applyBorder="1" applyAlignment="1">
      <alignment horizontal="center" vertical="center"/>
    </xf>
    <xf numFmtId="0" fontId="0" fillId="0" borderId="2" xfId="0" applyFont="1" applyBorder="1" applyAlignment="1">
      <alignment horizontal="center" vertical="center"/>
    </xf>
    <xf numFmtId="0" fontId="0" fillId="0" borderId="17" xfId="0" applyFont="1" applyBorder="1" applyAlignment="1">
      <alignment horizontal="center" vertical="center"/>
    </xf>
    <xf numFmtId="0" fontId="0" fillId="0" borderId="18" xfId="0" applyFont="1" applyBorder="1" applyAlignment="1">
      <alignment horizontal="center" vertical="center" wrapText="1"/>
    </xf>
    <xf numFmtId="176" fontId="0" fillId="0" borderId="34" xfId="1" applyNumberFormat="1" applyFont="1" applyBorder="1" applyAlignment="1">
      <alignment vertical="center"/>
    </xf>
    <xf numFmtId="176" fontId="0" fillId="0" borderId="35" xfId="1" applyNumberFormat="1" applyFont="1" applyBorder="1" applyAlignment="1">
      <alignment vertical="center"/>
    </xf>
    <xf numFmtId="176" fontId="0" fillId="0" borderId="36" xfId="1" applyNumberFormat="1" applyFont="1" applyBorder="1" applyAlignment="1">
      <alignment vertical="center"/>
    </xf>
    <xf numFmtId="176" fontId="0" fillId="0" borderId="51" xfId="1" applyNumberFormat="1" applyFont="1" applyBorder="1" applyAlignment="1">
      <alignment vertical="center"/>
    </xf>
    <xf numFmtId="176" fontId="0" fillId="0" borderId="37" xfId="1" applyNumberFormat="1" applyFont="1" applyBorder="1" applyAlignment="1">
      <alignment vertical="center"/>
    </xf>
    <xf numFmtId="176" fontId="0" fillId="0" borderId="52" xfId="1" applyNumberFormat="1" applyFont="1" applyBorder="1" applyAlignment="1">
      <alignment vertical="center"/>
    </xf>
    <xf numFmtId="176" fontId="0" fillId="0" borderId="8" xfId="1" applyNumberFormat="1" applyFont="1" applyBorder="1" applyAlignment="1">
      <alignment vertical="center"/>
    </xf>
    <xf numFmtId="176" fontId="0" fillId="0" borderId="5" xfId="1" applyNumberFormat="1" applyFont="1" applyBorder="1" applyAlignment="1">
      <alignment vertical="center"/>
    </xf>
    <xf numFmtId="176" fontId="0" fillId="0" borderId="38" xfId="1" applyNumberFormat="1" applyFont="1" applyBorder="1" applyAlignment="1">
      <alignment vertical="center"/>
    </xf>
    <xf numFmtId="176" fontId="0" fillId="0" borderId="53" xfId="1" applyNumberFormat="1" applyFont="1" applyBorder="1" applyAlignment="1">
      <alignment vertical="center"/>
    </xf>
    <xf numFmtId="176" fontId="0" fillId="0" borderId="39" xfId="1" applyNumberFormat="1" applyFont="1" applyBorder="1" applyAlignment="1">
      <alignment vertical="center"/>
    </xf>
    <xf numFmtId="176" fontId="0" fillId="0" borderId="54" xfId="1" applyNumberFormat="1" applyFont="1" applyBorder="1" applyAlignment="1">
      <alignment vertical="center"/>
    </xf>
    <xf numFmtId="176" fontId="0" fillId="0" borderId="9" xfId="1" applyNumberFormat="1" applyFont="1" applyBorder="1" applyAlignment="1">
      <alignment vertical="center"/>
    </xf>
    <xf numFmtId="176" fontId="0" fillId="0" borderId="12" xfId="1" applyNumberFormat="1" applyFont="1" applyBorder="1" applyAlignment="1">
      <alignment vertical="center"/>
    </xf>
    <xf numFmtId="176" fontId="0" fillId="0" borderId="25" xfId="1" applyNumberFormat="1" applyFont="1" applyBorder="1" applyAlignment="1">
      <alignment vertical="center"/>
    </xf>
    <xf numFmtId="176" fontId="0" fillId="0" borderId="26" xfId="1" applyNumberFormat="1" applyFont="1" applyBorder="1" applyAlignment="1">
      <alignment vertical="center"/>
    </xf>
    <xf numFmtId="176" fontId="0" fillId="0" borderId="40" xfId="1" applyNumberFormat="1" applyFont="1" applyBorder="1" applyAlignment="1">
      <alignment vertical="center"/>
    </xf>
    <xf numFmtId="176" fontId="0" fillId="0" borderId="33" xfId="1" applyNumberFormat="1" applyFont="1" applyBorder="1" applyAlignment="1">
      <alignment vertical="center"/>
    </xf>
    <xf numFmtId="0" fontId="5" fillId="0" borderId="0" xfId="3" applyFont="1">
      <alignment vertical="center"/>
    </xf>
    <xf numFmtId="0" fontId="2" fillId="0" borderId="0" xfId="3" applyFont="1">
      <alignment vertical="center"/>
    </xf>
    <xf numFmtId="0" fontId="2" fillId="0" borderId="9" xfId="3" applyFont="1" applyBorder="1" applyAlignment="1">
      <alignment horizontal="center" vertical="center"/>
    </xf>
    <xf numFmtId="0" fontId="2" fillId="0" borderId="12" xfId="3" applyFont="1" applyBorder="1" applyAlignment="1">
      <alignment horizontal="center" vertical="center"/>
    </xf>
    <xf numFmtId="0" fontId="2" fillId="0" borderId="66" xfId="3" applyFont="1" applyBorder="1" applyAlignment="1">
      <alignment horizontal="center" vertical="center"/>
    </xf>
    <xf numFmtId="0" fontId="2" fillId="0" borderId="26" xfId="3" applyFont="1" applyBorder="1" applyAlignment="1">
      <alignment horizontal="center" vertical="center" wrapText="1"/>
    </xf>
    <xf numFmtId="0" fontId="2" fillId="0" borderId="13" xfId="3" applyFont="1" applyBorder="1" applyAlignment="1">
      <alignment horizontal="center" vertical="center"/>
    </xf>
    <xf numFmtId="0" fontId="2" fillId="0" borderId="25" xfId="3" applyFont="1" applyBorder="1" applyAlignment="1">
      <alignment horizontal="center" vertical="center"/>
    </xf>
    <xf numFmtId="0" fontId="2" fillId="0" borderId="3" xfId="0" applyFont="1" applyBorder="1" applyAlignment="1">
      <alignment horizontal="left" vertical="center" shrinkToFit="1"/>
    </xf>
    <xf numFmtId="38" fontId="2" fillId="0" borderId="49" xfId="1" applyFont="1" applyBorder="1" applyAlignment="1">
      <alignment vertical="center"/>
    </xf>
    <xf numFmtId="38" fontId="2" fillId="0" borderId="42" xfId="1" applyFont="1" applyBorder="1" applyAlignment="1">
      <alignment vertical="center"/>
    </xf>
    <xf numFmtId="38" fontId="2" fillId="0" borderId="57" xfId="1" applyFont="1" applyBorder="1" applyAlignment="1">
      <alignment vertical="center"/>
    </xf>
    <xf numFmtId="38" fontId="2" fillId="0" borderId="90" xfId="1" applyFont="1" applyBorder="1" applyAlignment="1">
      <alignment vertical="center"/>
    </xf>
    <xf numFmtId="38" fontId="2" fillId="0" borderId="73" xfId="1" applyFont="1" applyBorder="1" applyAlignment="1">
      <alignment vertical="center"/>
    </xf>
    <xf numFmtId="38" fontId="2" fillId="0" borderId="89" xfId="1" applyFont="1" applyBorder="1" applyAlignment="1">
      <alignment vertical="center"/>
    </xf>
    <xf numFmtId="38" fontId="2" fillId="0" borderId="4" xfId="1" applyFont="1" applyBorder="1" applyAlignment="1">
      <alignment vertical="center"/>
    </xf>
    <xf numFmtId="0" fontId="2" fillId="0" borderId="7" xfId="0" applyFont="1" applyBorder="1" applyAlignment="1">
      <alignment horizontal="left" vertical="center" shrinkToFit="1"/>
    </xf>
    <xf numFmtId="38" fontId="2" fillId="0" borderId="8" xfId="1" applyFont="1" applyBorder="1" applyAlignment="1">
      <alignment vertical="center"/>
    </xf>
    <xf numFmtId="38" fontId="2" fillId="0" borderId="5" xfId="1" applyFont="1" applyBorder="1" applyAlignment="1">
      <alignment vertical="center"/>
    </xf>
    <xf numFmtId="38" fontId="2" fillId="0" borderId="56" xfId="1" applyFont="1" applyBorder="1" applyAlignment="1">
      <alignment vertical="center"/>
    </xf>
    <xf numFmtId="38" fontId="2" fillId="0" borderId="53" xfId="1" applyFont="1" applyBorder="1" applyAlignment="1">
      <alignment vertical="center"/>
    </xf>
    <xf numFmtId="38" fontId="2" fillId="0" borderId="46" xfId="1" applyFont="1" applyBorder="1" applyAlignment="1">
      <alignment vertical="center"/>
    </xf>
    <xf numFmtId="38" fontId="2" fillId="0" borderId="39" xfId="1" applyFont="1" applyBorder="1" applyAlignment="1">
      <alignment vertical="center"/>
    </xf>
    <xf numFmtId="38" fontId="2" fillId="0" borderId="38" xfId="1" applyFont="1" applyBorder="1" applyAlignment="1">
      <alignment vertical="center"/>
    </xf>
    <xf numFmtId="0" fontId="2" fillId="0" borderId="7" xfId="0" applyFont="1" applyBorder="1" applyAlignment="1">
      <alignment horizontal="left" vertical="center"/>
    </xf>
    <xf numFmtId="0" fontId="2" fillId="0" borderId="14" xfId="0" applyFont="1" applyBorder="1" applyAlignment="1">
      <alignment horizontal="left" vertical="center"/>
    </xf>
    <xf numFmtId="38" fontId="2" fillId="0" borderId="9" xfId="1" applyFont="1" applyBorder="1" applyAlignment="1">
      <alignment vertical="center"/>
    </xf>
    <xf numFmtId="38" fontId="2" fillId="0" borderId="12" xfId="1" applyFont="1" applyBorder="1" applyAlignment="1">
      <alignment vertical="center"/>
    </xf>
    <xf numFmtId="38" fontId="2" fillId="0" borderId="66" xfId="1" applyFont="1" applyBorder="1" applyAlignment="1">
      <alignment vertical="center"/>
    </xf>
    <xf numFmtId="38" fontId="2" fillId="0" borderId="26" xfId="1" applyFont="1" applyBorder="1" applyAlignment="1">
      <alignment vertical="center"/>
    </xf>
    <xf numFmtId="38" fontId="2" fillId="0" borderId="13" xfId="1" applyFont="1" applyBorder="1" applyAlignment="1">
      <alignment vertical="center"/>
    </xf>
    <xf numFmtId="38" fontId="2" fillId="0" borderId="40" xfId="1" applyFont="1" applyBorder="1" applyAlignment="1">
      <alignment vertical="center"/>
    </xf>
    <xf numFmtId="38" fontId="2" fillId="0" borderId="25" xfId="1" applyFont="1" applyBorder="1" applyAlignment="1">
      <alignment vertical="center"/>
    </xf>
    <xf numFmtId="0" fontId="0" fillId="0" borderId="0" xfId="3" applyFont="1">
      <alignment vertical="center"/>
    </xf>
    <xf numFmtId="182" fontId="0" fillId="0" borderId="0" xfId="0" applyNumberFormat="1" applyFont="1" applyAlignment="1">
      <alignment horizontal="center" vertical="center"/>
    </xf>
    <xf numFmtId="0" fontId="0" fillId="0" borderId="9" xfId="3" applyFont="1" applyBorder="1" applyAlignment="1">
      <alignment horizontal="center" vertical="center"/>
    </xf>
    <xf numFmtId="0" fontId="0" fillId="0" borderId="12" xfId="3" applyFont="1" applyBorder="1" applyAlignment="1">
      <alignment horizontal="center" vertical="center"/>
    </xf>
    <xf numFmtId="0" fontId="0" fillId="0" borderId="66" xfId="3" applyFont="1" applyBorder="1" applyAlignment="1">
      <alignment horizontal="center" vertical="center"/>
    </xf>
    <xf numFmtId="0" fontId="0" fillId="0" borderId="26" xfId="3" applyFont="1" applyBorder="1" applyAlignment="1">
      <alignment horizontal="center" vertical="center" wrapText="1"/>
    </xf>
    <xf numFmtId="0" fontId="0" fillId="0" borderId="13" xfId="3" applyFont="1" applyBorder="1" applyAlignment="1">
      <alignment horizontal="center" vertical="center"/>
    </xf>
    <xf numFmtId="0" fontId="0" fillId="0" borderId="25" xfId="3" applyFont="1" applyBorder="1" applyAlignment="1">
      <alignment horizontal="center" vertical="center"/>
    </xf>
    <xf numFmtId="38" fontId="0" fillId="0" borderId="49" xfId="1" applyFont="1" applyBorder="1" applyAlignment="1">
      <alignment vertical="center"/>
    </xf>
    <xf numFmtId="38" fontId="0" fillId="0" borderId="42" xfId="1" applyFont="1" applyBorder="1" applyAlignment="1">
      <alignment vertical="center"/>
    </xf>
    <xf numFmtId="38" fontId="0" fillId="0" borderId="57" xfId="1" applyFont="1" applyBorder="1" applyAlignment="1">
      <alignment vertical="center"/>
    </xf>
    <xf numFmtId="38" fontId="0" fillId="0" borderId="90" xfId="1" applyFont="1" applyBorder="1" applyAlignment="1">
      <alignment vertical="center"/>
    </xf>
    <xf numFmtId="38" fontId="0" fillId="0" borderId="73" xfId="1" applyFont="1" applyBorder="1" applyAlignment="1">
      <alignment vertical="center"/>
    </xf>
    <xf numFmtId="38" fontId="0" fillId="0" borderId="89" xfId="1" applyFont="1" applyBorder="1" applyAlignment="1">
      <alignment vertical="center"/>
    </xf>
    <xf numFmtId="38" fontId="0" fillId="0" borderId="4" xfId="1" applyFont="1" applyBorder="1" applyAlignment="1">
      <alignment vertical="center"/>
    </xf>
    <xf numFmtId="38" fontId="0" fillId="0" borderId="8" xfId="1" applyFont="1" applyBorder="1" applyAlignment="1">
      <alignment vertical="center"/>
    </xf>
    <xf numFmtId="38" fontId="0" fillId="0" borderId="5" xfId="1" applyFont="1" applyBorder="1" applyAlignment="1">
      <alignment vertical="center"/>
    </xf>
    <xf numFmtId="38" fontId="0" fillId="0" borderId="56" xfId="1" applyFont="1" applyBorder="1" applyAlignment="1">
      <alignment vertical="center"/>
    </xf>
    <xf numFmtId="38" fontId="0" fillId="0" borderId="53" xfId="1" applyFont="1" applyBorder="1" applyAlignment="1">
      <alignment vertical="center"/>
    </xf>
    <xf numFmtId="38" fontId="0" fillId="0" borderId="46" xfId="1" applyFont="1" applyBorder="1" applyAlignment="1">
      <alignment vertical="center"/>
    </xf>
    <xf numFmtId="38" fontId="0" fillId="0" borderId="39" xfId="1" applyFont="1" applyBorder="1" applyAlignment="1">
      <alignment vertical="center"/>
    </xf>
    <xf numFmtId="38" fontId="0" fillId="0" borderId="38" xfId="1" applyFont="1" applyBorder="1" applyAlignment="1">
      <alignment vertical="center"/>
    </xf>
    <xf numFmtId="38" fontId="0" fillId="0" borderId="9" xfId="1" applyFont="1" applyBorder="1" applyAlignment="1">
      <alignment vertical="center"/>
    </xf>
    <xf numFmtId="38" fontId="0" fillId="0" borderId="12" xfId="1" applyFont="1" applyBorder="1" applyAlignment="1">
      <alignment vertical="center"/>
    </xf>
    <xf numFmtId="38" fontId="0" fillId="0" borderId="66" xfId="1" applyFont="1" applyBorder="1" applyAlignment="1">
      <alignment vertical="center"/>
    </xf>
    <xf numFmtId="38" fontId="0" fillId="0" borderId="26" xfId="1" applyFont="1" applyBorder="1" applyAlignment="1">
      <alignment vertical="center"/>
    </xf>
    <xf numFmtId="38" fontId="0" fillId="0" borderId="13" xfId="1" applyFont="1" applyBorder="1" applyAlignment="1">
      <alignment vertical="center"/>
    </xf>
    <xf numFmtId="38" fontId="0" fillId="0" borderId="40" xfId="1" applyFont="1" applyBorder="1" applyAlignment="1">
      <alignment vertical="center"/>
    </xf>
    <xf numFmtId="38" fontId="0" fillId="0" borderId="25" xfId="1" applyFont="1" applyBorder="1" applyAlignment="1">
      <alignment vertical="center"/>
    </xf>
    <xf numFmtId="0" fontId="0" fillId="0" borderId="33" xfId="3" applyFont="1" applyBorder="1" applyAlignment="1">
      <alignment horizontal="center" vertical="center"/>
    </xf>
    <xf numFmtId="0" fontId="0" fillId="0" borderId="72" xfId="3" applyFont="1" applyBorder="1" applyAlignment="1">
      <alignment horizontal="center" vertical="center"/>
    </xf>
    <xf numFmtId="38" fontId="0" fillId="0" borderId="74" xfId="1" applyFont="1" applyBorder="1" applyAlignment="1">
      <alignment vertical="center"/>
    </xf>
    <xf numFmtId="38" fontId="0" fillId="0" borderId="65" xfId="1" applyFont="1" applyBorder="1" applyAlignment="1">
      <alignment vertical="center"/>
    </xf>
    <xf numFmtId="38" fontId="0" fillId="0" borderId="72" xfId="1" applyFont="1" applyBorder="1" applyAlignment="1">
      <alignment vertical="center"/>
    </xf>
    <xf numFmtId="0" fontId="0" fillId="0" borderId="0" xfId="0" applyFont="1" applyBorder="1" applyAlignment="1">
      <alignment horizontal="center" vertical="center"/>
    </xf>
    <xf numFmtId="0" fontId="0" fillId="0" borderId="0" xfId="0" applyFont="1" applyBorder="1" applyAlignment="1">
      <alignment horizontal="right" vertical="center"/>
    </xf>
    <xf numFmtId="177" fontId="0" fillId="0" borderId="34" xfId="1" applyNumberFormat="1" applyFont="1" applyBorder="1" applyAlignment="1">
      <alignment vertical="center"/>
    </xf>
    <xf numFmtId="177" fontId="0" fillId="0" borderId="35" xfId="1" applyNumberFormat="1" applyFont="1" applyBorder="1" applyAlignment="1">
      <alignment vertical="center"/>
    </xf>
    <xf numFmtId="177" fontId="0" fillId="0" borderId="36" xfId="1" applyNumberFormat="1" applyFont="1" applyBorder="1" applyAlignment="1">
      <alignment vertical="center"/>
    </xf>
    <xf numFmtId="177" fontId="0" fillId="0" borderId="51" xfId="1" applyNumberFormat="1" applyFont="1" applyBorder="1" applyAlignment="1">
      <alignment vertical="center"/>
    </xf>
    <xf numFmtId="177" fontId="0" fillId="0" borderId="37" xfId="1" applyNumberFormat="1" applyFont="1" applyBorder="1" applyAlignment="1">
      <alignment vertical="center"/>
    </xf>
    <xf numFmtId="177" fontId="0" fillId="0" borderId="52" xfId="1" applyNumberFormat="1" applyFont="1" applyBorder="1" applyAlignment="1">
      <alignment vertical="center"/>
    </xf>
    <xf numFmtId="177" fontId="0" fillId="0" borderId="8" xfId="1" applyNumberFormat="1" applyFont="1" applyBorder="1" applyAlignment="1">
      <alignment vertical="center"/>
    </xf>
    <xf numFmtId="177" fontId="0" fillId="0" borderId="5" xfId="1" applyNumberFormat="1" applyFont="1" applyBorder="1" applyAlignment="1">
      <alignment vertical="center"/>
    </xf>
    <xf numFmtId="177" fontId="0" fillId="0" borderId="38" xfId="1" applyNumberFormat="1" applyFont="1" applyBorder="1" applyAlignment="1">
      <alignment vertical="center"/>
    </xf>
    <xf numFmtId="177" fontId="0" fillId="0" borderId="53" xfId="1" applyNumberFormat="1" applyFont="1" applyBorder="1" applyAlignment="1">
      <alignment vertical="center"/>
    </xf>
    <xf numFmtId="177" fontId="0" fillId="0" borderId="39" xfId="1" applyNumberFormat="1" applyFont="1" applyBorder="1" applyAlignment="1">
      <alignment vertical="center"/>
    </xf>
    <xf numFmtId="177" fontId="0" fillId="0" borderId="54" xfId="1" applyNumberFormat="1" applyFont="1" applyBorder="1" applyAlignment="1">
      <alignment vertical="center"/>
    </xf>
    <xf numFmtId="177" fontId="0" fillId="0" borderId="9" xfId="1" applyNumberFormat="1" applyFont="1" applyBorder="1" applyAlignment="1">
      <alignment vertical="center"/>
    </xf>
    <xf numFmtId="177" fontId="0" fillId="0" borderId="12" xfId="1" applyNumberFormat="1" applyFont="1" applyBorder="1" applyAlignment="1">
      <alignment vertical="center"/>
    </xf>
    <xf numFmtId="177" fontId="0" fillId="0" borderId="25" xfId="1" applyNumberFormat="1" applyFont="1" applyBorder="1" applyAlignment="1">
      <alignment vertical="center"/>
    </xf>
    <xf numFmtId="177" fontId="0" fillId="0" borderId="26" xfId="1" applyNumberFormat="1" applyFont="1" applyBorder="1" applyAlignment="1">
      <alignment vertical="center"/>
    </xf>
    <xf numFmtId="177" fontId="0" fillId="0" borderId="40" xfId="1" applyNumberFormat="1" applyFont="1" applyBorder="1" applyAlignment="1">
      <alignment vertical="center"/>
    </xf>
    <xf numFmtId="177" fontId="0" fillId="0" borderId="33" xfId="1" applyNumberFormat="1" applyFont="1" applyBorder="1" applyAlignment="1">
      <alignment vertical="center"/>
    </xf>
    <xf numFmtId="0" fontId="0" fillId="0" borderId="20" xfId="0" applyFont="1" applyBorder="1" applyAlignment="1">
      <alignment horizontal="center" vertical="center" wrapText="1"/>
    </xf>
    <xf numFmtId="38" fontId="0" fillId="0" borderId="21" xfId="1" applyFont="1" applyBorder="1" applyAlignment="1">
      <alignment horizontal="center" vertical="center" wrapText="1"/>
    </xf>
    <xf numFmtId="0" fontId="0" fillId="0" borderId="22" xfId="0" applyFont="1" applyBorder="1" applyAlignment="1">
      <alignment horizontal="center" vertical="center" wrapText="1"/>
    </xf>
    <xf numFmtId="38" fontId="0" fillId="0" borderId="23" xfId="1" applyFont="1" applyBorder="1" applyAlignment="1">
      <alignment horizontal="center" vertical="center" wrapText="1"/>
    </xf>
    <xf numFmtId="0" fontId="0" fillId="0" borderId="23" xfId="0" applyFont="1" applyBorder="1" applyAlignment="1">
      <alignment horizontal="center" vertical="center" wrapText="1"/>
    </xf>
    <xf numFmtId="38" fontId="0" fillId="0" borderId="24" xfId="1" applyFont="1" applyBorder="1" applyAlignment="1">
      <alignment horizontal="center" vertical="center" wrapText="1"/>
    </xf>
    <xf numFmtId="0" fontId="0" fillId="0" borderId="11" xfId="0" applyFont="1" applyBorder="1" applyAlignment="1">
      <alignment horizontal="center" vertical="center" wrapText="1"/>
    </xf>
    <xf numFmtId="177" fontId="0" fillId="0" borderId="43" xfId="1" applyNumberFormat="1" applyFont="1" applyBorder="1" applyAlignment="1">
      <alignment vertical="center"/>
    </xf>
    <xf numFmtId="177" fontId="0" fillId="0" borderId="58" xfId="1" applyNumberFormat="1" applyFont="1" applyBorder="1" applyAlignment="1">
      <alignment vertical="center"/>
    </xf>
    <xf numFmtId="177" fontId="0" fillId="0" borderId="45" xfId="1" applyNumberFormat="1" applyFont="1" applyBorder="1" applyAlignment="1">
      <alignment vertical="center"/>
    </xf>
    <xf numFmtId="38" fontId="0" fillId="0" borderId="0" xfId="1" applyFont="1" applyAlignment="1">
      <alignment vertical="center"/>
    </xf>
    <xf numFmtId="177" fontId="0" fillId="0" borderId="46" xfId="1" applyNumberFormat="1" applyFont="1" applyBorder="1" applyAlignment="1">
      <alignment vertical="center"/>
    </xf>
    <xf numFmtId="177" fontId="0" fillId="0" borderId="56" xfId="1" applyNumberFormat="1" applyFont="1" applyBorder="1" applyAlignment="1">
      <alignment vertical="center"/>
    </xf>
    <xf numFmtId="177" fontId="0" fillId="0" borderId="48" xfId="1" applyNumberFormat="1" applyFont="1" applyBorder="1" applyAlignment="1">
      <alignment vertical="center"/>
    </xf>
    <xf numFmtId="177" fontId="0" fillId="0" borderId="13" xfId="1" applyNumberFormat="1" applyFont="1" applyBorder="1" applyAlignment="1">
      <alignment vertical="center"/>
    </xf>
    <xf numFmtId="177" fontId="0" fillId="0" borderId="66" xfId="1" applyNumberFormat="1" applyFont="1" applyBorder="1" applyAlignment="1">
      <alignment vertical="center"/>
    </xf>
    <xf numFmtId="177" fontId="0" fillId="0" borderId="30" xfId="1" applyNumberFormat="1" applyFont="1" applyBorder="1" applyAlignment="1">
      <alignment vertical="center"/>
    </xf>
    <xf numFmtId="38" fontId="0" fillId="0" borderId="0" xfId="1" applyFont="1" applyBorder="1" applyAlignment="1">
      <alignment vertical="center"/>
    </xf>
    <xf numFmtId="0" fontId="0" fillId="0" borderId="0" xfId="0" applyFont="1" applyFill="1" applyAlignment="1">
      <alignment vertical="center"/>
    </xf>
    <xf numFmtId="182" fontId="0" fillId="0" borderId="0" xfId="0" applyNumberFormat="1" applyFont="1" applyBorder="1" applyAlignment="1">
      <alignment horizontal="center" vertical="center"/>
    </xf>
    <xf numFmtId="0" fontId="0" fillId="0" borderId="33" xfId="0" applyFont="1" applyBorder="1" applyAlignment="1">
      <alignment horizontal="center" vertical="center"/>
    </xf>
    <xf numFmtId="0" fontId="0" fillId="0" borderId="25" xfId="0" applyFont="1" applyBorder="1" applyAlignment="1">
      <alignment horizontal="center" vertical="center"/>
    </xf>
    <xf numFmtId="0" fontId="0" fillId="0" borderId="20" xfId="0" applyFont="1" applyBorder="1" applyAlignment="1">
      <alignment horizontal="center" vertical="center"/>
    </xf>
    <xf numFmtId="0" fontId="0" fillId="0" borderId="23" xfId="0" applyFont="1" applyBorder="1" applyAlignment="1">
      <alignment horizontal="center" vertical="center"/>
    </xf>
    <xf numFmtId="0" fontId="0" fillId="0" borderId="24" xfId="0" applyFont="1" applyBorder="1" applyAlignment="1">
      <alignment horizontal="center" vertical="center"/>
    </xf>
    <xf numFmtId="0" fontId="0" fillId="0" borderId="21" xfId="0" applyFont="1" applyBorder="1" applyAlignment="1">
      <alignment horizontal="center" vertical="center"/>
    </xf>
    <xf numFmtId="179" fontId="0" fillId="0" borderId="55" xfId="0" applyNumberFormat="1" applyFont="1" applyBorder="1" applyAlignment="1">
      <alignment shrinkToFit="1"/>
    </xf>
    <xf numFmtId="179" fontId="0" fillId="0" borderId="42" xfId="0" applyNumberFormat="1" applyFont="1" applyBorder="1" applyAlignment="1">
      <alignment shrinkToFit="1"/>
    </xf>
    <xf numFmtId="179" fontId="0" fillId="0" borderId="73" xfId="0" applyNumberFormat="1" applyFont="1" applyBorder="1" applyAlignment="1">
      <alignment shrinkToFit="1"/>
    </xf>
    <xf numFmtId="179" fontId="0" fillId="0" borderId="74" xfId="0" applyNumberFormat="1" applyFont="1" applyBorder="1" applyAlignment="1">
      <alignment shrinkToFit="1"/>
    </xf>
    <xf numFmtId="179" fontId="0" fillId="0" borderId="57" xfId="0" applyNumberFormat="1" applyFont="1" applyBorder="1" applyAlignment="1">
      <alignment shrinkToFit="1"/>
    </xf>
    <xf numFmtId="179" fontId="0" fillId="0" borderId="37" xfId="0" applyNumberFormat="1" applyFont="1" applyBorder="1" applyAlignment="1">
      <alignment shrinkToFit="1"/>
    </xf>
    <xf numFmtId="179" fontId="0" fillId="0" borderId="43" xfId="0" applyNumberFormat="1" applyFont="1" applyBorder="1" applyAlignment="1">
      <alignment shrinkToFit="1"/>
    </xf>
    <xf numFmtId="179" fontId="0" fillId="0" borderId="51" xfId="0" applyNumberFormat="1" applyFont="1" applyBorder="1" applyAlignment="1">
      <alignment shrinkToFit="1"/>
    </xf>
    <xf numFmtId="179" fontId="0" fillId="0" borderId="35" xfId="0" applyNumberFormat="1" applyFont="1" applyBorder="1" applyAlignment="1">
      <alignment shrinkToFit="1"/>
    </xf>
    <xf numFmtId="179" fontId="0" fillId="0" borderId="34" xfId="0" applyNumberFormat="1" applyFont="1" applyBorder="1" applyAlignment="1">
      <alignment shrinkToFit="1"/>
    </xf>
    <xf numFmtId="179" fontId="0" fillId="0" borderId="60" xfId="0" applyNumberFormat="1" applyFont="1" applyBorder="1" applyAlignment="1">
      <alignment shrinkToFit="1"/>
    </xf>
    <xf numFmtId="179" fontId="0" fillId="0" borderId="36" xfId="0" applyNumberFormat="1" applyFont="1" applyBorder="1" applyAlignment="1">
      <alignment shrinkToFit="1"/>
    </xf>
    <xf numFmtId="179" fontId="0" fillId="0" borderId="52" xfId="0" applyNumberFormat="1" applyFont="1" applyBorder="1" applyAlignment="1">
      <alignment shrinkToFit="1"/>
    </xf>
    <xf numFmtId="179" fontId="0" fillId="0" borderId="44" xfId="0" applyNumberFormat="1" applyFont="1" applyBorder="1" applyAlignment="1">
      <alignment shrinkToFit="1"/>
    </xf>
    <xf numFmtId="179" fontId="0" fillId="0" borderId="75" xfId="0" applyNumberFormat="1" applyFont="1" applyBorder="1" applyAlignment="1">
      <alignment shrinkToFit="1"/>
    </xf>
    <xf numFmtId="179" fontId="0" fillId="0" borderId="58" xfId="0" applyNumberFormat="1" applyFont="1" applyBorder="1" applyAlignment="1">
      <alignment shrinkToFit="1"/>
    </xf>
    <xf numFmtId="179" fontId="0" fillId="0" borderId="59" xfId="0" applyNumberFormat="1" applyFont="1" applyBorder="1" applyAlignment="1">
      <alignment shrinkToFit="1"/>
    </xf>
    <xf numFmtId="179" fontId="0" fillId="0" borderId="27" xfId="0" applyNumberFormat="1" applyFont="1" applyBorder="1" applyAlignment="1">
      <alignment shrinkToFit="1"/>
    </xf>
    <xf numFmtId="180" fontId="0" fillId="0" borderId="3" xfId="2" applyNumberFormat="1" applyFont="1" applyBorder="1" applyAlignment="1">
      <alignment vertical="center" shrinkToFit="1"/>
    </xf>
    <xf numFmtId="180" fontId="0" fillId="0" borderId="35" xfId="2" applyNumberFormat="1" applyFont="1" applyBorder="1" applyAlignment="1">
      <alignment vertical="center" shrinkToFit="1"/>
    </xf>
    <xf numFmtId="180" fontId="0" fillId="0" borderId="57" xfId="2" applyNumberFormat="1" applyFont="1" applyBorder="1" applyAlignment="1">
      <alignment vertical="center" shrinkToFit="1"/>
    </xf>
    <xf numFmtId="180" fontId="0" fillId="0" borderId="51" xfId="2" applyNumberFormat="1" applyFont="1" applyBorder="1" applyAlignment="1">
      <alignment vertical="center" shrinkToFit="1"/>
    </xf>
    <xf numFmtId="180" fontId="0" fillId="0" borderId="52" xfId="2" applyNumberFormat="1" applyFont="1" applyBorder="1" applyAlignment="1">
      <alignment vertical="center" shrinkToFit="1"/>
    </xf>
    <xf numFmtId="180" fontId="0" fillId="0" borderId="58" xfId="2" applyNumberFormat="1" applyFont="1" applyBorder="1" applyAlignment="1">
      <alignment vertical="center" shrinkToFit="1"/>
    </xf>
    <xf numFmtId="180" fontId="0" fillId="0" borderId="43" xfId="2" applyNumberFormat="1" applyFont="1" applyBorder="1" applyAlignment="1">
      <alignment vertical="center" shrinkToFit="1"/>
    </xf>
    <xf numFmtId="180" fontId="0" fillId="0" borderId="59" xfId="2" applyNumberFormat="1" applyFont="1" applyBorder="1" applyAlignment="1">
      <alignment vertical="center" shrinkToFit="1"/>
    </xf>
    <xf numFmtId="180" fontId="0" fillId="0" borderId="34" xfId="1" applyNumberFormat="1" applyFont="1" applyFill="1" applyBorder="1" applyAlignment="1">
      <alignment vertical="center" shrinkToFit="1"/>
    </xf>
    <xf numFmtId="180" fontId="0" fillId="0" borderId="35" xfId="1" applyNumberFormat="1" applyFont="1" applyFill="1" applyBorder="1" applyAlignment="1">
      <alignment vertical="center" shrinkToFit="1"/>
    </xf>
    <xf numFmtId="180" fontId="0" fillId="0" borderId="43" xfId="1" applyNumberFormat="1" applyFont="1" applyFill="1" applyBorder="1" applyAlignment="1">
      <alignment vertical="center" shrinkToFit="1"/>
    </xf>
    <xf numFmtId="180" fontId="0" fillId="0" borderId="35" xfId="0" applyNumberFormat="1" applyFont="1" applyBorder="1" applyAlignment="1">
      <alignment shrinkToFit="1"/>
    </xf>
    <xf numFmtId="180" fontId="0" fillId="0" borderId="36" xfId="0" applyNumberFormat="1" applyFont="1" applyBorder="1" applyAlignment="1">
      <alignment shrinkToFit="1"/>
    </xf>
    <xf numFmtId="180" fontId="0" fillId="0" borderId="37" xfId="0" applyNumberFormat="1" applyFont="1" applyBorder="1" applyAlignment="1">
      <alignment shrinkToFit="1"/>
    </xf>
    <xf numFmtId="180" fontId="0" fillId="0" borderId="34" xfId="0" applyNumberFormat="1" applyFont="1" applyBorder="1" applyAlignment="1">
      <alignment shrinkToFit="1"/>
    </xf>
    <xf numFmtId="180" fontId="0" fillId="0" borderId="43" xfId="0" applyNumberFormat="1" applyFont="1" applyBorder="1" applyAlignment="1">
      <alignment shrinkToFit="1"/>
    </xf>
    <xf numFmtId="180" fontId="0" fillId="0" borderId="58" xfId="0" applyNumberFormat="1" applyFont="1" applyBorder="1" applyAlignment="1">
      <alignment shrinkToFit="1"/>
    </xf>
    <xf numFmtId="180" fontId="0" fillId="0" borderId="51" xfId="0" applyNumberFormat="1" applyFont="1" applyBorder="1" applyAlignment="1">
      <alignment shrinkToFit="1"/>
    </xf>
    <xf numFmtId="180" fontId="0" fillId="0" borderId="34" xfId="1" applyNumberFormat="1" applyFont="1" applyFill="1" applyBorder="1" applyAlignment="1">
      <alignment shrinkToFit="1"/>
    </xf>
    <xf numFmtId="180" fontId="0" fillId="0" borderId="52" xfId="0" applyNumberFormat="1" applyFont="1" applyBorder="1" applyAlignment="1">
      <alignment shrinkToFit="1"/>
    </xf>
    <xf numFmtId="180" fontId="0" fillId="0" borderId="45" xfId="0" applyNumberFormat="1" applyFont="1" applyBorder="1" applyAlignment="1">
      <alignment shrinkToFit="1"/>
    </xf>
    <xf numFmtId="0" fontId="0" fillId="0" borderId="0" xfId="0" applyFont="1" applyAlignment="1">
      <alignment vertical="center" shrinkToFit="1"/>
    </xf>
    <xf numFmtId="179" fontId="0" fillId="0" borderId="54" xfId="0" applyNumberFormat="1" applyFont="1" applyBorder="1" applyAlignment="1">
      <alignment shrinkToFit="1"/>
    </xf>
    <xf numFmtId="179" fontId="0" fillId="0" borderId="5" xfId="0" applyNumberFormat="1" applyFont="1" applyBorder="1" applyAlignment="1">
      <alignment shrinkToFit="1"/>
    </xf>
    <xf numFmtId="179" fontId="0" fillId="0" borderId="46" xfId="0" applyNumberFormat="1" applyFont="1" applyBorder="1" applyAlignment="1">
      <alignment shrinkToFit="1"/>
    </xf>
    <xf numFmtId="179" fontId="0" fillId="0" borderId="56" xfId="0" applyNumberFormat="1" applyFont="1" applyBorder="1" applyAlignment="1">
      <alignment shrinkToFit="1"/>
    </xf>
    <xf numFmtId="179" fontId="0" fillId="0" borderId="39" xfId="0" applyNumberFormat="1" applyFont="1" applyBorder="1" applyAlignment="1">
      <alignment shrinkToFit="1"/>
    </xf>
    <xf numFmtId="179" fontId="0" fillId="0" borderId="38" xfId="0" applyNumberFormat="1" applyFont="1" applyBorder="1" applyAlignment="1">
      <alignment shrinkToFit="1"/>
    </xf>
    <xf numFmtId="179" fontId="0" fillId="0" borderId="53" xfId="0" applyNumberFormat="1" applyFont="1" applyBorder="1" applyAlignment="1">
      <alignment shrinkToFit="1"/>
    </xf>
    <xf numFmtId="179" fontId="0" fillId="0" borderId="8" xfId="0" applyNumberFormat="1" applyFont="1" applyBorder="1" applyAlignment="1">
      <alignment shrinkToFit="1"/>
    </xf>
    <xf numFmtId="179" fontId="0" fillId="0" borderId="48" xfId="0" applyNumberFormat="1" applyFont="1" applyBorder="1" applyAlignment="1">
      <alignment shrinkToFit="1"/>
    </xf>
    <xf numFmtId="180" fontId="0" fillId="0" borderId="7" xfId="2" applyNumberFormat="1" applyFont="1" applyBorder="1" applyAlignment="1">
      <alignment vertical="center" shrinkToFit="1"/>
    </xf>
    <xf numFmtId="180" fontId="0" fillId="0" borderId="5" xfId="2" applyNumberFormat="1" applyFont="1" applyBorder="1" applyAlignment="1">
      <alignment vertical="center" shrinkToFit="1"/>
    </xf>
    <xf numFmtId="180" fontId="0" fillId="0" borderId="56" xfId="2" applyNumberFormat="1" applyFont="1" applyBorder="1" applyAlignment="1">
      <alignment vertical="center" shrinkToFit="1"/>
    </xf>
    <xf numFmtId="180" fontId="0" fillId="0" borderId="61" xfId="2" applyNumberFormat="1" applyFont="1" applyBorder="1" applyAlignment="1">
      <alignment vertical="center" shrinkToFit="1"/>
    </xf>
    <xf numFmtId="180" fontId="0" fillId="0" borderId="62" xfId="2" applyNumberFormat="1" applyFont="1" applyBorder="1" applyAlignment="1">
      <alignment vertical="center" shrinkToFit="1"/>
    </xf>
    <xf numFmtId="180" fontId="0" fillId="0" borderId="63" xfId="2" applyNumberFormat="1" applyFont="1" applyBorder="1" applyAlignment="1">
      <alignment vertical="center" shrinkToFit="1"/>
    </xf>
    <xf numFmtId="180" fontId="0" fillId="0" borderId="0" xfId="2" applyNumberFormat="1" applyFont="1" applyBorder="1" applyAlignment="1">
      <alignment vertical="center" shrinkToFit="1"/>
    </xf>
    <xf numFmtId="180" fontId="0" fillId="0" borderId="64" xfId="2" applyNumberFormat="1" applyFont="1" applyBorder="1" applyAlignment="1">
      <alignment vertical="center" shrinkToFit="1"/>
    </xf>
    <xf numFmtId="180" fontId="0" fillId="0" borderId="48" xfId="2" applyNumberFormat="1" applyFont="1" applyBorder="1" applyAlignment="1">
      <alignment vertical="center" shrinkToFit="1"/>
    </xf>
    <xf numFmtId="180" fontId="0" fillId="0" borderId="8" xfId="1" applyNumberFormat="1" applyFont="1" applyFill="1" applyBorder="1" applyAlignment="1">
      <alignment vertical="center" shrinkToFit="1"/>
    </xf>
    <xf numFmtId="180" fontId="0" fillId="0" borderId="5" xfId="1" applyNumberFormat="1" applyFont="1" applyFill="1" applyBorder="1" applyAlignment="1">
      <alignment vertical="center" shrinkToFit="1"/>
    </xf>
    <xf numFmtId="180" fontId="0" fillId="0" borderId="46" xfId="1" applyNumberFormat="1" applyFont="1" applyFill="1" applyBorder="1" applyAlignment="1">
      <alignment vertical="center" shrinkToFit="1"/>
    </xf>
    <xf numFmtId="180" fontId="0" fillId="0" borderId="5" xfId="0" applyNumberFormat="1" applyFont="1" applyBorder="1" applyAlignment="1">
      <alignment shrinkToFit="1"/>
    </xf>
    <xf numFmtId="180" fontId="0" fillId="0" borderId="38" xfId="0" applyNumberFormat="1" applyFont="1" applyBorder="1" applyAlignment="1">
      <alignment shrinkToFit="1"/>
    </xf>
    <xf numFmtId="180" fontId="0" fillId="0" borderId="39" xfId="0" applyNumberFormat="1" applyFont="1" applyBorder="1" applyAlignment="1">
      <alignment shrinkToFit="1"/>
    </xf>
    <xf numFmtId="180" fontId="0" fillId="0" borderId="8" xfId="0" applyNumberFormat="1" applyFont="1" applyBorder="1" applyAlignment="1">
      <alignment shrinkToFit="1"/>
    </xf>
    <xf numFmtId="180" fontId="0" fillId="0" borderId="46" xfId="0" applyNumberFormat="1" applyFont="1" applyBorder="1" applyAlignment="1">
      <alignment shrinkToFit="1"/>
    </xf>
    <xf numFmtId="180" fontId="0" fillId="0" borderId="56" xfId="0" applyNumberFormat="1" applyFont="1" applyBorder="1" applyAlignment="1">
      <alignment shrinkToFit="1"/>
    </xf>
    <xf numFmtId="180" fontId="0" fillId="0" borderId="53" xfId="0" applyNumberFormat="1" applyFont="1" applyBorder="1" applyAlignment="1">
      <alignment shrinkToFit="1"/>
    </xf>
    <xf numFmtId="180" fontId="0" fillId="0" borderId="8" xfId="1" applyNumberFormat="1" applyFont="1" applyFill="1" applyBorder="1" applyAlignment="1">
      <alignment shrinkToFit="1"/>
    </xf>
    <xf numFmtId="180" fontId="0" fillId="0" borderId="54" xfId="0" applyNumberFormat="1" applyFont="1" applyBorder="1" applyAlignment="1">
      <alignment shrinkToFit="1"/>
    </xf>
    <xf numFmtId="180" fontId="0" fillId="0" borderId="48" xfId="0" applyNumberFormat="1" applyFont="1" applyBorder="1" applyAlignment="1">
      <alignment shrinkToFit="1"/>
    </xf>
    <xf numFmtId="179" fontId="0" fillId="0" borderId="54" xfId="0" applyNumberFormat="1" applyFont="1" applyBorder="1"/>
    <xf numFmtId="179" fontId="0" fillId="0" borderId="5" xfId="0" applyNumberFormat="1" applyFont="1" applyBorder="1"/>
    <xf numFmtId="179" fontId="0" fillId="0" borderId="46" xfId="0" applyNumberFormat="1" applyFont="1" applyBorder="1"/>
    <xf numFmtId="179" fontId="0" fillId="0" borderId="56" xfId="0" applyNumberFormat="1" applyFont="1" applyBorder="1"/>
    <xf numFmtId="179" fontId="0" fillId="0" borderId="39" xfId="0" applyNumberFormat="1" applyFont="1" applyBorder="1"/>
    <xf numFmtId="179" fontId="0" fillId="0" borderId="38" xfId="0" applyNumberFormat="1" applyFont="1" applyBorder="1"/>
    <xf numFmtId="179" fontId="0" fillId="0" borderId="53" xfId="0" applyNumberFormat="1" applyFont="1" applyBorder="1"/>
    <xf numFmtId="179" fontId="0" fillId="0" borderId="8" xfId="0" applyNumberFormat="1" applyFont="1" applyBorder="1"/>
    <xf numFmtId="179" fontId="0" fillId="0" borderId="48" xfId="0" applyNumberFormat="1" applyFont="1" applyBorder="1"/>
    <xf numFmtId="180" fontId="0" fillId="0" borderId="7" xfId="2" applyNumberFormat="1" applyFont="1" applyBorder="1">
      <alignment vertical="center"/>
    </xf>
    <xf numFmtId="180" fontId="0" fillId="0" borderId="5" xfId="2" applyNumberFormat="1" applyFont="1" applyBorder="1">
      <alignment vertical="center"/>
    </xf>
    <xf numFmtId="180" fontId="0" fillId="0" borderId="56" xfId="2" applyNumberFormat="1" applyFont="1" applyBorder="1">
      <alignment vertical="center"/>
    </xf>
    <xf numFmtId="180" fontId="0" fillId="0" borderId="53" xfId="2" applyNumberFormat="1" applyFont="1" applyBorder="1">
      <alignment vertical="center"/>
    </xf>
    <xf numFmtId="180" fontId="0" fillId="0" borderId="54" xfId="2" applyNumberFormat="1" applyFont="1" applyBorder="1">
      <alignment vertical="center"/>
    </xf>
    <xf numFmtId="180" fontId="0" fillId="0" borderId="46" xfId="2" applyNumberFormat="1" applyFont="1" applyBorder="1">
      <alignment vertical="center"/>
    </xf>
    <xf numFmtId="180" fontId="0" fillId="0" borderId="48" xfId="2" applyNumberFormat="1" applyFont="1" applyBorder="1">
      <alignment vertical="center"/>
    </xf>
    <xf numFmtId="180" fontId="0" fillId="0" borderId="8" xfId="1" applyNumberFormat="1" applyFont="1" applyFill="1" applyBorder="1" applyAlignment="1">
      <alignment vertical="center"/>
    </xf>
    <xf numFmtId="180" fontId="0" fillId="0" borderId="5" xfId="1" applyNumberFormat="1" applyFont="1" applyFill="1" applyBorder="1" applyAlignment="1">
      <alignment vertical="center"/>
    </xf>
    <xf numFmtId="180" fontId="0" fillId="0" borderId="46" xfId="1" applyNumberFormat="1" applyFont="1" applyFill="1" applyBorder="1" applyAlignment="1">
      <alignment vertical="center"/>
    </xf>
    <xf numFmtId="180" fontId="0" fillId="0" borderId="5" xfId="0" applyNumberFormat="1" applyFont="1" applyBorder="1"/>
    <xf numFmtId="180" fontId="0" fillId="0" borderId="38" xfId="0" applyNumberFormat="1" applyFont="1" applyBorder="1"/>
    <xf numFmtId="180" fontId="0" fillId="0" borderId="39" xfId="0" applyNumberFormat="1" applyFont="1" applyBorder="1"/>
    <xf numFmtId="180" fontId="0" fillId="0" borderId="8" xfId="0" applyNumberFormat="1" applyFont="1" applyBorder="1"/>
    <xf numFmtId="180" fontId="0" fillId="0" borderId="46" xfId="0" applyNumberFormat="1" applyFont="1" applyBorder="1"/>
    <xf numFmtId="180" fontId="0" fillId="0" borderId="56" xfId="0" applyNumberFormat="1" applyFont="1" applyBorder="1"/>
    <xf numFmtId="180" fontId="0" fillId="0" borderId="53" xfId="0" applyNumberFormat="1" applyFont="1" applyBorder="1"/>
    <xf numFmtId="180" fontId="0" fillId="0" borderId="8" xfId="1" applyNumberFormat="1" applyFont="1" applyFill="1" applyBorder="1" applyAlignment="1"/>
    <xf numFmtId="180" fontId="0" fillId="0" borderId="54" xfId="0" applyNumberFormat="1" applyFont="1" applyBorder="1"/>
    <xf numFmtId="180" fontId="0" fillId="0" borderId="48" xfId="0" applyNumberFormat="1" applyFont="1" applyBorder="1"/>
    <xf numFmtId="180" fontId="0" fillId="0" borderId="61" xfId="2" applyNumberFormat="1" applyFont="1" applyBorder="1">
      <alignment vertical="center"/>
    </xf>
    <xf numFmtId="180" fontId="0" fillId="0" borderId="62" xfId="2" applyNumberFormat="1" applyFont="1" applyBorder="1">
      <alignment vertical="center"/>
    </xf>
    <xf numFmtId="180" fontId="0" fillId="0" borderId="63" xfId="2" applyNumberFormat="1" applyFont="1" applyBorder="1">
      <alignment vertical="center"/>
    </xf>
    <xf numFmtId="180" fontId="0" fillId="0" borderId="0" xfId="2" applyNumberFormat="1" applyFont="1" applyBorder="1">
      <alignment vertical="center"/>
    </xf>
    <xf numFmtId="180" fontId="0" fillId="0" borderId="64" xfId="2" applyNumberFormat="1" applyFont="1" applyBorder="1">
      <alignment vertical="center"/>
    </xf>
    <xf numFmtId="180" fontId="0" fillId="0" borderId="3" xfId="2" applyNumberFormat="1" applyFont="1" applyBorder="1">
      <alignment vertical="center"/>
    </xf>
    <xf numFmtId="180" fontId="0" fillId="0" borderId="42" xfId="2" applyNumberFormat="1" applyFont="1" applyBorder="1">
      <alignment vertical="center"/>
    </xf>
    <xf numFmtId="180" fontId="0" fillId="0" borderId="57" xfId="2" applyNumberFormat="1" applyFont="1" applyBorder="1">
      <alignment vertical="center"/>
    </xf>
    <xf numFmtId="180" fontId="0" fillId="0" borderId="59" xfId="2" applyNumberFormat="1" applyFont="1" applyBorder="1">
      <alignment vertical="center"/>
    </xf>
    <xf numFmtId="179" fontId="0" fillId="0" borderId="57" xfId="0" applyNumberFormat="1" applyFont="1" applyBorder="1"/>
    <xf numFmtId="179" fontId="0" fillId="0" borderId="73" xfId="0" applyNumberFormat="1" applyFont="1" applyBorder="1"/>
    <xf numFmtId="179" fontId="0" fillId="0" borderId="42" xfId="0" applyNumberFormat="1" applyFont="1" applyBorder="1"/>
    <xf numFmtId="179" fontId="0" fillId="0" borderId="47" xfId="0" applyNumberFormat="1" applyFont="1" applyBorder="1"/>
    <xf numFmtId="179" fontId="0" fillId="0" borderId="64" xfId="0" applyNumberFormat="1" applyFont="1" applyBorder="1"/>
    <xf numFmtId="179" fontId="0" fillId="0" borderId="62" xfId="0" applyNumberFormat="1" applyFont="1" applyBorder="1"/>
    <xf numFmtId="179" fontId="0" fillId="0" borderId="0" xfId="0" applyNumberFormat="1" applyFont="1" applyBorder="1"/>
    <xf numFmtId="179" fontId="0" fillId="0" borderId="33" xfId="0" applyNumberFormat="1" applyFont="1" applyBorder="1"/>
    <xf numFmtId="179" fontId="0" fillId="0" borderId="12" xfId="0" applyNumberFormat="1" applyFont="1" applyBorder="1"/>
    <xf numFmtId="179" fontId="0" fillId="0" borderId="13" xfId="0" applyNumberFormat="1" applyFont="1" applyBorder="1"/>
    <xf numFmtId="179" fontId="0" fillId="0" borderId="66" xfId="0" applyNumberFormat="1" applyFont="1" applyBorder="1"/>
    <xf numFmtId="179" fontId="0" fillId="0" borderId="40" xfId="0" applyNumberFormat="1" applyFont="1" applyBorder="1"/>
    <xf numFmtId="179" fontId="0" fillId="0" borderId="25" xfId="0" applyNumberFormat="1" applyFont="1" applyBorder="1"/>
    <xf numFmtId="179" fontId="0" fillId="0" borderId="26" xfId="0" applyNumberFormat="1" applyFont="1" applyBorder="1"/>
    <xf numFmtId="179" fontId="0" fillId="0" borderId="9" xfId="0" applyNumberFormat="1" applyFont="1" applyBorder="1"/>
    <xf numFmtId="179" fontId="0" fillId="0" borderId="30" xfId="0" applyNumberFormat="1" applyFont="1" applyBorder="1"/>
    <xf numFmtId="180" fontId="0" fillId="0" borderId="14" xfId="2" applyNumberFormat="1" applyFont="1" applyBorder="1">
      <alignment vertical="center"/>
    </xf>
    <xf numFmtId="180" fontId="0" fillId="0" borderId="12" xfId="2" applyNumberFormat="1" applyFont="1" applyBorder="1">
      <alignment vertical="center"/>
    </xf>
    <xf numFmtId="180" fontId="0" fillId="0" borderId="66" xfId="2" applyNumberFormat="1" applyFont="1" applyBorder="1">
      <alignment vertical="center"/>
    </xf>
    <xf numFmtId="180" fontId="0" fillId="0" borderId="67" xfId="2" applyNumberFormat="1" applyFont="1" applyBorder="1">
      <alignment vertical="center"/>
    </xf>
    <xf numFmtId="180" fontId="0" fillId="0" borderId="68" xfId="2" applyNumberFormat="1" applyFont="1" applyBorder="1">
      <alignment vertical="center"/>
    </xf>
    <xf numFmtId="180" fontId="0" fillId="0" borderId="69" xfId="2" applyNumberFormat="1" applyFont="1" applyBorder="1">
      <alignment vertical="center"/>
    </xf>
    <xf numFmtId="180" fontId="0" fillId="0" borderId="70" xfId="2" applyNumberFormat="1" applyFont="1" applyBorder="1">
      <alignment vertical="center"/>
    </xf>
    <xf numFmtId="180" fontId="0" fillId="0" borderId="71" xfId="2" applyNumberFormat="1" applyFont="1" applyBorder="1">
      <alignment vertical="center"/>
    </xf>
    <xf numFmtId="180" fontId="0" fillId="0" borderId="30" xfId="2" applyNumberFormat="1" applyFont="1" applyBorder="1">
      <alignment vertical="center"/>
    </xf>
    <xf numFmtId="180" fontId="0" fillId="0" borderId="9" xfId="1" applyNumberFormat="1" applyFont="1" applyFill="1" applyBorder="1" applyAlignment="1">
      <alignment vertical="center"/>
    </xf>
    <xf numFmtId="180" fontId="0" fillId="0" borderId="12" xfId="1" applyNumberFormat="1" applyFont="1" applyFill="1" applyBorder="1" applyAlignment="1">
      <alignment vertical="center"/>
    </xf>
    <xf numFmtId="180" fontId="0" fillId="0" borderId="13" xfId="1" applyNumberFormat="1" applyFont="1" applyFill="1" applyBorder="1" applyAlignment="1">
      <alignment vertical="center"/>
    </xf>
    <xf numFmtId="180" fontId="0" fillId="0" borderId="12" xfId="0" applyNumberFormat="1" applyFont="1" applyBorder="1"/>
    <xf numFmtId="180" fontId="0" fillId="0" borderId="25" xfId="0" applyNumberFormat="1" applyFont="1" applyBorder="1"/>
    <xf numFmtId="180" fontId="0" fillId="0" borderId="40" xfId="0" applyNumberFormat="1" applyFont="1" applyBorder="1"/>
    <xf numFmtId="180" fontId="0" fillId="0" borderId="9" xfId="0" applyNumberFormat="1" applyFont="1" applyBorder="1"/>
    <xf numFmtId="180" fontId="0" fillId="0" borderId="13" xfId="0" applyNumberFormat="1" applyFont="1" applyBorder="1"/>
    <xf numFmtId="180" fontId="0" fillId="0" borderId="66" xfId="0" applyNumberFormat="1" applyFont="1" applyBorder="1"/>
    <xf numFmtId="180" fontId="0" fillId="0" borderId="26" xfId="0" applyNumberFormat="1" applyFont="1" applyBorder="1"/>
    <xf numFmtId="180" fontId="0" fillId="0" borderId="9" xfId="1" applyNumberFormat="1" applyFont="1" applyFill="1" applyBorder="1" applyAlignment="1"/>
    <xf numFmtId="180" fontId="0" fillId="0" borderId="33" xfId="0" applyNumberFormat="1" applyFont="1" applyBorder="1"/>
    <xf numFmtId="180" fontId="0" fillId="0" borderId="30" xfId="0" applyNumberFormat="1" applyFont="1" applyBorder="1"/>
    <xf numFmtId="180" fontId="0" fillId="0" borderId="51" xfId="1" applyNumberFormat="1" applyFont="1" applyFill="1" applyBorder="1" applyAlignment="1">
      <alignment vertical="center" shrinkToFit="1"/>
    </xf>
    <xf numFmtId="180" fontId="0" fillId="0" borderId="53" xfId="1" applyNumberFormat="1" applyFont="1" applyFill="1" applyBorder="1" applyAlignment="1">
      <alignment vertical="center" shrinkToFit="1"/>
    </xf>
    <xf numFmtId="180" fontId="0" fillId="0" borderId="53" xfId="1" applyNumberFormat="1" applyFont="1" applyFill="1" applyBorder="1" applyAlignment="1">
      <alignment vertical="center"/>
    </xf>
    <xf numFmtId="180" fontId="0" fillId="0" borderId="26" xfId="1" applyNumberFormat="1" applyFont="1" applyFill="1" applyBorder="1" applyAlignment="1">
      <alignment vertical="center"/>
    </xf>
    <xf numFmtId="180" fontId="0" fillId="0" borderId="90" xfId="1" applyNumberFormat="1" applyFont="1" applyFill="1" applyBorder="1" applyAlignment="1">
      <alignment vertical="center" shrinkToFit="1"/>
    </xf>
    <xf numFmtId="0" fontId="0" fillId="0" borderId="0" xfId="0" applyFont="1" applyBorder="1" applyAlignment="1">
      <alignment vertical="center" shrinkToFit="1"/>
    </xf>
    <xf numFmtId="0" fontId="0" fillId="0" borderId="78" xfId="0" applyFont="1" applyBorder="1" applyAlignment="1">
      <alignment horizontal="left" vertical="center" shrinkToFit="1"/>
    </xf>
    <xf numFmtId="0" fontId="0" fillId="0" borderId="32" xfId="0" applyFont="1" applyBorder="1" applyAlignment="1">
      <alignment horizontal="left" vertical="center" shrinkToFit="1"/>
    </xf>
    <xf numFmtId="0" fontId="0" fillId="0" borderId="32" xfId="0" applyFont="1" applyBorder="1" applyAlignment="1">
      <alignment horizontal="left" vertical="center"/>
    </xf>
    <xf numFmtId="0" fontId="0" fillId="0" borderId="19" xfId="0" applyFont="1" applyBorder="1" applyAlignment="1">
      <alignment horizontal="left" vertical="center"/>
    </xf>
    <xf numFmtId="178" fontId="0" fillId="0" borderId="51" xfId="0" applyNumberFormat="1" applyFont="1" applyBorder="1" applyAlignment="1">
      <alignment vertical="center"/>
    </xf>
    <xf numFmtId="178" fontId="0" fillId="0" borderId="53" xfId="0" applyNumberFormat="1" applyFont="1" applyBorder="1" applyAlignment="1">
      <alignment vertical="center"/>
    </xf>
    <xf numFmtId="178" fontId="0" fillId="0" borderId="26" xfId="0" applyNumberFormat="1" applyFont="1" applyBorder="1" applyAlignment="1">
      <alignment vertical="center"/>
    </xf>
    <xf numFmtId="178" fontId="0" fillId="0" borderId="51" xfId="1" applyNumberFormat="1" applyFont="1" applyBorder="1" applyAlignment="1">
      <alignment vertical="center"/>
    </xf>
    <xf numFmtId="178" fontId="0" fillId="0" borderId="53" xfId="1" applyNumberFormat="1" applyFont="1" applyBorder="1" applyAlignment="1">
      <alignment vertical="center"/>
    </xf>
    <xf numFmtId="178" fontId="0" fillId="0" borderId="26" xfId="1" applyNumberFormat="1" applyFont="1" applyBorder="1" applyAlignment="1">
      <alignment vertical="center"/>
    </xf>
    <xf numFmtId="0" fontId="5" fillId="0" borderId="0" xfId="0" applyFont="1" applyAlignment="1">
      <alignment horizontal="center" vertical="center"/>
    </xf>
    <xf numFmtId="0" fontId="3" fillId="0" borderId="95" xfId="0" applyFont="1" applyBorder="1" applyAlignment="1">
      <alignment horizontal="center" vertical="center"/>
    </xf>
    <xf numFmtId="0" fontId="3" fillId="0" borderId="77" xfId="0" applyFont="1" applyBorder="1" applyAlignment="1">
      <alignment horizontal="center" vertical="center"/>
    </xf>
    <xf numFmtId="0" fontId="3" fillId="0" borderId="10" xfId="0" applyFont="1" applyBorder="1" applyAlignment="1">
      <alignment horizontal="center" vertical="center"/>
    </xf>
    <xf numFmtId="0" fontId="0" fillId="0" borderId="87" xfId="0" applyFont="1" applyBorder="1" applyAlignment="1">
      <alignment horizontal="left" vertical="center"/>
    </xf>
    <xf numFmtId="0" fontId="0" fillId="0" borderId="88" xfId="0" applyFont="1" applyBorder="1" applyAlignment="1">
      <alignment horizontal="left" vertical="center"/>
    </xf>
    <xf numFmtId="0" fontId="0" fillId="0" borderId="1" xfId="0" applyFont="1" applyBorder="1" applyAlignment="1">
      <alignment horizontal="left" vertical="center"/>
    </xf>
    <xf numFmtId="0" fontId="0" fillId="0" borderId="77" xfId="0" applyFont="1" applyBorder="1" applyAlignment="1">
      <alignment horizontal="left" vertical="center"/>
    </xf>
    <xf numFmtId="0" fontId="0" fillId="0" borderId="10" xfId="0" applyFont="1" applyBorder="1" applyAlignment="1">
      <alignment horizontal="left" vertical="center"/>
    </xf>
    <xf numFmtId="0" fontId="0" fillId="0" borderId="1" xfId="0" applyFont="1" applyBorder="1" applyAlignment="1">
      <alignment horizontal="center" vertical="center"/>
    </xf>
    <xf numFmtId="0" fontId="0" fillId="0" borderId="77" xfId="0" applyFont="1" applyBorder="1" applyAlignment="1">
      <alignment horizontal="center" vertical="center"/>
    </xf>
    <xf numFmtId="0" fontId="0" fillId="0" borderId="10" xfId="0" applyFont="1" applyBorder="1" applyAlignment="1">
      <alignment horizontal="center" vertical="center"/>
    </xf>
    <xf numFmtId="0" fontId="0" fillId="0" borderId="85" xfId="0" applyFont="1" applyBorder="1" applyAlignment="1">
      <alignment horizontal="center" vertical="center"/>
    </xf>
    <xf numFmtId="0" fontId="0" fillId="0" borderId="70" xfId="0" applyFont="1" applyBorder="1" applyAlignment="1">
      <alignment horizontal="center" vertical="center"/>
    </xf>
    <xf numFmtId="0" fontId="0" fillId="0" borderId="86"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0" fillId="0" borderId="92" xfId="0" applyFont="1" applyBorder="1" applyAlignment="1">
      <alignment horizontal="center" vertical="center"/>
    </xf>
    <xf numFmtId="0" fontId="0" fillId="0" borderId="87" xfId="0" applyFont="1" applyBorder="1" applyAlignment="1">
      <alignment horizontal="center" vertical="center"/>
    </xf>
    <xf numFmtId="0" fontId="0" fillId="0" borderId="88" xfId="0" applyFont="1" applyBorder="1" applyAlignment="1">
      <alignment horizontal="center" vertical="center"/>
    </xf>
    <xf numFmtId="0" fontId="0" fillId="0" borderId="28" xfId="0" applyFont="1" applyBorder="1" applyAlignment="1">
      <alignment horizontal="center" vertical="center"/>
    </xf>
    <xf numFmtId="185" fontId="0" fillId="0" borderId="0" xfId="0" applyNumberFormat="1" applyFont="1" applyBorder="1" applyAlignment="1">
      <alignment horizontal="center" vertical="center"/>
    </xf>
    <xf numFmtId="186" fontId="5" fillId="0" borderId="0" xfId="0" applyNumberFormat="1" applyFont="1" applyBorder="1" applyAlignment="1">
      <alignment horizontal="right" vertical="center"/>
    </xf>
    <xf numFmtId="0" fontId="0" fillId="0" borderId="16" xfId="0" applyFont="1" applyBorder="1" applyAlignment="1">
      <alignment horizontal="center" vertical="center"/>
    </xf>
    <xf numFmtId="0" fontId="0" fillId="0" borderId="2" xfId="0" applyFont="1" applyBorder="1" applyAlignment="1">
      <alignment horizontal="center" vertical="center"/>
    </xf>
    <xf numFmtId="0" fontId="0" fillId="0" borderId="80" xfId="0" applyFont="1" applyBorder="1" applyAlignment="1">
      <alignment horizontal="center" vertical="center"/>
    </xf>
    <xf numFmtId="182" fontId="0" fillId="0" borderId="0" xfId="0" applyNumberFormat="1" applyFont="1" applyAlignment="1">
      <alignment horizontal="center" vertical="center"/>
    </xf>
    <xf numFmtId="0" fontId="2" fillId="0" borderId="18" xfId="3" applyFont="1" applyBorder="1" applyAlignment="1">
      <alignment horizontal="center" vertical="center"/>
    </xf>
    <xf numFmtId="0" fontId="2" fillId="0" borderId="2" xfId="3" applyFont="1" applyBorder="1" applyAlignment="1">
      <alignment horizontal="center" vertical="center"/>
    </xf>
    <xf numFmtId="0" fontId="2" fillId="0" borderId="80" xfId="3" applyFont="1" applyBorder="1" applyAlignment="1">
      <alignment horizontal="center" vertical="center"/>
    </xf>
    <xf numFmtId="0" fontId="2" fillId="0" borderId="97" xfId="3" applyFont="1" applyBorder="1" applyAlignment="1">
      <alignment horizontal="center" vertical="center"/>
    </xf>
    <xf numFmtId="0" fontId="2" fillId="0" borderId="98" xfId="3" applyFont="1" applyBorder="1" applyAlignment="1">
      <alignment horizontal="center" vertical="center"/>
    </xf>
    <xf numFmtId="0" fontId="2" fillId="0" borderId="99" xfId="3" applyFont="1" applyBorder="1" applyAlignment="1">
      <alignment horizontal="center" vertical="center"/>
    </xf>
    <xf numFmtId="0" fontId="2" fillId="0" borderId="51" xfId="3" applyFont="1" applyBorder="1" applyAlignment="1">
      <alignment horizontal="center" vertical="center"/>
    </xf>
    <xf numFmtId="0" fontId="2" fillId="0" borderId="35" xfId="3" applyFont="1" applyBorder="1" applyAlignment="1">
      <alignment horizontal="center" vertical="center"/>
    </xf>
    <xf numFmtId="0" fontId="2" fillId="0" borderId="36" xfId="3" applyFont="1" applyBorder="1" applyAlignment="1">
      <alignment horizontal="center" vertical="center"/>
    </xf>
    <xf numFmtId="0" fontId="2" fillId="0" borderId="37" xfId="3" applyFont="1" applyBorder="1" applyAlignment="1">
      <alignment horizontal="center" vertical="center"/>
    </xf>
    <xf numFmtId="0" fontId="2" fillId="0" borderId="40" xfId="3" applyFont="1" applyBorder="1" applyAlignment="1">
      <alignment horizontal="center" vertical="center"/>
    </xf>
    <xf numFmtId="0" fontId="2" fillId="0" borderId="34" xfId="3" applyFont="1" applyBorder="1" applyAlignment="1">
      <alignment horizontal="center" vertical="center"/>
    </xf>
    <xf numFmtId="182" fontId="2" fillId="0" borderId="0" xfId="0" applyNumberFormat="1" applyFont="1" applyAlignment="1">
      <alignment horizontal="center" vertical="center"/>
    </xf>
    <xf numFmtId="0" fontId="2" fillId="0" borderId="1" xfId="3" applyFont="1" applyBorder="1" applyAlignment="1">
      <alignment horizontal="center" vertical="center"/>
    </xf>
    <xf numFmtId="0" fontId="2" fillId="0" borderId="28" xfId="3" applyFont="1" applyBorder="1" applyAlignment="1">
      <alignment horizontal="center" vertical="center"/>
    </xf>
    <xf numFmtId="0" fontId="2" fillId="0" borderId="85" xfId="3" applyFont="1" applyBorder="1" applyAlignment="1">
      <alignment horizontal="center" vertical="center"/>
    </xf>
    <xf numFmtId="0" fontId="2" fillId="0" borderId="43" xfId="3" applyFont="1" applyBorder="1" applyAlignment="1">
      <alignment horizontal="center" vertical="center"/>
    </xf>
    <xf numFmtId="0" fontId="0" fillId="0" borderId="97" xfId="3" applyFont="1" applyBorder="1" applyAlignment="1">
      <alignment horizontal="center" vertical="center"/>
    </xf>
    <xf numFmtId="0" fontId="0" fillId="0" borderId="98" xfId="3" applyFont="1" applyBorder="1" applyAlignment="1">
      <alignment horizontal="center" vertical="center"/>
    </xf>
    <xf numFmtId="0" fontId="0" fillId="0" borderId="99" xfId="3" applyFont="1" applyBorder="1" applyAlignment="1">
      <alignment horizontal="center" vertical="center"/>
    </xf>
    <xf numFmtId="0" fontId="0" fillId="0" borderId="1" xfId="3" applyFont="1" applyBorder="1" applyAlignment="1">
      <alignment horizontal="center" vertical="center"/>
    </xf>
    <xf numFmtId="0" fontId="0" fillId="0" borderId="28" xfId="3" applyFont="1" applyBorder="1" applyAlignment="1">
      <alignment horizontal="center" vertical="center"/>
    </xf>
    <xf numFmtId="0" fontId="0" fillId="0" borderId="85" xfId="3" applyFont="1" applyBorder="1" applyAlignment="1">
      <alignment horizontal="center" vertical="center"/>
    </xf>
    <xf numFmtId="0" fontId="0" fillId="0" borderId="37" xfId="3" applyFont="1" applyBorder="1" applyAlignment="1">
      <alignment horizontal="center" vertical="center"/>
    </xf>
    <xf numFmtId="0" fontId="0" fillId="0" borderId="40" xfId="3" applyFont="1" applyBorder="1" applyAlignment="1">
      <alignment horizontal="center" vertical="center"/>
    </xf>
    <xf numFmtId="0" fontId="0" fillId="0" borderId="34" xfId="3" applyFont="1" applyBorder="1" applyAlignment="1">
      <alignment horizontal="center" vertical="center"/>
    </xf>
    <xf numFmtId="0" fontId="0" fillId="0" borderId="35" xfId="3" applyFont="1" applyBorder="1" applyAlignment="1">
      <alignment horizontal="center" vertical="center"/>
    </xf>
    <xf numFmtId="0" fontId="0" fillId="0" borderId="36" xfId="3" applyFont="1" applyBorder="1" applyAlignment="1">
      <alignment horizontal="center" vertical="center"/>
    </xf>
    <xf numFmtId="0" fontId="0" fillId="0" borderId="51" xfId="3" applyFont="1" applyBorder="1" applyAlignment="1">
      <alignment horizontal="center" vertical="center"/>
    </xf>
    <xf numFmtId="0" fontId="0" fillId="0" borderId="43" xfId="3" applyFont="1" applyBorder="1" applyAlignment="1">
      <alignment horizontal="center" vertical="center"/>
    </xf>
    <xf numFmtId="0" fontId="0" fillId="0" borderId="18" xfId="3" applyFont="1" applyBorder="1" applyAlignment="1">
      <alignment horizontal="center" vertical="center"/>
    </xf>
    <xf numFmtId="0" fontId="0" fillId="0" borderId="2" xfId="3" applyFont="1" applyBorder="1" applyAlignment="1">
      <alignment horizontal="center" vertical="center"/>
    </xf>
    <xf numFmtId="0" fontId="0" fillId="0" borderId="80" xfId="3" applyFont="1" applyBorder="1" applyAlignment="1">
      <alignment horizontal="center" vertical="center"/>
    </xf>
    <xf numFmtId="0" fontId="0" fillId="0" borderId="92" xfId="3" applyFont="1" applyBorder="1" applyAlignment="1">
      <alignment horizontal="center" vertical="center"/>
    </xf>
    <xf numFmtId="0" fontId="0" fillId="0" borderId="87" xfId="3" applyFont="1" applyBorder="1" applyAlignment="1">
      <alignment horizontal="center" vertical="center"/>
    </xf>
    <xf numFmtId="0" fontId="0" fillId="0" borderId="88" xfId="3" applyFont="1" applyBorder="1" applyAlignment="1">
      <alignment horizontal="center" vertical="center"/>
    </xf>
    <xf numFmtId="0" fontId="0" fillId="0" borderId="81" xfId="3" applyFont="1" applyBorder="1" applyAlignment="1">
      <alignment horizontal="center" vertical="center"/>
    </xf>
    <xf numFmtId="0" fontId="0" fillId="0" borderId="82" xfId="3" applyFont="1" applyBorder="1" applyAlignment="1">
      <alignment horizontal="center" vertical="center"/>
    </xf>
    <xf numFmtId="0" fontId="0" fillId="0" borderId="91" xfId="3" applyFont="1" applyBorder="1" applyAlignment="1">
      <alignment horizontal="center" vertical="center"/>
    </xf>
    <xf numFmtId="0" fontId="0" fillId="0" borderId="77" xfId="3" applyFont="1" applyBorder="1" applyAlignment="1">
      <alignment horizontal="center" vertical="center"/>
    </xf>
    <xf numFmtId="0" fontId="0" fillId="0" borderId="10" xfId="3" applyFont="1" applyBorder="1" applyAlignment="1">
      <alignment horizontal="center" vertical="center"/>
    </xf>
    <xf numFmtId="0" fontId="0" fillId="0" borderId="52" xfId="3" applyFont="1" applyBorder="1" applyAlignment="1">
      <alignment horizontal="center" vertical="center"/>
    </xf>
    <xf numFmtId="0" fontId="0" fillId="0" borderId="93" xfId="3" applyFont="1" applyBorder="1" applyAlignment="1">
      <alignment horizontal="center" vertical="center"/>
    </xf>
    <xf numFmtId="0" fontId="0" fillId="0" borderId="84" xfId="3" applyFont="1" applyBorder="1" applyAlignment="1">
      <alignment horizontal="center" vertical="center"/>
    </xf>
    <xf numFmtId="0" fontId="0" fillId="0" borderId="60" xfId="3" applyFont="1" applyBorder="1" applyAlignment="1">
      <alignment horizontal="center" vertical="center"/>
    </xf>
    <xf numFmtId="0" fontId="0" fillId="0" borderId="58" xfId="3" applyFont="1" applyBorder="1" applyAlignment="1">
      <alignment horizontal="center" vertical="center"/>
    </xf>
    <xf numFmtId="0" fontId="0" fillId="0" borderId="44" xfId="3" applyFont="1" applyBorder="1" applyAlignment="1">
      <alignment horizontal="center" vertical="center"/>
    </xf>
    <xf numFmtId="0" fontId="0" fillId="0" borderId="27" xfId="3" applyFont="1" applyBorder="1" applyAlignment="1">
      <alignment horizontal="center" vertical="center"/>
    </xf>
    <xf numFmtId="0" fontId="0" fillId="0" borderId="8" xfId="3" applyFont="1" applyBorder="1" applyAlignment="1">
      <alignment horizontal="center" vertical="center"/>
    </xf>
    <xf numFmtId="0" fontId="0" fillId="0" borderId="9" xfId="3" applyFont="1" applyBorder="1" applyAlignment="1">
      <alignment horizontal="center" vertical="center"/>
    </xf>
    <xf numFmtId="0" fontId="0" fillId="0" borderId="79" xfId="3" applyFont="1" applyBorder="1" applyAlignment="1">
      <alignment horizontal="center" vertical="center"/>
    </xf>
    <xf numFmtId="0" fontId="0" fillId="0" borderId="5" xfId="3" applyFont="1" applyBorder="1" applyAlignment="1">
      <alignment horizontal="center" vertical="center"/>
    </xf>
    <xf numFmtId="0" fontId="0" fillId="0" borderId="46" xfId="3" applyFont="1" applyBorder="1" applyAlignment="1">
      <alignment horizontal="center" vertical="center"/>
    </xf>
    <xf numFmtId="0" fontId="0" fillId="0" borderId="54" xfId="3" applyFont="1" applyBorder="1" applyAlignment="1">
      <alignment horizontal="center" vertical="center"/>
    </xf>
    <xf numFmtId="0" fontId="0" fillId="0" borderId="38" xfId="3" applyFont="1" applyBorder="1" applyAlignment="1">
      <alignment horizontal="center" vertical="center"/>
    </xf>
    <xf numFmtId="0" fontId="0" fillId="0" borderId="39" xfId="3" applyFont="1" applyBorder="1" applyAlignment="1">
      <alignment horizontal="center" vertical="center"/>
    </xf>
    <xf numFmtId="0" fontId="0" fillId="0" borderId="8" xfId="0" applyFont="1" applyBorder="1" applyAlignment="1">
      <alignment horizontal="center" vertical="center"/>
    </xf>
    <xf numFmtId="0" fontId="0" fillId="0" borderId="5" xfId="0" applyFont="1" applyBorder="1" applyAlignment="1">
      <alignment horizontal="center" vertical="center"/>
    </xf>
    <xf numFmtId="0" fontId="0" fillId="0" borderId="38" xfId="0" applyFont="1" applyBorder="1" applyAlignment="1">
      <alignment horizontal="center" vertical="center"/>
    </xf>
    <xf numFmtId="0" fontId="0" fillId="0" borderId="65" xfId="0" applyFont="1" applyBorder="1" applyAlignment="1">
      <alignment horizontal="center" vertical="center"/>
    </xf>
    <xf numFmtId="0" fontId="0" fillId="0" borderId="56" xfId="0" applyFont="1" applyBorder="1" applyAlignment="1">
      <alignment horizontal="center" vertical="center"/>
    </xf>
    <xf numFmtId="0" fontId="0" fillId="0" borderId="47" xfId="0" applyFont="1" applyBorder="1" applyAlignment="1">
      <alignment horizontal="center" vertical="center"/>
    </xf>
    <xf numFmtId="0" fontId="0" fillId="0" borderId="48" xfId="0" applyFont="1" applyBorder="1" applyAlignment="1">
      <alignment horizontal="center" vertical="center" wrapText="1"/>
    </xf>
    <xf numFmtId="0" fontId="0" fillId="0" borderId="29" xfId="0" applyFont="1" applyBorder="1" applyAlignment="1">
      <alignment horizontal="center" vertical="center" wrapText="1"/>
    </xf>
    <xf numFmtId="0" fontId="0" fillId="0" borderId="59" xfId="0" applyFont="1" applyBorder="1" applyAlignment="1">
      <alignment horizontal="center" vertical="center" wrapText="1"/>
    </xf>
    <xf numFmtId="0" fontId="0" fillId="0" borderId="55" xfId="0" applyFont="1" applyBorder="1" applyAlignment="1">
      <alignment horizontal="center" vertical="center"/>
    </xf>
    <xf numFmtId="0" fontId="0" fillId="0" borderId="42" xfId="0" applyFont="1" applyBorder="1" applyAlignment="1">
      <alignment horizontal="center" vertical="center"/>
    </xf>
    <xf numFmtId="0" fontId="0" fillId="0" borderId="4" xfId="0" applyFont="1" applyBorder="1" applyAlignment="1">
      <alignment horizontal="center" vertical="center"/>
    </xf>
    <xf numFmtId="0" fontId="0" fillId="0" borderId="74" xfId="0" applyFont="1" applyBorder="1" applyAlignment="1">
      <alignment horizontal="center" vertical="center"/>
    </xf>
    <xf numFmtId="0" fontId="0" fillId="0" borderId="75" xfId="0" applyFont="1" applyBorder="1" applyAlignment="1">
      <alignment horizontal="center" vertical="center"/>
    </xf>
    <xf numFmtId="0" fontId="0" fillId="0" borderId="56" xfId="0" applyFont="1" applyBorder="1" applyAlignment="1">
      <alignment horizontal="center" vertical="center" wrapText="1"/>
    </xf>
    <xf numFmtId="0" fontId="0" fillId="0" borderId="76" xfId="0" applyFont="1" applyBorder="1" applyAlignment="1">
      <alignment horizontal="center" vertical="center" wrapText="1"/>
    </xf>
    <xf numFmtId="0" fontId="0" fillId="0" borderId="49" xfId="0" applyFont="1" applyBorder="1" applyAlignment="1">
      <alignment horizontal="center" vertical="center"/>
    </xf>
    <xf numFmtId="0" fontId="0" fillId="0" borderId="1" xfId="0" applyFont="1" applyBorder="1" applyAlignment="1">
      <alignment vertical="center"/>
    </xf>
    <xf numFmtId="0" fontId="0" fillId="0" borderId="77" xfId="0" applyFont="1" applyBorder="1" applyAlignment="1">
      <alignment vertical="center"/>
    </xf>
    <xf numFmtId="0" fontId="0" fillId="0" borderId="10" xfId="0" applyFont="1" applyBorder="1" applyAlignment="1">
      <alignment vertical="center"/>
    </xf>
    <xf numFmtId="0" fontId="0" fillId="0" borderId="81" xfId="0" applyFont="1" applyBorder="1" applyAlignment="1">
      <alignment horizontal="center" vertical="center"/>
    </xf>
    <xf numFmtId="0" fontId="0" fillId="0" borderId="82" xfId="0" applyFont="1" applyBorder="1" applyAlignment="1">
      <alignment horizontal="center" vertical="center"/>
    </xf>
    <xf numFmtId="0" fontId="0" fillId="0" borderId="78" xfId="0" applyFont="1" applyBorder="1" applyAlignment="1">
      <alignment horizontal="center" vertical="center"/>
    </xf>
    <xf numFmtId="0" fontId="0" fillId="0" borderId="77" xfId="0" applyFont="1" applyBorder="1" applyAlignment="1"/>
    <xf numFmtId="0" fontId="0" fillId="0" borderId="10" xfId="0" applyFont="1" applyBorder="1" applyAlignment="1"/>
    <xf numFmtId="0" fontId="0" fillId="0" borderId="57" xfId="0" applyFont="1" applyBorder="1" applyAlignment="1">
      <alignment horizontal="center" vertical="center" wrapText="1"/>
    </xf>
    <xf numFmtId="182" fontId="0" fillId="0" borderId="0" xfId="0" applyNumberFormat="1" applyFont="1" applyAlignment="1">
      <alignment horizontal="left" vertical="center"/>
    </xf>
    <xf numFmtId="0" fontId="0" fillId="0" borderId="89" xfId="0" applyFont="1" applyBorder="1" applyAlignment="1">
      <alignment horizontal="center" vertical="center"/>
    </xf>
    <xf numFmtId="0" fontId="0" fillId="0" borderId="83" xfId="0" applyFont="1" applyBorder="1" applyAlignment="1">
      <alignment horizontal="center" vertical="center"/>
    </xf>
    <xf numFmtId="0" fontId="0" fillId="0" borderId="53" xfId="0" applyFont="1" applyBorder="1" applyAlignment="1">
      <alignment horizontal="center" vertical="center"/>
    </xf>
    <xf numFmtId="0" fontId="0" fillId="0" borderId="46" xfId="0" applyFont="1" applyBorder="1" applyAlignment="1">
      <alignment horizontal="center" vertical="center"/>
    </xf>
    <xf numFmtId="0" fontId="0" fillId="0" borderId="39" xfId="0" applyFont="1" applyBorder="1" applyAlignment="1">
      <alignment horizontal="center" vertical="center"/>
    </xf>
    <xf numFmtId="0" fontId="0" fillId="0" borderId="90" xfId="0" applyFont="1" applyBorder="1" applyAlignment="1">
      <alignment horizontal="center" vertical="center"/>
    </xf>
    <xf numFmtId="0" fontId="0" fillId="0" borderId="73" xfId="0" applyFont="1" applyBorder="1" applyAlignment="1">
      <alignment horizontal="center" vertical="center"/>
    </xf>
    <xf numFmtId="0" fontId="0" fillId="0" borderId="0" xfId="0" applyFont="1" applyBorder="1" applyAlignment="1">
      <alignment horizontal="center" vertical="center"/>
    </xf>
    <xf numFmtId="0" fontId="0" fillId="0" borderId="101" xfId="0" applyFont="1" applyBorder="1" applyAlignment="1">
      <alignment horizontal="center" vertical="center"/>
    </xf>
    <xf numFmtId="0" fontId="0" fillId="0" borderId="28"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101" xfId="0" applyFont="1" applyFill="1" applyBorder="1" applyAlignment="1">
      <alignment horizontal="center" vertical="center"/>
    </xf>
    <xf numFmtId="0" fontId="0" fillId="0" borderId="3" xfId="0" applyFont="1" applyFill="1" applyBorder="1" applyAlignment="1">
      <alignment horizontal="center" vertical="center"/>
    </xf>
    <xf numFmtId="0" fontId="0" fillId="0" borderId="57" xfId="0" applyFont="1" applyFill="1" applyBorder="1" applyAlignment="1">
      <alignment horizontal="center" vertical="center"/>
    </xf>
    <xf numFmtId="0" fontId="0" fillId="0" borderId="59" xfId="0" applyFont="1" applyFill="1" applyBorder="1" applyAlignment="1">
      <alignment horizontal="center" vertical="center"/>
    </xf>
    <xf numFmtId="0" fontId="0" fillId="0" borderId="1" xfId="0" applyFont="1" applyFill="1" applyBorder="1" applyAlignment="1">
      <alignment horizontal="center" vertical="center"/>
    </xf>
    <xf numFmtId="0" fontId="0" fillId="0" borderId="77" xfId="0" applyFont="1" applyFill="1" applyBorder="1" applyAlignment="1">
      <alignment horizontal="center" vertical="center"/>
    </xf>
    <xf numFmtId="0" fontId="0" fillId="0" borderId="10" xfId="0" applyFont="1" applyFill="1" applyBorder="1" applyAlignment="1">
      <alignment horizontal="center" vertical="center"/>
    </xf>
    <xf numFmtId="182" fontId="0" fillId="0" borderId="0" xfId="0" applyNumberFormat="1" applyFont="1" applyBorder="1" applyAlignment="1">
      <alignment horizontal="center" vertical="center"/>
    </xf>
    <xf numFmtId="0" fontId="0" fillId="0" borderId="29" xfId="0" applyFont="1" applyBorder="1" applyAlignment="1">
      <alignment horizontal="center" vertical="center"/>
    </xf>
    <xf numFmtId="0" fontId="0" fillId="0" borderId="66" xfId="0" applyFont="1" applyBorder="1" applyAlignment="1">
      <alignment horizontal="center" vertical="center"/>
    </xf>
    <xf numFmtId="0" fontId="0" fillId="0" borderId="40" xfId="0" applyFont="1" applyBorder="1" applyAlignment="1">
      <alignment horizontal="center" vertical="center"/>
    </xf>
    <xf numFmtId="0" fontId="0" fillId="0" borderId="30" xfId="0" applyFont="1" applyBorder="1" applyAlignment="1">
      <alignment horizontal="center" vertical="center"/>
    </xf>
    <xf numFmtId="0" fontId="0" fillId="0" borderId="94" xfId="0" applyFont="1" applyBorder="1" applyAlignment="1">
      <alignment horizontal="center" vertical="center"/>
    </xf>
    <xf numFmtId="0" fontId="0" fillId="0" borderId="84" xfId="0" applyFont="1" applyBorder="1" applyAlignment="1">
      <alignment horizontal="center" vertical="center"/>
    </xf>
    <xf numFmtId="0" fontId="0" fillId="0" borderId="31" xfId="0" applyFont="1" applyBorder="1" applyAlignment="1">
      <alignment horizontal="center" vertical="center"/>
    </xf>
    <xf numFmtId="0" fontId="0" fillId="0" borderId="32" xfId="0" applyFont="1" applyBorder="1" applyAlignment="1">
      <alignment horizontal="center" vertical="center"/>
    </xf>
    <xf numFmtId="0" fontId="0" fillId="0" borderId="19" xfId="0" applyFont="1" applyBorder="1" applyAlignment="1">
      <alignment horizontal="center" vertical="center"/>
    </xf>
    <xf numFmtId="0" fontId="0" fillId="0" borderId="77" xfId="0" applyFont="1" applyBorder="1" applyAlignment="1">
      <alignment vertical="top"/>
    </xf>
    <xf numFmtId="0" fontId="0" fillId="0" borderId="0" xfId="0" applyFont="1" applyBorder="1" applyAlignment="1">
      <alignment vertical="top"/>
    </xf>
    <xf numFmtId="0" fontId="0" fillId="0" borderId="57" xfId="0" applyFont="1" applyBorder="1" applyAlignment="1">
      <alignment vertical="top"/>
    </xf>
    <xf numFmtId="0" fontId="0" fillId="0" borderId="16" xfId="0" applyFont="1" applyBorder="1" applyAlignment="1">
      <alignment vertical="center"/>
    </xf>
    <xf numFmtId="0" fontId="0" fillId="0" borderId="2" xfId="0" applyFont="1" applyBorder="1" applyAlignment="1">
      <alignment vertical="center"/>
    </xf>
    <xf numFmtId="0" fontId="0" fillId="0" borderId="80" xfId="0" applyFont="1" applyBorder="1" applyAlignment="1">
      <alignment vertical="center"/>
    </xf>
    <xf numFmtId="0" fontId="0" fillId="0" borderId="34" xfId="0" applyFont="1" applyBorder="1" applyAlignment="1">
      <alignment horizontal="center" vertical="center"/>
    </xf>
    <xf numFmtId="0" fontId="0" fillId="0" borderId="35" xfId="0" applyFont="1" applyBorder="1" applyAlignment="1">
      <alignment horizontal="center" vertical="center"/>
    </xf>
    <xf numFmtId="0" fontId="0" fillId="0" borderId="79" xfId="0" applyFont="1" applyBorder="1" applyAlignment="1">
      <alignment horizontal="center" vertical="center"/>
    </xf>
    <xf numFmtId="0" fontId="0" fillId="0" borderId="9" xfId="0" applyFont="1" applyBorder="1" applyAlignment="1">
      <alignment horizontal="center" vertical="center"/>
    </xf>
    <xf numFmtId="0" fontId="0" fillId="0" borderId="12" xfId="0" applyFont="1" applyBorder="1" applyAlignment="1">
      <alignment horizontal="center" vertical="center"/>
    </xf>
    <xf numFmtId="0" fontId="0" fillId="0" borderId="41" xfId="0" applyFont="1" applyBorder="1" applyAlignment="1">
      <alignment horizontal="center" vertical="center"/>
    </xf>
    <xf numFmtId="0" fontId="0" fillId="0" borderId="72" xfId="0" applyFont="1" applyBorder="1" applyAlignment="1">
      <alignment horizontal="center" vertical="center"/>
    </xf>
    <xf numFmtId="0" fontId="0" fillId="0" borderId="7" xfId="0" applyFont="1" applyBorder="1" applyAlignment="1">
      <alignment horizontal="center" vertical="center"/>
    </xf>
    <xf numFmtId="0" fontId="0" fillId="0" borderId="48" xfId="0" applyFont="1" applyBorder="1" applyAlignment="1">
      <alignment horizontal="center" vertical="center"/>
    </xf>
    <xf numFmtId="182" fontId="0" fillId="0" borderId="0" xfId="0" applyNumberFormat="1" applyFont="1" applyBorder="1" applyAlignment="1">
      <alignment horizontal="left" vertical="center"/>
    </xf>
    <xf numFmtId="0" fontId="0" fillId="0" borderId="97" xfId="0" applyFont="1" applyBorder="1" applyAlignment="1">
      <alignment horizontal="center" vertical="center"/>
    </xf>
    <xf numFmtId="0" fontId="0" fillId="0" borderId="98" xfId="0" applyFont="1" applyBorder="1" applyAlignment="1">
      <alignment horizontal="center" vertical="center"/>
    </xf>
    <xf numFmtId="0" fontId="0" fillId="0" borderId="99" xfId="0" applyFont="1" applyBorder="1" applyAlignment="1">
      <alignment horizontal="center" vertical="center"/>
    </xf>
    <xf numFmtId="0" fontId="0" fillId="0" borderId="27" xfId="0" applyFont="1" applyBorder="1" applyAlignment="1">
      <alignment horizontal="center" vertical="center"/>
    </xf>
    <xf numFmtId="0" fontId="0" fillId="0" borderId="14" xfId="0" applyFont="1" applyBorder="1" applyAlignment="1">
      <alignment horizontal="center" vertical="center"/>
    </xf>
    <xf numFmtId="0" fontId="0" fillId="0" borderId="100" xfId="0" applyFont="1"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0.7773437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418" t="s">
        <v>0</v>
      </c>
      <c r="F1" s="418"/>
      <c r="G1" s="418"/>
      <c r="H1" s="418"/>
      <c r="I1" s="2"/>
      <c r="J1" s="2"/>
      <c r="K1" s="2"/>
      <c r="L1" s="2"/>
    </row>
    <row r="2" spans="1:13" ht="24" customHeight="1" x14ac:dyDescent="0.2">
      <c r="A2" s="2"/>
      <c r="B2" s="2"/>
      <c r="C2" s="2"/>
      <c r="D2" s="2"/>
      <c r="E2" s="2"/>
      <c r="F2" s="41">
        <v>6</v>
      </c>
      <c r="G2" s="16">
        <v>9</v>
      </c>
      <c r="H2" s="2"/>
      <c r="I2" s="2"/>
      <c r="J2" s="2"/>
      <c r="K2" s="2"/>
      <c r="L2" s="2"/>
      <c r="M2" s="2"/>
    </row>
    <row r="3" spans="1:13" ht="24" customHeight="1" x14ac:dyDescent="0.2"/>
    <row r="4" spans="1:13" ht="20.25" customHeight="1" x14ac:dyDescent="0.2">
      <c r="D4" s="3"/>
      <c r="E4" s="4" t="s">
        <v>1</v>
      </c>
      <c r="F4" s="3"/>
      <c r="H4" s="23">
        <f>G2</f>
        <v>9</v>
      </c>
    </row>
    <row r="5" spans="1:13" ht="10.5" customHeight="1" thickBot="1" x14ac:dyDescent="0.25">
      <c r="E5" s="5"/>
    </row>
    <row r="6" spans="1:13" ht="21" customHeight="1" x14ac:dyDescent="0.2">
      <c r="E6" s="38"/>
      <c r="F6" s="419" t="s">
        <v>2</v>
      </c>
      <c r="G6" s="420"/>
      <c r="H6" s="420"/>
      <c r="I6" s="421"/>
    </row>
    <row r="7" spans="1:13" ht="21" customHeight="1" x14ac:dyDescent="0.2">
      <c r="E7" s="6"/>
      <c r="F7" s="7"/>
      <c r="G7" s="8" t="s">
        <v>3</v>
      </c>
      <c r="H7" s="39" t="s">
        <v>147</v>
      </c>
      <c r="I7" s="40" t="s">
        <v>146</v>
      </c>
    </row>
    <row r="8" spans="1:13" ht="21" customHeight="1" x14ac:dyDescent="0.2">
      <c r="E8" s="65" t="s">
        <v>4</v>
      </c>
      <c r="F8" s="43">
        <v>2356542</v>
      </c>
      <c r="G8" s="43">
        <v>985427</v>
      </c>
      <c r="H8" s="43">
        <v>954622</v>
      </c>
      <c r="I8" s="44">
        <v>416493</v>
      </c>
    </row>
    <row r="9" spans="1:13" ht="21" customHeight="1" x14ac:dyDescent="0.2">
      <c r="E9" s="66" t="s">
        <v>5</v>
      </c>
      <c r="F9" s="45">
        <v>941664</v>
      </c>
      <c r="G9" s="45">
        <v>393972</v>
      </c>
      <c r="H9" s="45">
        <v>375510</v>
      </c>
      <c r="I9" s="46">
        <v>172182</v>
      </c>
    </row>
    <row r="10" spans="1:13" ht="21" customHeight="1" x14ac:dyDescent="0.2">
      <c r="E10" s="66" t="s">
        <v>6</v>
      </c>
      <c r="F10" s="45">
        <v>310974</v>
      </c>
      <c r="G10" s="45">
        <v>137063</v>
      </c>
      <c r="H10" s="45">
        <v>119869</v>
      </c>
      <c r="I10" s="46">
        <v>54042</v>
      </c>
    </row>
    <row r="11" spans="1:13" ht="21" customHeight="1" x14ac:dyDescent="0.2">
      <c r="E11" s="66" t="s">
        <v>14</v>
      </c>
      <c r="F11" s="45">
        <v>189406</v>
      </c>
      <c r="G11" s="45">
        <v>79603</v>
      </c>
      <c r="H11" s="45">
        <v>79254</v>
      </c>
      <c r="I11" s="46">
        <v>30549</v>
      </c>
    </row>
    <row r="12" spans="1:13" ht="21" customHeight="1" x14ac:dyDescent="0.2">
      <c r="E12" s="66" t="s">
        <v>7</v>
      </c>
      <c r="F12" s="45">
        <v>124701</v>
      </c>
      <c r="G12" s="45">
        <v>48923</v>
      </c>
      <c r="H12" s="45">
        <v>52653</v>
      </c>
      <c r="I12" s="46">
        <v>23125</v>
      </c>
    </row>
    <row r="13" spans="1:13" ht="21" customHeight="1" x14ac:dyDescent="0.2">
      <c r="E13" s="66" t="s">
        <v>8</v>
      </c>
      <c r="F13" s="45">
        <v>73997</v>
      </c>
      <c r="G13" s="45">
        <v>31347</v>
      </c>
      <c r="H13" s="45">
        <v>30365</v>
      </c>
      <c r="I13" s="46">
        <v>12285</v>
      </c>
    </row>
    <row r="14" spans="1:13" ht="21" customHeight="1" x14ac:dyDescent="0.2">
      <c r="E14" s="66" t="s">
        <v>9</v>
      </c>
      <c r="F14" s="45">
        <v>53358</v>
      </c>
      <c r="G14" s="45">
        <v>19534</v>
      </c>
      <c r="H14" s="45">
        <v>21862</v>
      </c>
      <c r="I14" s="46">
        <v>11962</v>
      </c>
    </row>
    <row r="15" spans="1:13" ht="21" customHeight="1" x14ac:dyDescent="0.2">
      <c r="E15" s="66" t="s">
        <v>10</v>
      </c>
      <c r="F15" s="45">
        <v>109084</v>
      </c>
      <c r="G15" s="45">
        <v>44636</v>
      </c>
      <c r="H15" s="45">
        <v>44508</v>
      </c>
      <c r="I15" s="46">
        <v>19940</v>
      </c>
    </row>
    <row r="16" spans="1:13" ht="21" customHeight="1" x14ac:dyDescent="0.2">
      <c r="E16" s="66" t="s">
        <v>11</v>
      </c>
      <c r="F16" s="45">
        <v>57675</v>
      </c>
      <c r="G16" s="45">
        <v>24314</v>
      </c>
      <c r="H16" s="45">
        <v>23060</v>
      </c>
      <c r="I16" s="46">
        <v>10301</v>
      </c>
    </row>
    <row r="17" spans="5:13" ht="21" customHeight="1" x14ac:dyDescent="0.2">
      <c r="E17" s="66" t="s">
        <v>12</v>
      </c>
      <c r="F17" s="45">
        <v>66227</v>
      </c>
      <c r="G17" s="45">
        <v>27023</v>
      </c>
      <c r="H17" s="45">
        <v>27009</v>
      </c>
      <c r="I17" s="46">
        <v>12195</v>
      </c>
    </row>
    <row r="18" spans="5:13" ht="21" customHeight="1" x14ac:dyDescent="0.2">
      <c r="E18" s="66" t="s">
        <v>13</v>
      </c>
      <c r="F18" s="45">
        <v>18432</v>
      </c>
      <c r="G18" s="45">
        <v>6717</v>
      </c>
      <c r="H18" s="45">
        <v>7585</v>
      </c>
      <c r="I18" s="46">
        <v>4130</v>
      </c>
      <c r="M18" s="1" t="s">
        <v>87</v>
      </c>
    </row>
    <row r="19" spans="5:13" ht="21" customHeight="1" x14ac:dyDescent="0.2">
      <c r="E19" s="66" t="s">
        <v>15</v>
      </c>
      <c r="F19" s="45">
        <v>15880</v>
      </c>
      <c r="G19" s="45">
        <v>6580</v>
      </c>
      <c r="H19" s="45">
        <v>6436</v>
      </c>
      <c r="I19" s="46">
        <v>2864</v>
      </c>
    </row>
    <row r="20" spans="5:13" ht="21" customHeight="1" x14ac:dyDescent="0.2">
      <c r="E20" s="66" t="s">
        <v>16</v>
      </c>
      <c r="F20" s="45">
        <v>49757</v>
      </c>
      <c r="G20" s="45">
        <v>21540</v>
      </c>
      <c r="H20" s="45">
        <v>20906</v>
      </c>
      <c r="I20" s="46">
        <v>7311</v>
      </c>
    </row>
    <row r="21" spans="5:13" ht="21" customHeight="1" x14ac:dyDescent="0.2">
      <c r="E21" s="66" t="s">
        <v>17</v>
      </c>
      <c r="F21" s="45">
        <v>59115</v>
      </c>
      <c r="G21" s="45">
        <v>25495</v>
      </c>
      <c r="H21" s="45">
        <v>24958</v>
      </c>
      <c r="I21" s="46">
        <v>8662</v>
      </c>
    </row>
    <row r="22" spans="5:13" ht="21" customHeight="1" x14ac:dyDescent="0.2">
      <c r="E22" s="66" t="s">
        <v>18</v>
      </c>
      <c r="F22" s="45">
        <v>58578</v>
      </c>
      <c r="G22" s="45">
        <v>24579</v>
      </c>
      <c r="H22" s="45">
        <v>24511</v>
      </c>
      <c r="I22" s="46">
        <v>9488</v>
      </c>
    </row>
    <row r="23" spans="5:13" ht="21" customHeight="1" x14ac:dyDescent="0.2">
      <c r="E23" s="66" t="s">
        <v>19</v>
      </c>
      <c r="F23" s="45">
        <v>26771</v>
      </c>
      <c r="G23" s="45">
        <v>11207</v>
      </c>
      <c r="H23" s="45">
        <v>11237</v>
      </c>
      <c r="I23" s="46">
        <v>4327</v>
      </c>
    </row>
    <row r="24" spans="5:13" ht="21" customHeight="1" x14ac:dyDescent="0.2">
      <c r="E24" s="66" t="s">
        <v>20</v>
      </c>
      <c r="F24" s="45">
        <v>34374</v>
      </c>
      <c r="G24" s="45">
        <v>14640</v>
      </c>
      <c r="H24" s="45">
        <v>14477</v>
      </c>
      <c r="I24" s="46">
        <v>5257</v>
      </c>
    </row>
    <row r="25" spans="5:13" ht="21" customHeight="1" x14ac:dyDescent="0.2">
      <c r="E25" s="66" t="s">
        <v>21</v>
      </c>
      <c r="F25" s="45">
        <v>34662</v>
      </c>
      <c r="G25" s="45">
        <v>14742</v>
      </c>
      <c r="H25" s="45">
        <v>14478</v>
      </c>
      <c r="I25" s="46">
        <v>5442</v>
      </c>
    </row>
    <row r="26" spans="5:13" ht="21" customHeight="1" x14ac:dyDescent="0.2">
      <c r="E26" s="66" t="s">
        <v>22</v>
      </c>
      <c r="F26" s="45">
        <v>13641</v>
      </c>
      <c r="G26" s="45">
        <v>5446</v>
      </c>
      <c r="H26" s="45">
        <v>5700</v>
      </c>
      <c r="I26" s="46">
        <v>2495</v>
      </c>
    </row>
    <row r="27" spans="5:13" ht="21" customHeight="1" x14ac:dyDescent="0.2">
      <c r="E27" s="66" t="s">
        <v>23</v>
      </c>
      <c r="F27" s="45">
        <v>22634</v>
      </c>
      <c r="G27" s="45">
        <v>8811</v>
      </c>
      <c r="H27" s="45">
        <v>10305</v>
      </c>
      <c r="I27" s="46">
        <v>3518</v>
      </c>
    </row>
    <row r="28" spans="5:13" ht="21" customHeight="1" x14ac:dyDescent="0.2">
      <c r="E28" s="66" t="s">
        <v>24</v>
      </c>
      <c r="F28" s="45">
        <v>10086</v>
      </c>
      <c r="G28" s="45">
        <v>3625</v>
      </c>
      <c r="H28" s="45">
        <v>4351</v>
      </c>
      <c r="I28" s="46">
        <v>2110</v>
      </c>
    </row>
    <row r="29" spans="5:13" ht="21" customHeight="1" x14ac:dyDescent="0.2">
      <c r="E29" s="66" t="s">
        <v>25</v>
      </c>
      <c r="F29" s="45">
        <v>13538</v>
      </c>
      <c r="G29" s="45">
        <v>5877</v>
      </c>
      <c r="H29" s="45">
        <v>5679</v>
      </c>
      <c r="I29" s="46">
        <v>1982</v>
      </c>
    </row>
    <row r="30" spans="5:13" ht="21" customHeight="1" x14ac:dyDescent="0.2">
      <c r="E30" s="66" t="s">
        <v>26</v>
      </c>
      <c r="F30" s="45">
        <v>11089</v>
      </c>
      <c r="G30" s="45">
        <v>4355</v>
      </c>
      <c r="H30" s="45">
        <v>4750</v>
      </c>
      <c r="I30" s="46">
        <v>1984</v>
      </c>
    </row>
    <row r="31" spans="5:13" ht="21" customHeight="1" x14ac:dyDescent="0.2">
      <c r="E31" s="66" t="s">
        <v>27</v>
      </c>
      <c r="F31" s="45">
        <v>9837</v>
      </c>
      <c r="G31" s="45">
        <v>3719</v>
      </c>
      <c r="H31" s="45">
        <v>4157</v>
      </c>
      <c r="I31" s="46">
        <v>1961</v>
      </c>
    </row>
    <row r="32" spans="5:13" ht="21" customHeight="1" x14ac:dyDescent="0.2">
      <c r="E32" s="66" t="s">
        <v>28</v>
      </c>
      <c r="F32" s="45">
        <v>3214</v>
      </c>
      <c r="G32" s="45">
        <v>1367</v>
      </c>
      <c r="H32" s="45">
        <v>1384</v>
      </c>
      <c r="I32" s="46">
        <v>463</v>
      </c>
    </row>
    <row r="33" spans="5:9" ht="21" customHeight="1" x14ac:dyDescent="0.2">
      <c r="E33" s="66" t="s">
        <v>29</v>
      </c>
      <c r="F33" s="45">
        <v>4990</v>
      </c>
      <c r="G33" s="45">
        <v>2073</v>
      </c>
      <c r="H33" s="45">
        <v>2144</v>
      </c>
      <c r="I33" s="46">
        <v>773</v>
      </c>
    </row>
    <row r="34" spans="5:9" ht="21" customHeight="1" x14ac:dyDescent="0.2">
      <c r="E34" s="66" t="s">
        <v>30</v>
      </c>
      <c r="F34" s="45">
        <v>3733</v>
      </c>
      <c r="G34" s="45">
        <v>1518</v>
      </c>
      <c r="H34" s="45">
        <v>1500</v>
      </c>
      <c r="I34" s="46">
        <v>715</v>
      </c>
    </row>
    <row r="35" spans="5:9" ht="21" customHeight="1" x14ac:dyDescent="0.2">
      <c r="E35" s="66" t="s">
        <v>31</v>
      </c>
      <c r="F35" s="45">
        <v>4010</v>
      </c>
      <c r="G35" s="45">
        <v>1784</v>
      </c>
      <c r="H35" s="45">
        <v>1502</v>
      </c>
      <c r="I35" s="46">
        <v>724</v>
      </c>
    </row>
    <row r="36" spans="5:9" ht="21" customHeight="1" x14ac:dyDescent="0.2">
      <c r="E36" s="66" t="s">
        <v>32</v>
      </c>
      <c r="F36" s="45">
        <v>4708</v>
      </c>
      <c r="G36" s="45">
        <v>1980</v>
      </c>
      <c r="H36" s="45">
        <v>1919</v>
      </c>
      <c r="I36" s="46">
        <v>809</v>
      </c>
    </row>
    <row r="37" spans="5:9" ht="21" customHeight="1" x14ac:dyDescent="0.2">
      <c r="E37" s="66" t="s">
        <v>33</v>
      </c>
      <c r="F37" s="45">
        <v>4094</v>
      </c>
      <c r="G37" s="45">
        <v>1685</v>
      </c>
      <c r="H37" s="45">
        <v>1686</v>
      </c>
      <c r="I37" s="46">
        <v>723</v>
      </c>
    </row>
    <row r="38" spans="5:9" ht="21" customHeight="1" x14ac:dyDescent="0.2">
      <c r="E38" s="66" t="s">
        <v>34</v>
      </c>
      <c r="F38" s="45">
        <v>3011</v>
      </c>
      <c r="G38" s="45">
        <v>1232</v>
      </c>
      <c r="H38" s="45">
        <v>1233</v>
      </c>
      <c r="I38" s="46">
        <v>546</v>
      </c>
    </row>
    <row r="39" spans="5:9" ht="21" customHeight="1" x14ac:dyDescent="0.2">
      <c r="E39" s="66" t="s">
        <v>35</v>
      </c>
      <c r="F39" s="45">
        <v>9809</v>
      </c>
      <c r="G39" s="45">
        <v>3883</v>
      </c>
      <c r="H39" s="45">
        <v>4095</v>
      </c>
      <c r="I39" s="46">
        <v>1831</v>
      </c>
    </row>
    <row r="40" spans="5:9" ht="21" customHeight="1" x14ac:dyDescent="0.2">
      <c r="E40" s="66" t="s">
        <v>36</v>
      </c>
      <c r="F40" s="45">
        <v>12413</v>
      </c>
      <c r="G40" s="45">
        <v>5651</v>
      </c>
      <c r="H40" s="45">
        <v>5127</v>
      </c>
      <c r="I40" s="46">
        <v>1635</v>
      </c>
    </row>
    <row r="41" spans="5:9" ht="21" customHeight="1" thickBot="1" x14ac:dyDescent="0.25">
      <c r="E41" s="67" t="s">
        <v>37</v>
      </c>
      <c r="F41" s="47">
        <v>1080</v>
      </c>
      <c r="G41" s="47">
        <v>506</v>
      </c>
      <c r="H41" s="47">
        <v>412</v>
      </c>
      <c r="I41" s="48">
        <v>162</v>
      </c>
    </row>
  </sheetData>
  <mergeCells count="2">
    <mergeCell ref="E1:H1"/>
    <mergeCell ref="F6:I6"/>
  </mergeCells>
  <phoneticPr fontId="4"/>
  <pageMargins left="0.78740157480314965" right="0.78740157480314965" top="0.98425196850393704" bottom="0.98425196850393704" header="0.51181102362204722" footer="0.51181102362204722"/>
  <pageSetup paperSize="9" scale="87"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88671875" style="175" customWidth="1"/>
    <col min="18" max="27" width="9" style="175"/>
    <col min="28" max="28" width="7.77734375" style="175" customWidth="1"/>
    <col min="29" max="38" width="9" style="175"/>
    <col min="39" max="39" width="6.77734375" style="175" customWidth="1"/>
    <col min="40" max="49" width="9" style="175"/>
    <col min="50" max="50" width="7.77734375" style="175" customWidth="1"/>
    <col min="51" max="60" width="9" style="175"/>
    <col min="61" max="61" width="7.4414062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6384" width="9" style="175"/>
  </cols>
  <sheetData>
    <row r="1" spans="2:112" ht="24" customHeight="1" x14ac:dyDescent="0.2">
      <c r="B1" s="142" t="s">
        <v>121</v>
      </c>
      <c r="J1" s="441">
        <f>第１表!F2</f>
        <v>6</v>
      </c>
      <c r="K1" s="441"/>
      <c r="L1" s="18">
        <f>第１表!G2</f>
        <v>9</v>
      </c>
      <c r="M1" s="445">
        <f>IF(L1&lt;3,L1+12-2,L1-2)</f>
        <v>7</v>
      </c>
      <c r="N1" s="445"/>
    </row>
    <row r="2" spans="2:112" ht="24" customHeight="1" thickBot="1" x14ac:dyDescent="0.25">
      <c r="B2" s="142" t="s">
        <v>128</v>
      </c>
    </row>
    <row r="3" spans="2:112" ht="21" customHeight="1" thickBot="1" x14ac:dyDescent="0.25">
      <c r="B3" s="482"/>
      <c r="C3" s="485" t="s">
        <v>111</v>
      </c>
      <c r="D3" s="485"/>
      <c r="E3" s="485"/>
      <c r="F3" s="485"/>
      <c r="G3" s="485"/>
      <c r="H3" s="485"/>
      <c r="I3" s="485"/>
      <c r="J3" s="485"/>
      <c r="K3" s="485"/>
      <c r="L3" s="485"/>
      <c r="M3" s="486"/>
      <c r="N3" s="480" t="s">
        <v>110</v>
      </c>
      <c r="O3" s="480"/>
      <c r="P3" s="480"/>
      <c r="Q3" s="480"/>
      <c r="R3" s="480"/>
      <c r="S3" s="480"/>
      <c r="T3" s="480"/>
      <c r="U3" s="480"/>
      <c r="V3" s="480"/>
      <c r="W3" s="480"/>
      <c r="X3" s="481"/>
      <c r="Y3" s="479" t="s">
        <v>109</v>
      </c>
      <c r="Z3" s="480"/>
      <c r="AA3" s="480"/>
      <c r="AB3" s="480"/>
      <c r="AC3" s="480"/>
      <c r="AD3" s="480"/>
      <c r="AE3" s="480"/>
      <c r="AF3" s="480"/>
      <c r="AG3" s="480"/>
      <c r="AH3" s="480"/>
      <c r="AI3" s="481"/>
      <c r="AJ3" s="479" t="s">
        <v>108</v>
      </c>
      <c r="AK3" s="480"/>
      <c r="AL3" s="480"/>
      <c r="AM3" s="480"/>
      <c r="AN3" s="480"/>
      <c r="AO3" s="480"/>
      <c r="AP3" s="480"/>
      <c r="AQ3" s="480"/>
      <c r="AR3" s="480"/>
      <c r="AS3" s="480"/>
      <c r="AT3" s="481"/>
      <c r="AU3" s="479" t="s">
        <v>107</v>
      </c>
      <c r="AV3" s="480"/>
      <c r="AW3" s="480"/>
      <c r="AX3" s="480"/>
      <c r="AY3" s="480"/>
      <c r="AZ3" s="480"/>
      <c r="BA3" s="480"/>
      <c r="BB3" s="480"/>
      <c r="BC3" s="480"/>
      <c r="BD3" s="480"/>
      <c r="BE3" s="481"/>
      <c r="BF3" s="479" t="s">
        <v>106</v>
      </c>
      <c r="BG3" s="480"/>
      <c r="BH3" s="480"/>
      <c r="BI3" s="480"/>
      <c r="BJ3" s="480"/>
      <c r="BK3" s="480"/>
      <c r="BL3" s="480"/>
      <c r="BM3" s="480"/>
      <c r="BN3" s="480"/>
      <c r="BO3" s="480"/>
      <c r="BP3" s="481"/>
      <c r="BQ3" s="479" t="s">
        <v>105</v>
      </c>
      <c r="BR3" s="480"/>
      <c r="BS3" s="480"/>
      <c r="BT3" s="480"/>
      <c r="BU3" s="480"/>
      <c r="BV3" s="480"/>
      <c r="BW3" s="480"/>
      <c r="BX3" s="480"/>
      <c r="BY3" s="480"/>
      <c r="BZ3" s="480"/>
      <c r="CA3" s="481"/>
      <c r="CB3" s="479" t="s">
        <v>125</v>
      </c>
      <c r="CC3" s="480"/>
      <c r="CD3" s="480"/>
      <c r="CE3" s="480"/>
      <c r="CF3" s="480"/>
      <c r="CG3" s="480"/>
      <c r="CH3" s="480"/>
      <c r="CI3" s="480"/>
      <c r="CJ3" s="480"/>
      <c r="CK3" s="480"/>
      <c r="CL3" s="481"/>
      <c r="CM3" s="479" t="s">
        <v>158</v>
      </c>
      <c r="CN3" s="480"/>
      <c r="CO3" s="480"/>
      <c r="CP3" s="480"/>
      <c r="CQ3" s="480"/>
      <c r="CR3" s="480"/>
      <c r="CS3" s="480"/>
      <c r="CT3" s="480"/>
      <c r="CU3" s="480"/>
      <c r="CV3" s="480"/>
      <c r="CW3" s="481"/>
      <c r="CX3" s="479" t="s">
        <v>154</v>
      </c>
      <c r="CY3" s="480"/>
      <c r="CZ3" s="480"/>
      <c r="DA3" s="480"/>
      <c r="DB3" s="480"/>
      <c r="DC3" s="480"/>
      <c r="DD3" s="480"/>
      <c r="DE3" s="480"/>
      <c r="DF3" s="480"/>
      <c r="DG3" s="480"/>
      <c r="DH3" s="481"/>
    </row>
    <row r="4" spans="2:112" ht="21" customHeight="1" x14ac:dyDescent="0.2">
      <c r="B4" s="483"/>
      <c r="C4" s="487" t="s">
        <v>61</v>
      </c>
      <c r="D4" s="472"/>
      <c r="E4" s="473"/>
      <c r="F4" s="474" t="s">
        <v>62</v>
      </c>
      <c r="G4" s="472"/>
      <c r="H4" s="472"/>
      <c r="I4" s="472"/>
      <c r="J4" s="472"/>
      <c r="K4" s="472"/>
      <c r="L4" s="475"/>
      <c r="M4" s="469" t="s">
        <v>52</v>
      </c>
      <c r="N4" s="487" t="s">
        <v>61</v>
      </c>
      <c r="O4" s="472"/>
      <c r="P4" s="473"/>
      <c r="Q4" s="474" t="s">
        <v>62</v>
      </c>
      <c r="R4" s="472"/>
      <c r="S4" s="472"/>
      <c r="T4" s="472"/>
      <c r="U4" s="472"/>
      <c r="V4" s="472"/>
      <c r="W4" s="473"/>
      <c r="X4" s="469" t="s">
        <v>52</v>
      </c>
      <c r="Y4" s="471" t="s">
        <v>61</v>
      </c>
      <c r="Z4" s="472"/>
      <c r="AA4" s="475"/>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71" t="s">
        <v>61</v>
      </c>
      <c r="AV4" s="472"/>
      <c r="AW4" s="475"/>
      <c r="AX4" s="474" t="s">
        <v>62</v>
      </c>
      <c r="AY4" s="472"/>
      <c r="AZ4" s="472"/>
      <c r="BA4" s="472"/>
      <c r="BB4" s="472"/>
      <c r="BC4" s="472"/>
      <c r="BD4" s="475"/>
      <c r="BE4" s="469" t="s">
        <v>52</v>
      </c>
      <c r="BF4" s="471" t="s">
        <v>61</v>
      </c>
      <c r="BG4" s="472"/>
      <c r="BH4" s="473"/>
      <c r="BI4" s="474" t="s">
        <v>62</v>
      </c>
      <c r="BJ4" s="472"/>
      <c r="BK4" s="472"/>
      <c r="BL4" s="472"/>
      <c r="BM4" s="472"/>
      <c r="BN4" s="472"/>
      <c r="BO4" s="473"/>
      <c r="BP4" s="469" t="s">
        <v>52</v>
      </c>
      <c r="BQ4" s="471" t="s">
        <v>61</v>
      </c>
      <c r="BR4" s="472"/>
      <c r="BS4" s="473"/>
      <c r="BT4" s="474" t="s">
        <v>62</v>
      </c>
      <c r="BU4" s="472"/>
      <c r="BV4" s="472"/>
      <c r="BW4" s="472"/>
      <c r="BX4" s="472"/>
      <c r="BY4" s="472"/>
      <c r="BZ4" s="473"/>
      <c r="CA4" s="469" t="s">
        <v>52</v>
      </c>
      <c r="CB4" s="471" t="s">
        <v>61</v>
      </c>
      <c r="CC4" s="472"/>
      <c r="CD4" s="473"/>
      <c r="CE4" s="474" t="s">
        <v>62</v>
      </c>
      <c r="CF4" s="472"/>
      <c r="CG4" s="472"/>
      <c r="CH4" s="472"/>
      <c r="CI4" s="472"/>
      <c r="CJ4" s="472"/>
      <c r="CK4" s="473"/>
      <c r="CL4" s="469" t="s">
        <v>52</v>
      </c>
      <c r="CM4" s="471" t="s">
        <v>61</v>
      </c>
      <c r="CN4" s="472"/>
      <c r="CO4" s="473"/>
      <c r="CP4" s="474" t="s">
        <v>62</v>
      </c>
      <c r="CQ4" s="472"/>
      <c r="CR4" s="472"/>
      <c r="CS4" s="472"/>
      <c r="CT4" s="472"/>
      <c r="CU4" s="472"/>
      <c r="CV4" s="473"/>
      <c r="CW4" s="469" t="s">
        <v>52</v>
      </c>
      <c r="CX4" s="471" t="s">
        <v>61</v>
      </c>
      <c r="CY4" s="472"/>
      <c r="CZ4" s="473"/>
      <c r="DA4" s="474" t="s">
        <v>62</v>
      </c>
      <c r="DB4" s="472"/>
      <c r="DC4" s="472"/>
      <c r="DD4" s="472"/>
      <c r="DE4" s="472"/>
      <c r="DF4" s="472"/>
      <c r="DG4" s="473"/>
      <c r="DH4" s="469" t="s">
        <v>52</v>
      </c>
    </row>
    <row r="5" spans="2:112" ht="30" customHeight="1" thickBot="1" x14ac:dyDescent="0.25">
      <c r="B5" s="484"/>
      <c r="C5" s="204" t="s">
        <v>43</v>
      </c>
      <c r="D5" s="178" t="s">
        <v>44</v>
      </c>
      <c r="E5" s="179" t="s">
        <v>45</v>
      </c>
      <c r="F5" s="180" t="s">
        <v>83</v>
      </c>
      <c r="G5" s="178" t="s">
        <v>47</v>
      </c>
      <c r="H5" s="178" t="s">
        <v>48</v>
      </c>
      <c r="I5" s="178" t="s">
        <v>49</v>
      </c>
      <c r="J5" s="178" t="s">
        <v>50</v>
      </c>
      <c r="K5" s="178" t="s">
        <v>51</v>
      </c>
      <c r="L5" s="181" t="s">
        <v>45</v>
      </c>
      <c r="M5" s="470"/>
      <c r="N5" s="204" t="s">
        <v>43</v>
      </c>
      <c r="O5" s="178" t="s">
        <v>44</v>
      </c>
      <c r="P5" s="182" t="s">
        <v>45</v>
      </c>
      <c r="Q5" s="180" t="s">
        <v>83</v>
      </c>
      <c r="R5" s="178" t="s">
        <v>47</v>
      </c>
      <c r="S5" s="178" t="s">
        <v>48</v>
      </c>
      <c r="T5" s="178" t="s">
        <v>49</v>
      </c>
      <c r="U5" s="178" t="s">
        <v>50</v>
      </c>
      <c r="V5" s="178" t="s">
        <v>51</v>
      </c>
      <c r="W5" s="182" t="s">
        <v>45</v>
      </c>
      <c r="X5" s="470"/>
      <c r="Y5" s="177" t="s">
        <v>43</v>
      </c>
      <c r="Z5" s="178" t="s">
        <v>44</v>
      </c>
      <c r="AA5" s="181"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1" t="s">
        <v>45</v>
      </c>
      <c r="AX5" s="180" t="s">
        <v>83</v>
      </c>
      <c r="AY5" s="178" t="s">
        <v>47</v>
      </c>
      <c r="AZ5" s="178" t="s">
        <v>48</v>
      </c>
      <c r="BA5" s="178" t="s">
        <v>49</v>
      </c>
      <c r="BB5" s="178" t="s">
        <v>50</v>
      </c>
      <c r="BC5" s="178" t="s">
        <v>51</v>
      </c>
      <c r="BD5" s="181" t="s">
        <v>45</v>
      </c>
      <c r="BE5" s="470"/>
      <c r="BF5" s="177" t="s">
        <v>43</v>
      </c>
      <c r="BG5" s="178" t="s">
        <v>44</v>
      </c>
      <c r="BH5" s="182" t="s">
        <v>45</v>
      </c>
      <c r="BI5" s="180" t="s">
        <v>83</v>
      </c>
      <c r="BJ5" s="178" t="s">
        <v>47</v>
      </c>
      <c r="BK5" s="178" t="s">
        <v>48</v>
      </c>
      <c r="BL5" s="178" t="s">
        <v>49</v>
      </c>
      <c r="BM5" s="178" t="s">
        <v>50</v>
      </c>
      <c r="BN5" s="178" t="s">
        <v>51</v>
      </c>
      <c r="BO5" s="182" t="s">
        <v>45</v>
      </c>
      <c r="BP5" s="470"/>
      <c r="BQ5" s="177" t="s">
        <v>43</v>
      </c>
      <c r="BR5" s="178" t="s">
        <v>44</v>
      </c>
      <c r="BS5" s="182" t="s">
        <v>45</v>
      </c>
      <c r="BT5" s="180" t="s">
        <v>83</v>
      </c>
      <c r="BU5" s="178" t="s">
        <v>47</v>
      </c>
      <c r="BV5" s="178" t="s">
        <v>48</v>
      </c>
      <c r="BW5" s="178" t="s">
        <v>49</v>
      </c>
      <c r="BX5" s="178" t="s">
        <v>50</v>
      </c>
      <c r="BY5" s="178" t="s">
        <v>51</v>
      </c>
      <c r="BZ5" s="182" t="s">
        <v>45</v>
      </c>
      <c r="CA5" s="470"/>
      <c r="CB5" s="177" t="s">
        <v>43</v>
      </c>
      <c r="CC5" s="178" t="s">
        <v>44</v>
      </c>
      <c r="CD5" s="182" t="s">
        <v>45</v>
      </c>
      <c r="CE5" s="180" t="s">
        <v>83</v>
      </c>
      <c r="CF5" s="178" t="s">
        <v>47</v>
      </c>
      <c r="CG5" s="178" t="s">
        <v>48</v>
      </c>
      <c r="CH5" s="178" t="s">
        <v>49</v>
      </c>
      <c r="CI5" s="178" t="s">
        <v>50</v>
      </c>
      <c r="CJ5" s="178" t="s">
        <v>51</v>
      </c>
      <c r="CK5" s="182" t="s">
        <v>45</v>
      </c>
      <c r="CL5" s="470"/>
      <c r="CM5" s="177" t="s">
        <v>43</v>
      </c>
      <c r="CN5" s="178" t="s">
        <v>44</v>
      </c>
      <c r="CO5" s="182" t="s">
        <v>45</v>
      </c>
      <c r="CP5" s="180" t="s">
        <v>83</v>
      </c>
      <c r="CQ5" s="178" t="s">
        <v>47</v>
      </c>
      <c r="CR5" s="178" t="s">
        <v>48</v>
      </c>
      <c r="CS5" s="178" t="s">
        <v>49</v>
      </c>
      <c r="CT5" s="178" t="s">
        <v>50</v>
      </c>
      <c r="CU5" s="178" t="s">
        <v>51</v>
      </c>
      <c r="CV5" s="182" t="s">
        <v>45</v>
      </c>
      <c r="CW5" s="470"/>
      <c r="CX5" s="177" t="s">
        <v>43</v>
      </c>
      <c r="CY5" s="178" t="s">
        <v>44</v>
      </c>
      <c r="CZ5" s="182" t="s">
        <v>45</v>
      </c>
      <c r="DA5" s="180" t="s">
        <v>83</v>
      </c>
      <c r="DB5" s="178" t="s">
        <v>47</v>
      </c>
      <c r="DC5" s="178" t="s">
        <v>48</v>
      </c>
      <c r="DD5" s="178" t="s">
        <v>49</v>
      </c>
      <c r="DE5" s="178" t="s">
        <v>50</v>
      </c>
      <c r="DF5" s="178" t="s">
        <v>51</v>
      </c>
      <c r="DG5" s="182" t="s">
        <v>45</v>
      </c>
      <c r="DH5" s="470"/>
    </row>
    <row r="6" spans="2:112" ht="21" customHeight="1" x14ac:dyDescent="0.2">
      <c r="B6" s="84" t="s">
        <v>4</v>
      </c>
      <c r="C6" s="183">
        <v>0</v>
      </c>
      <c r="D6" s="184">
        <v>0</v>
      </c>
      <c r="E6" s="185">
        <v>0</v>
      </c>
      <c r="F6" s="186">
        <v>0</v>
      </c>
      <c r="G6" s="184">
        <v>13231</v>
      </c>
      <c r="H6" s="184">
        <v>19885</v>
      </c>
      <c r="I6" s="184">
        <v>21683</v>
      </c>
      <c r="J6" s="184">
        <v>25261</v>
      </c>
      <c r="K6" s="184">
        <v>23603</v>
      </c>
      <c r="L6" s="187">
        <v>103663</v>
      </c>
      <c r="M6" s="188">
        <v>103663</v>
      </c>
      <c r="N6" s="183">
        <v>0</v>
      </c>
      <c r="O6" s="184">
        <v>2</v>
      </c>
      <c r="P6" s="189">
        <v>2</v>
      </c>
      <c r="Q6" s="186">
        <v>0</v>
      </c>
      <c r="R6" s="184">
        <v>14</v>
      </c>
      <c r="S6" s="184">
        <v>120</v>
      </c>
      <c r="T6" s="184">
        <v>236</v>
      </c>
      <c r="U6" s="184">
        <v>578</v>
      </c>
      <c r="V6" s="184">
        <v>975</v>
      </c>
      <c r="W6" s="189">
        <v>1923</v>
      </c>
      <c r="X6" s="188">
        <v>1925</v>
      </c>
      <c r="Y6" s="183">
        <v>1293</v>
      </c>
      <c r="Z6" s="184">
        <v>3233</v>
      </c>
      <c r="AA6" s="189">
        <v>4526</v>
      </c>
      <c r="AB6" s="186">
        <v>0</v>
      </c>
      <c r="AC6" s="184">
        <v>9080</v>
      </c>
      <c r="AD6" s="184">
        <v>14849</v>
      </c>
      <c r="AE6" s="184">
        <v>9292</v>
      </c>
      <c r="AF6" s="184">
        <v>7097</v>
      </c>
      <c r="AG6" s="184">
        <v>4540</v>
      </c>
      <c r="AH6" s="189">
        <v>44858</v>
      </c>
      <c r="AI6" s="188">
        <v>49384</v>
      </c>
      <c r="AJ6" s="183">
        <v>266</v>
      </c>
      <c r="AK6" s="184">
        <v>622</v>
      </c>
      <c r="AL6" s="189">
        <v>888</v>
      </c>
      <c r="AM6" s="186">
        <v>0</v>
      </c>
      <c r="AN6" s="184">
        <v>1197</v>
      </c>
      <c r="AO6" s="184">
        <v>1488</v>
      </c>
      <c r="AP6" s="184">
        <v>1258</v>
      </c>
      <c r="AQ6" s="184">
        <v>1015</v>
      </c>
      <c r="AR6" s="184">
        <v>412</v>
      </c>
      <c r="AS6" s="189">
        <v>5370</v>
      </c>
      <c r="AT6" s="188">
        <v>6258</v>
      </c>
      <c r="AU6" s="183">
        <v>0</v>
      </c>
      <c r="AV6" s="184">
        <v>0</v>
      </c>
      <c r="AW6" s="189">
        <v>0</v>
      </c>
      <c r="AX6" s="186">
        <v>0</v>
      </c>
      <c r="AY6" s="184">
        <v>13688</v>
      </c>
      <c r="AZ6" s="184">
        <v>12637</v>
      </c>
      <c r="BA6" s="184">
        <v>7464</v>
      </c>
      <c r="BB6" s="184">
        <v>3281</v>
      </c>
      <c r="BC6" s="184">
        <v>1325</v>
      </c>
      <c r="BD6" s="187">
        <v>38395</v>
      </c>
      <c r="BE6" s="188">
        <v>38395</v>
      </c>
      <c r="BF6" s="183">
        <v>0</v>
      </c>
      <c r="BG6" s="184">
        <v>0</v>
      </c>
      <c r="BH6" s="189">
        <v>0</v>
      </c>
      <c r="BI6" s="186">
        <v>0</v>
      </c>
      <c r="BJ6" s="184">
        <v>2775</v>
      </c>
      <c r="BK6" s="184">
        <v>4010</v>
      </c>
      <c r="BL6" s="184">
        <v>2382</v>
      </c>
      <c r="BM6" s="184">
        <v>1308</v>
      </c>
      <c r="BN6" s="184">
        <v>330</v>
      </c>
      <c r="BO6" s="189">
        <v>10805</v>
      </c>
      <c r="BP6" s="188">
        <v>10805</v>
      </c>
      <c r="BQ6" s="183">
        <v>32</v>
      </c>
      <c r="BR6" s="184">
        <v>117</v>
      </c>
      <c r="BS6" s="189">
        <v>149</v>
      </c>
      <c r="BT6" s="186">
        <v>0</v>
      </c>
      <c r="BU6" s="184">
        <v>1122</v>
      </c>
      <c r="BV6" s="184">
        <v>2036</v>
      </c>
      <c r="BW6" s="184">
        <v>2819</v>
      </c>
      <c r="BX6" s="184">
        <v>2552</v>
      </c>
      <c r="BY6" s="184">
        <v>1055</v>
      </c>
      <c r="BZ6" s="189">
        <v>9584</v>
      </c>
      <c r="CA6" s="188">
        <v>9733</v>
      </c>
      <c r="CB6" s="183">
        <v>0</v>
      </c>
      <c r="CC6" s="184">
        <v>3</v>
      </c>
      <c r="CD6" s="189">
        <v>3</v>
      </c>
      <c r="CE6" s="186">
        <v>0</v>
      </c>
      <c r="CF6" s="184">
        <v>103</v>
      </c>
      <c r="CG6" s="184">
        <v>310</v>
      </c>
      <c r="CH6" s="184">
        <v>402</v>
      </c>
      <c r="CI6" s="184">
        <v>342</v>
      </c>
      <c r="CJ6" s="184">
        <v>154</v>
      </c>
      <c r="CK6" s="189">
        <v>1311</v>
      </c>
      <c r="CL6" s="188">
        <v>1314</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0</v>
      </c>
      <c r="DC6" s="184">
        <v>0</v>
      </c>
      <c r="DD6" s="184">
        <v>0</v>
      </c>
      <c r="DE6" s="184">
        <v>0</v>
      </c>
      <c r="DF6" s="184">
        <v>0</v>
      </c>
      <c r="DG6" s="189">
        <v>0</v>
      </c>
      <c r="DH6" s="188">
        <v>0</v>
      </c>
    </row>
    <row r="7" spans="2:112" ht="21" customHeight="1" x14ac:dyDescent="0.2">
      <c r="B7" s="95" t="s">
        <v>5</v>
      </c>
      <c r="C7" s="190">
        <v>0</v>
      </c>
      <c r="D7" s="191">
        <v>0</v>
      </c>
      <c r="E7" s="192">
        <v>0</v>
      </c>
      <c r="F7" s="193">
        <v>0</v>
      </c>
      <c r="G7" s="191">
        <v>4810</v>
      </c>
      <c r="H7" s="191">
        <v>8957</v>
      </c>
      <c r="I7" s="191">
        <v>8997</v>
      </c>
      <c r="J7" s="191">
        <v>10511</v>
      </c>
      <c r="K7" s="191">
        <v>9088</v>
      </c>
      <c r="L7" s="194">
        <v>42363</v>
      </c>
      <c r="M7" s="195">
        <v>42363</v>
      </c>
      <c r="N7" s="190">
        <v>0</v>
      </c>
      <c r="O7" s="191">
        <v>2</v>
      </c>
      <c r="P7" s="196">
        <v>2</v>
      </c>
      <c r="Q7" s="193">
        <v>0</v>
      </c>
      <c r="R7" s="191">
        <v>12</v>
      </c>
      <c r="S7" s="191">
        <v>52</v>
      </c>
      <c r="T7" s="191">
        <v>109</v>
      </c>
      <c r="U7" s="191">
        <v>247</v>
      </c>
      <c r="V7" s="191">
        <v>464</v>
      </c>
      <c r="W7" s="196">
        <v>884</v>
      </c>
      <c r="X7" s="195">
        <v>886</v>
      </c>
      <c r="Y7" s="190">
        <v>539</v>
      </c>
      <c r="Z7" s="191">
        <v>1974</v>
      </c>
      <c r="AA7" s="196">
        <v>2513</v>
      </c>
      <c r="AB7" s="193">
        <v>0</v>
      </c>
      <c r="AC7" s="191">
        <v>3811</v>
      </c>
      <c r="AD7" s="191">
        <v>8238</v>
      </c>
      <c r="AE7" s="191">
        <v>5107</v>
      </c>
      <c r="AF7" s="191">
        <v>3418</v>
      </c>
      <c r="AG7" s="191">
        <v>1947</v>
      </c>
      <c r="AH7" s="196">
        <v>22521</v>
      </c>
      <c r="AI7" s="195">
        <v>25034</v>
      </c>
      <c r="AJ7" s="190">
        <v>72</v>
      </c>
      <c r="AK7" s="191">
        <v>339</v>
      </c>
      <c r="AL7" s="196">
        <v>411</v>
      </c>
      <c r="AM7" s="193">
        <v>0</v>
      </c>
      <c r="AN7" s="191">
        <v>352</v>
      </c>
      <c r="AO7" s="191">
        <v>536</v>
      </c>
      <c r="AP7" s="191">
        <v>554</v>
      </c>
      <c r="AQ7" s="191">
        <v>433</v>
      </c>
      <c r="AR7" s="191">
        <v>179</v>
      </c>
      <c r="AS7" s="196">
        <v>2054</v>
      </c>
      <c r="AT7" s="195">
        <v>2465</v>
      </c>
      <c r="AU7" s="190">
        <v>0</v>
      </c>
      <c r="AV7" s="191">
        <v>0</v>
      </c>
      <c r="AW7" s="196">
        <v>0</v>
      </c>
      <c r="AX7" s="193">
        <v>0</v>
      </c>
      <c r="AY7" s="191">
        <v>4716</v>
      </c>
      <c r="AZ7" s="191">
        <v>5245</v>
      </c>
      <c r="BA7" s="191">
        <v>2909</v>
      </c>
      <c r="BB7" s="191">
        <v>1233</v>
      </c>
      <c r="BC7" s="191">
        <v>608</v>
      </c>
      <c r="BD7" s="194">
        <v>14711</v>
      </c>
      <c r="BE7" s="195">
        <v>14711</v>
      </c>
      <c r="BF7" s="190">
        <v>0</v>
      </c>
      <c r="BG7" s="191">
        <v>0</v>
      </c>
      <c r="BH7" s="196">
        <v>0</v>
      </c>
      <c r="BI7" s="193">
        <v>0</v>
      </c>
      <c r="BJ7" s="191">
        <v>932</v>
      </c>
      <c r="BK7" s="191">
        <v>1910</v>
      </c>
      <c r="BL7" s="191">
        <v>1139</v>
      </c>
      <c r="BM7" s="191">
        <v>642</v>
      </c>
      <c r="BN7" s="191">
        <v>141</v>
      </c>
      <c r="BO7" s="196">
        <v>4764</v>
      </c>
      <c r="BP7" s="195">
        <v>4764</v>
      </c>
      <c r="BQ7" s="190">
        <v>13</v>
      </c>
      <c r="BR7" s="191">
        <v>76</v>
      </c>
      <c r="BS7" s="196">
        <v>89</v>
      </c>
      <c r="BT7" s="193">
        <v>0</v>
      </c>
      <c r="BU7" s="191">
        <v>371</v>
      </c>
      <c r="BV7" s="191">
        <v>763</v>
      </c>
      <c r="BW7" s="191">
        <v>1027</v>
      </c>
      <c r="BX7" s="191">
        <v>1145</v>
      </c>
      <c r="BY7" s="191">
        <v>337</v>
      </c>
      <c r="BZ7" s="196">
        <v>3643</v>
      </c>
      <c r="CA7" s="195">
        <v>3732</v>
      </c>
      <c r="CB7" s="190">
        <v>0</v>
      </c>
      <c r="CC7" s="191">
        <v>3</v>
      </c>
      <c r="CD7" s="196">
        <v>3</v>
      </c>
      <c r="CE7" s="193">
        <v>0</v>
      </c>
      <c r="CF7" s="191">
        <v>36</v>
      </c>
      <c r="CG7" s="191">
        <v>159</v>
      </c>
      <c r="CH7" s="191">
        <v>258</v>
      </c>
      <c r="CI7" s="191">
        <v>218</v>
      </c>
      <c r="CJ7" s="191">
        <v>105</v>
      </c>
      <c r="CK7" s="196">
        <v>776</v>
      </c>
      <c r="CL7" s="195">
        <v>779</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0</v>
      </c>
      <c r="D8" s="191">
        <v>0</v>
      </c>
      <c r="E8" s="192">
        <v>0</v>
      </c>
      <c r="F8" s="193">
        <v>0</v>
      </c>
      <c r="G8" s="191">
        <v>1949</v>
      </c>
      <c r="H8" s="191">
        <v>2303</v>
      </c>
      <c r="I8" s="191">
        <v>2058</v>
      </c>
      <c r="J8" s="191">
        <v>2411</v>
      </c>
      <c r="K8" s="191">
        <v>2781</v>
      </c>
      <c r="L8" s="194">
        <v>11502</v>
      </c>
      <c r="M8" s="195">
        <v>11502</v>
      </c>
      <c r="N8" s="190">
        <v>0</v>
      </c>
      <c r="O8" s="191">
        <v>0</v>
      </c>
      <c r="P8" s="196">
        <v>0</v>
      </c>
      <c r="Q8" s="193">
        <v>0</v>
      </c>
      <c r="R8" s="191">
        <v>2</v>
      </c>
      <c r="S8" s="191">
        <v>14</v>
      </c>
      <c r="T8" s="191">
        <v>17</v>
      </c>
      <c r="U8" s="191">
        <v>43</v>
      </c>
      <c r="V8" s="191">
        <v>130</v>
      </c>
      <c r="W8" s="196">
        <v>206</v>
      </c>
      <c r="X8" s="195">
        <v>206</v>
      </c>
      <c r="Y8" s="190">
        <v>176</v>
      </c>
      <c r="Z8" s="191">
        <v>395</v>
      </c>
      <c r="AA8" s="196">
        <v>571</v>
      </c>
      <c r="AB8" s="193">
        <v>0</v>
      </c>
      <c r="AC8" s="191">
        <v>1614</v>
      </c>
      <c r="AD8" s="191">
        <v>1921</v>
      </c>
      <c r="AE8" s="191">
        <v>953</v>
      </c>
      <c r="AF8" s="191">
        <v>995</v>
      </c>
      <c r="AG8" s="191">
        <v>707</v>
      </c>
      <c r="AH8" s="196">
        <v>6190</v>
      </c>
      <c r="AI8" s="195">
        <v>6761</v>
      </c>
      <c r="AJ8" s="190">
        <v>37</v>
      </c>
      <c r="AK8" s="191">
        <v>25</v>
      </c>
      <c r="AL8" s="196">
        <v>62</v>
      </c>
      <c r="AM8" s="193">
        <v>0</v>
      </c>
      <c r="AN8" s="191">
        <v>264</v>
      </c>
      <c r="AO8" s="191">
        <v>270</v>
      </c>
      <c r="AP8" s="191">
        <v>191</v>
      </c>
      <c r="AQ8" s="191">
        <v>63</v>
      </c>
      <c r="AR8" s="191">
        <v>63</v>
      </c>
      <c r="AS8" s="196">
        <v>851</v>
      </c>
      <c r="AT8" s="195">
        <v>913</v>
      </c>
      <c r="AU8" s="190">
        <v>0</v>
      </c>
      <c r="AV8" s="191">
        <v>0</v>
      </c>
      <c r="AW8" s="196">
        <v>0</v>
      </c>
      <c r="AX8" s="193">
        <v>0</v>
      </c>
      <c r="AY8" s="191">
        <v>1793</v>
      </c>
      <c r="AZ8" s="191">
        <v>1839</v>
      </c>
      <c r="BA8" s="191">
        <v>927</v>
      </c>
      <c r="BB8" s="191">
        <v>507</v>
      </c>
      <c r="BC8" s="191">
        <v>172</v>
      </c>
      <c r="BD8" s="194">
        <v>5238</v>
      </c>
      <c r="BE8" s="195">
        <v>5238</v>
      </c>
      <c r="BF8" s="190">
        <v>0</v>
      </c>
      <c r="BG8" s="191">
        <v>0</v>
      </c>
      <c r="BH8" s="196">
        <v>0</v>
      </c>
      <c r="BI8" s="193">
        <v>0</v>
      </c>
      <c r="BJ8" s="191">
        <v>332</v>
      </c>
      <c r="BK8" s="191">
        <v>418</v>
      </c>
      <c r="BL8" s="191">
        <v>255</v>
      </c>
      <c r="BM8" s="191">
        <v>162</v>
      </c>
      <c r="BN8" s="191">
        <v>58</v>
      </c>
      <c r="BO8" s="196">
        <v>1225</v>
      </c>
      <c r="BP8" s="195">
        <v>1225</v>
      </c>
      <c r="BQ8" s="190">
        <v>6</v>
      </c>
      <c r="BR8" s="191">
        <v>6</v>
      </c>
      <c r="BS8" s="196">
        <v>12</v>
      </c>
      <c r="BT8" s="193">
        <v>0</v>
      </c>
      <c r="BU8" s="191">
        <v>93</v>
      </c>
      <c r="BV8" s="191">
        <v>214</v>
      </c>
      <c r="BW8" s="191">
        <v>179</v>
      </c>
      <c r="BX8" s="191">
        <v>250</v>
      </c>
      <c r="BY8" s="191">
        <v>129</v>
      </c>
      <c r="BZ8" s="196">
        <v>865</v>
      </c>
      <c r="CA8" s="195">
        <v>877</v>
      </c>
      <c r="CB8" s="190">
        <v>0</v>
      </c>
      <c r="CC8" s="191">
        <v>0</v>
      </c>
      <c r="CD8" s="196">
        <v>0</v>
      </c>
      <c r="CE8" s="193">
        <v>0</v>
      </c>
      <c r="CF8" s="191">
        <v>8</v>
      </c>
      <c r="CG8" s="191">
        <v>47</v>
      </c>
      <c r="CH8" s="191">
        <v>34</v>
      </c>
      <c r="CI8" s="191">
        <v>43</v>
      </c>
      <c r="CJ8" s="191">
        <v>25</v>
      </c>
      <c r="CK8" s="196">
        <v>157</v>
      </c>
      <c r="CL8" s="195">
        <v>157</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1">
        <v>0</v>
      </c>
      <c r="E9" s="192">
        <v>0</v>
      </c>
      <c r="F9" s="193">
        <v>0</v>
      </c>
      <c r="G9" s="191">
        <v>623</v>
      </c>
      <c r="H9" s="191">
        <v>1620</v>
      </c>
      <c r="I9" s="191">
        <v>1619</v>
      </c>
      <c r="J9" s="191">
        <v>1735</v>
      </c>
      <c r="K9" s="191">
        <v>1870</v>
      </c>
      <c r="L9" s="194">
        <v>7467</v>
      </c>
      <c r="M9" s="195">
        <v>7467</v>
      </c>
      <c r="N9" s="190">
        <v>0</v>
      </c>
      <c r="O9" s="191">
        <v>0</v>
      </c>
      <c r="P9" s="196">
        <v>0</v>
      </c>
      <c r="Q9" s="193">
        <v>0</v>
      </c>
      <c r="R9" s="191">
        <v>0</v>
      </c>
      <c r="S9" s="191">
        <v>9</v>
      </c>
      <c r="T9" s="191">
        <v>18</v>
      </c>
      <c r="U9" s="191">
        <v>26</v>
      </c>
      <c r="V9" s="191">
        <v>41</v>
      </c>
      <c r="W9" s="196">
        <v>94</v>
      </c>
      <c r="X9" s="195">
        <v>94</v>
      </c>
      <c r="Y9" s="190">
        <v>83</v>
      </c>
      <c r="Z9" s="191">
        <v>191</v>
      </c>
      <c r="AA9" s="196">
        <v>274</v>
      </c>
      <c r="AB9" s="193">
        <v>0</v>
      </c>
      <c r="AC9" s="191">
        <v>366</v>
      </c>
      <c r="AD9" s="191">
        <v>792</v>
      </c>
      <c r="AE9" s="191">
        <v>719</v>
      </c>
      <c r="AF9" s="191">
        <v>458</v>
      </c>
      <c r="AG9" s="191">
        <v>363</v>
      </c>
      <c r="AH9" s="196">
        <v>2698</v>
      </c>
      <c r="AI9" s="195">
        <v>2972</v>
      </c>
      <c r="AJ9" s="190">
        <v>12</v>
      </c>
      <c r="AK9" s="191">
        <v>22</v>
      </c>
      <c r="AL9" s="196">
        <v>34</v>
      </c>
      <c r="AM9" s="193">
        <v>0</v>
      </c>
      <c r="AN9" s="191">
        <v>0</v>
      </c>
      <c r="AO9" s="191">
        <v>26</v>
      </c>
      <c r="AP9" s="191">
        <v>24</v>
      </c>
      <c r="AQ9" s="191">
        <v>44</v>
      </c>
      <c r="AR9" s="191">
        <v>0</v>
      </c>
      <c r="AS9" s="196">
        <v>94</v>
      </c>
      <c r="AT9" s="195">
        <v>128</v>
      </c>
      <c r="AU9" s="190">
        <v>0</v>
      </c>
      <c r="AV9" s="191">
        <v>0</v>
      </c>
      <c r="AW9" s="196">
        <v>0</v>
      </c>
      <c r="AX9" s="193">
        <v>0</v>
      </c>
      <c r="AY9" s="191">
        <v>945</v>
      </c>
      <c r="AZ9" s="191">
        <v>1123</v>
      </c>
      <c r="BA9" s="191">
        <v>1048</v>
      </c>
      <c r="BB9" s="191">
        <v>406</v>
      </c>
      <c r="BC9" s="191">
        <v>101</v>
      </c>
      <c r="BD9" s="194">
        <v>3623</v>
      </c>
      <c r="BE9" s="195">
        <v>3623</v>
      </c>
      <c r="BF9" s="190">
        <v>0</v>
      </c>
      <c r="BG9" s="191">
        <v>0</v>
      </c>
      <c r="BH9" s="196">
        <v>0</v>
      </c>
      <c r="BI9" s="193">
        <v>0</v>
      </c>
      <c r="BJ9" s="191">
        <v>57</v>
      </c>
      <c r="BK9" s="191">
        <v>206</v>
      </c>
      <c r="BL9" s="191">
        <v>116</v>
      </c>
      <c r="BM9" s="191">
        <v>47</v>
      </c>
      <c r="BN9" s="191">
        <v>6</v>
      </c>
      <c r="BO9" s="196">
        <v>432</v>
      </c>
      <c r="BP9" s="195">
        <v>432</v>
      </c>
      <c r="BQ9" s="190">
        <v>0</v>
      </c>
      <c r="BR9" s="191">
        <v>3</v>
      </c>
      <c r="BS9" s="196">
        <v>3</v>
      </c>
      <c r="BT9" s="193">
        <v>0</v>
      </c>
      <c r="BU9" s="191">
        <v>48</v>
      </c>
      <c r="BV9" s="191">
        <v>128</v>
      </c>
      <c r="BW9" s="191">
        <v>313</v>
      </c>
      <c r="BX9" s="191">
        <v>213</v>
      </c>
      <c r="BY9" s="191">
        <v>128</v>
      </c>
      <c r="BZ9" s="196">
        <v>830</v>
      </c>
      <c r="CA9" s="195">
        <v>833</v>
      </c>
      <c r="CB9" s="190">
        <v>0</v>
      </c>
      <c r="CC9" s="191">
        <v>0</v>
      </c>
      <c r="CD9" s="196">
        <v>0</v>
      </c>
      <c r="CE9" s="193">
        <v>0</v>
      </c>
      <c r="CF9" s="191">
        <v>0</v>
      </c>
      <c r="CG9" s="191">
        <v>4</v>
      </c>
      <c r="CH9" s="191">
        <v>33</v>
      </c>
      <c r="CI9" s="191">
        <v>30</v>
      </c>
      <c r="CJ9" s="191">
        <v>5</v>
      </c>
      <c r="CK9" s="196">
        <v>72</v>
      </c>
      <c r="CL9" s="195">
        <v>72</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1">
        <v>0</v>
      </c>
      <c r="E10" s="192">
        <v>0</v>
      </c>
      <c r="F10" s="193">
        <v>0</v>
      </c>
      <c r="G10" s="191">
        <v>1446</v>
      </c>
      <c r="H10" s="191">
        <v>1430</v>
      </c>
      <c r="I10" s="191">
        <v>1480</v>
      </c>
      <c r="J10" s="191">
        <v>1916</v>
      </c>
      <c r="K10" s="191">
        <v>1269</v>
      </c>
      <c r="L10" s="194">
        <v>7541</v>
      </c>
      <c r="M10" s="195">
        <v>7541</v>
      </c>
      <c r="N10" s="190">
        <v>0</v>
      </c>
      <c r="O10" s="191">
        <v>0</v>
      </c>
      <c r="P10" s="196">
        <v>0</v>
      </c>
      <c r="Q10" s="193">
        <v>0</v>
      </c>
      <c r="R10" s="191">
        <v>0</v>
      </c>
      <c r="S10" s="191">
        <v>13</v>
      </c>
      <c r="T10" s="191">
        <v>14</v>
      </c>
      <c r="U10" s="191">
        <v>46</v>
      </c>
      <c r="V10" s="191">
        <v>50</v>
      </c>
      <c r="W10" s="196">
        <v>123</v>
      </c>
      <c r="X10" s="195">
        <v>123</v>
      </c>
      <c r="Y10" s="190">
        <v>29</v>
      </c>
      <c r="Z10" s="191">
        <v>12</v>
      </c>
      <c r="AA10" s="196">
        <v>41</v>
      </c>
      <c r="AB10" s="193">
        <v>0</v>
      </c>
      <c r="AC10" s="191">
        <v>474</v>
      </c>
      <c r="AD10" s="191">
        <v>566</v>
      </c>
      <c r="AE10" s="191">
        <v>223</v>
      </c>
      <c r="AF10" s="191">
        <v>237</v>
      </c>
      <c r="AG10" s="191">
        <v>248</v>
      </c>
      <c r="AH10" s="196">
        <v>1748</v>
      </c>
      <c r="AI10" s="195">
        <v>1789</v>
      </c>
      <c r="AJ10" s="190">
        <v>0</v>
      </c>
      <c r="AK10" s="191">
        <v>18</v>
      </c>
      <c r="AL10" s="196">
        <v>18</v>
      </c>
      <c r="AM10" s="193">
        <v>0</v>
      </c>
      <c r="AN10" s="191">
        <v>160</v>
      </c>
      <c r="AO10" s="191">
        <v>59</v>
      </c>
      <c r="AP10" s="191">
        <v>52</v>
      </c>
      <c r="AQ10" s="191">
        <v>121</v>
      </c>
      <c r="AR10" s="191">
        <v>0</v>
      </c>
      <c r="AS10" s="196">
        <v>392</v>
      </c>
      <c r="AT10" s="195">
        <v>410</v>
      </c>
      <c r="AU10" s="190">
        <v>0</v>
      </c>
      <c r="AV10" s="191">
        <v>0</v>
      </c>
      <c r="AW10" s="196">
        <v>0</v>
      </c>
      <c r="AX10" s="193">
        <v>0</v>
      </c>
      <c r="AY10" s="191">
        <v>1325</v>
      </c>
      <c r="AZ10" s="191">
        <v>701</v>
      </c>
      <c r="BA10" s="191">
        <v>464</v>
      </c>
      <c r="BB10" s="191">
        <v>57</v>
      </c>
      <c r="BC10" s="191">
        <v>64</v>
      </c>
      <c r="BD10" s="194">
        <v>2611</v>
      </c>
      <c r="BE10" s="195">
        <v>2611</v>
      </c>
      <c r="BF10" s="190">
        <v>0</v>
      </c>
      <c r="BG10" s="191">
        <v>0</v>
      </c>
      <c r="BH10" s="196">
        <v>0</v>
      </c>
      <c r="BI10" s="193">
        <v>0</v>
      </c>
      <c r="BJ10" s="191">
        <v>172</v>
      </c>
      <c r="BK10" s="191">
        <v>210</v>
      </c>
      <c r="BL10" s="191">
        <v>73</v>
      </c>
      <c r="BM10" s="191">
        <v>37</v>
      </c>
      <c r="BN10" s="191">
        <v>24</v>
      </c>
      <c r="BO10" s="196">
        <v>516</v>
      </c>
      <c r="BP10" s="195">
        <v>516</v>
      </c>
      <c r="BQ10" s="190">
        <v>0</v>
      </c>
      <c r="BR10" s="191">
        <v>0</v>
      </c>
      <c r="BS10" s="196">
        <v>0</v>
      </c>
      <c r="BT10" s="193">
        <v>0</v>
      </c>
      <c r="BU10" s="191">
        <v>133</v>
      </c>
      <c r="BV10" s="191">
        <v>356</v>
      </c>
      <c r="BW10" s="191">
        <v>335</v>
      </c>
      <c r="BX10" s="191">
        <v>92</v>
      </c>
      <c r="BY10" s="191">
        <v>95</v>
      </c>
      <c r="BZ10" s="196">
        <v>1011</v>
      </c>
      <c r="CA10" s="195">
        <v>1011</v>
      </c>
      <c r="CB10" s="190">
        <v>0</v>
      </c>
      <c r="CC10" s="191">
        <v>0</v>
      </c>
      <c r="CD10" s="196">
        <v>0</v>
      </c>
      <c r="CE10" s="193">
        <v>0</v>
      </c>
      <c r="CF10" s="191">
        <v>6</v>
      </c>
      <c r="CG10" s="191">
        <v>27</v>
      </c>
      <c r="CH10" s="191">
        <v>0</v>
      </c>
      <c r="CI10" s="191">
        <v>0</v>
      </c>
      <c r="CJ10" s="191">
        <v>0</v>
      </c>
      <c r="CK10" s="196">
        <v>33</v>
      </c>
      <c r="CL10" s="195">
        <v>33</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1">
        <v>0</v>
      </c>
      <c r="E11" s="192">
        <v>0</v>
      </c>
      <c r="F11" s="193">
        <v>0</v>
      </c>
      <c r="G11" s="191">
        <v>276</v>
      </c>
      <c r="H11" s="191">
        <v>527</v>
      </c>
      <c r="I11" s="191">
        <v>806</v>
      </c>
      <c r="J11" s="191">
        <v>559</v>
      </c>
      <c r="K11" s="191">
        <v>1014</v>
      </c>
      <c r="L11" s="194">
        <v>3182</v>
      </c>
      <c r="M11" s="195">
        <v>3182</v>
      </c>
      <c r="N11" s="190">
        <v>0</v>
      </c>
      <c r="O11" s="191">
        <v>0</v>
      </c>
      <c r="P11" s="196">
        <v>0</v>
      </c>
      <c r="Q11" s="193">
        <v>0</v>
      </c>
      <c r="R11" s="191">
        <v>0</v>
      </c>
      <c r="S11" s="191">
        <v>9</v>
      </c>
      <c r="T11" s="191">
        <v>18</v>
      </c>
      <c r="U11" s="191">
        <v>16</v>
      </c>
      <c r="V11" s="191">
        <v>29</v>
      </c>
      <c r="W11" s="196">
        <v>72</v>
      </c>
      <c r="X11" s="195">
        <v>72</v>
      </c>
      <c r="Y11" s="190">
        <v>21</v>
      </c>
      <c r="Z11" s="191">
        <v>6</v>
      </c>
      <c r="AA11" s="196">
        <v>27</v>
      </c>
      <c r="AB11" s="193">
        <v>0</v>
      </c>
      <c r="AC11" s="191">
        <v>163</v>
      </c>
      <c r="AD11" s="191">
        <v>245</v>
      </c>
      <c r="AE11" s="191">
        <v>197</v>
      </c>
      <c r="AF11" s="191">
        <v>151</v>
      </c>
      <c r="AG11" s="191">
        <v>134</v>
      </c>
      <c r="AH11" s="196">
        <v>890</v>
      </c>
      <c r="AI11" s="195">
        <v>917</v>
      </c>
      <c r="AJ11" s="190">
        <v>6</v>
      </c>
      <c r="AK11" s="191">
        <v>15</v>
      </c>
      <c r="AL11" s="196">
        <v>21</v>
      </c>
      <c r="AM11" s="193">
        <v>0</v>
      </c>
      <c r="AN11" s="191">
        <v>77</v>
      </c>
      <c r="AO11" s="191">
        <v>24</v>
      </c>
      <c r="AP11" s="191">
        <v>57</v>
      </c>
      <c r="AQ11" s="191">
        <v>18</v>
      </c>
      <c r="AR11" s="191">
        <v>6</v>
      </c>
      <c r="AS11" s="196">
        <v>182</v>
      </c>
      <c r="AT11" s="195">
        <v>203</v>
      </c>
      <c r="AU11" s="190">
        <v>0</v>
      </c>
      <c r="AV11" s="191">
        <v>0</v>
      </c>
      <c r="AW11" s="196">
        <v>0</v>
      </c>
      <c r="AX11" s="193">
        <v>0</v>
      </c>
      <c r="AY11" s="191">
        <v>345</v>
      </c>
      <c r="AZ11" s="191">
        <v>349</v>
      </c>
      <c r="BA11" s="191">
        <v>146</v>
      </c>
      <c r="BB11" s="191">
        <v>175</v>
      </c>
      <c r="BC11" s="191">
        <v>36</v>
      </c>
      <c r="BD11" s="194">
        <v>1051</v>
      </c>
      <c r="BE11" s="195">
        <v>1051</v>
      </c>
      <c r="BF11" s="190">
        <v>0</v>
      </c>
      <c r="BG11" s="191">
        <v>0</v>
      </c>
      <c r="BH11" s="196">
        <v>0</v>
      </c>
      <c r="BI11" s="193">
        <v>0</v>
      </c>
      <c r="BJ11" s="191">
        <v>75</v>
      </c>
      <c r="BK11" s="191">
        <v>83</v>
      </c>
      <c r="BL11" s="191">
        <v>72</v>
      </c>
      <c r="BM11" s="191">
        <v>0</v>
      </c>
      <c r="BN11" s="191">
        <v>3</v>
      </c>
      <c r="BO11" s="196">
        <v>233</v>
      </c>
      <c r="BP11" s="195">
        <v>233</v>
      </c>
      <c r="BQ11" s="190">
        <v>8</v>
      </c>
      <c r="BR11" s="191">
        <v>10</v>
      </c>
      <c r="BS11" s="196">
        <v>18</v>
      </c>
      <c r="BT11" s="193">
        <v>0</v>
      </c>
      <c r="BU11" s="191">
        <v>16</v>
      </c>
      <c r="BV11" s="191">
        <v>19</v>
      </c>
      <c r="BW11" s="191">
        <v>142</v>
      </c>
      <c r="BX11" s="191">
        <v>84</v>
      </c>
      <c r="BY11" s="191">
        <v>18</v>
      </c>
      <c r="BZ11" s="196">
        <v>279</v>
      </c>
      <c r="CA11" s="195">
        <v>297</v>
      </c>
      <c r="CB11" s="190">
        <v>0</v>
      </c>
      <c r="CC11" s="191">
        <v>0</v>
      </c>
      <c r="CD11" s="196">
        <v>0</v>
      </c>
      <c r="CE11" s="193">
        <v>0</v>
      </c>
      <c r="CF11" s="191">
        <v>0</v>
      </c>
      <c r="CG11" s="191">
        <v>3</v>
      </c>
      <c r="CH11" s="191">
        <v>4</v>
      </c>
      <c r="CI11" s="191">
        <v>0</v>
      </c>
      <c r="CJ11" s="191">
        <v>0</v>
      </c>
      <c r="CK11" s="196">
        <v>7</v>
      </c>
      <c r="CL11" s="195">
        <v>7</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1">
        <v>0</v>
      </c>
      <c r="E12" s="192">
        <v>0</v>
      </c>
      <c r="F12" s="193">
        <v>0</v>
      </c>
      <c r="G12" s="191">
        <v>609</v>
      </c>
      <c r="H12" s="191">
        <v>810</v>
      </c>
      <c r="I12" s="191">
        <v>999</v>
      </c>
      <c r="J12" s="191">
        <v>1009</v>
      </c>
      <c r="K12" s="191">
        <v>1079</v>
      </c>
      <c r="L12" s="194">
        <v>4506</v>
      </c>
      <c r="M12" s="195">
        <v>4506</v>
      </c>
      <c r="N12" s="190">
        <v>0</v>
      </c>
      <c r="O12" s="191">
        <v>0</v>
      </c>
      <c r="P12" s="196">
        <v>0</v>
      </c>
      <c r="Q12" s="193">
        <v>0</v>
      </c>
      <c r="R12" s="191">
        <v>0</v>
      </c>
      <c r="S12" s="191">
        <v>5</v>
      </c>
      <c r="T12" s="191">
        <v>4</v>
      </c>
      <c r="U12" s="191">
        <v>3</v>
      </c>
      <c r="V12" s="191">
        <v>38</v>
      </c>
      <c r="W12" s="196">
        <v>50</v>
      </c>
      <c r="X12" s="195">
        <v>50</v>
      </c>
      <c r="Y12" s="190">
        <v>50</v>
      </c>
      <c r="Z12" s="191">
        <v>85</v>
      </c>
      <c r="AA12" s="196">
        <v>135</v>
      </c>
      <c r="AB12" s="193">
        <v>0</v>
      </c>
      <c r="AC12" s="191">
        <v>469</v>
      </c>
      <c r="AD12" s="191">
        <v>294</v>
      </c>
      <c r="AE12" s="191">
        <v>326</v>
      </c>
      <c r="AF12" s="191">
        <v>237</v>
      </c>
      <c r="AG12" s="191">
        <v>215</v>
      </c>
      <c r="AH12" s="196">
        <v>1541</v>
      </c>
      <c r="AI12" s="195">
        <v>1676</v>
      </c>
      <c r="AJ12" s="190">
        <v>0</v>
      </c>
      <c r="AK12" s="191">
        <v>16</v>
      </c>
      <c r="AL12" s="196">
        <v>16</v>
      </c>
      <c r="AM12" s="193">
        <v>0</v>
      </c>
      <c r="AN12" s="191">
        <v>43</v>
      </c>
      <c r="AO12" s="191">
        <v>30</v>
      </c>
      <c r="AP12" s="191">
        <v>8</v>
      </c>
      <c r="AQ12" s="191">
        <v>41</v>
      </c>
      <c r="AR12" s="191">
        <v>12</v>
      </c>
      <c r="AS12" s="196">
        <v>134</v>
      </c>
      <c r="AT12" s="195">
        <v>150</v>
      </c>
      <c r="AU12" s="190">
        <v>0</v>
      </c>
      <c r="AV12" s="191">
        <v>0</v>
      </c>
      <c r="AW12" s="196">
        <v>0</v>
      </c>
      <c r="AX12" s="193">
        <v>0</v>
      </c>
      <c r="AY12" s="191">
        <v>399</v>
      </c>
      <c r="AZ12" s="191">
        <v>272</v>
      </c>
      <c r="BA12" s="191">
        <v>247</v>
      </c>
      <c r="BB12" s="191">
        <v>87</v>
      </c>
      <c r="BC12" s="191">
        <v>91</v>
      </c>
      <c r="BD12" s="194">
        <v>1096</v>
      </c>
      <c r="BE12" s="195">
        <v>1096</v>
      </c>
      <c r="BF12" s="190">
        <v>0</v>
      </c>
      <c r="BG12" s="191">
        <v>0</v>
      </c>
      <c r="BH12" s="196">
        <v>0</v>
      </c>
      <c r="BI12" s="193">
        <v>0</v>
      </c>
      <c r="BJ12" s="191">
        <v>99</v>
      </c>
      <c r="BK12" s="191">
        <v>100</v>
      </c>
      <c r="BL12" s="191">
        <v>75</v>
      </c>
      <c r="BM12" s="191">
        <v>120</v>
      </c>
      <c r="BN12" s="191">
        <v>9</v>
      </c>
      <c r="BO12" s="196">
        <v>403</v>
      </c>
      <c r="BP12" s="195">
        <v>403</v>
      </c>
      <c r="BQ12" s="190">
        <v>0</v>
      </c>
      <c r="BR12" s="191">
        <v>0</v>
      </c>
      <c r="BS12" s="196">
        <v>0</v>
      </c>
      <c r="BT12" s="193">
        <v>0</v>
      </c>
      <c r="BU12" s="191">
        <v>26</v>
      </c>
      <c r="BV12" s="191">
        <v>51</v>
      </c>
      <c r="BW12" s="191">
        <v>125</v>
      </c>
      <c r="BX12" s="191">
        <v>73</v>
      </c>
      <c r="BY12" s="191">
        <v>27</v>
      </c>
      <c r="BZ12" s="196">
        <v>302</v>
      </c>
      <c r="CA12" s="195">
        <v>302</v>
      </c>
      <c r="CB12" s="190">
        <v>0</v>
      </c>
      <c r="CC12" s="191">
        <v>0</v>
      </c>
      <c r="CD12" s="196">
        <v>0</v>
      </c>
      <c r="CE12" s="193">
        <v>0</v>
      </c>
      <c r="CF12" s="191">
        <v>2</v>
      </c>
      <c r="CG12" s="191">
        <v>19</v>
      </c>
      <c r="CH12" s="191">
        <v>23</v>
      </c>
      <c r="CI12" s="191">
        <v>0</v>
      </c>
      <c r="CJ12" s="191">
        <v>6</v>
      </c>
      <c r="CK12" s="196">
        <v>50</v>
      </c>
      <c r="CL12" s="195">
        <v>50</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1">
        <v>0</v>
      </c>
      <c r="E13" s="192">
        <v>0</v>
      </c>
      <c r="F13" s="193">
        <v>0</v>
      </c>
      <c r="G13" s="191">
        <v>1065</v>
      </c>
      <c r="H13" s="191">
        <v>1025</v>
      </c>
      <c r="I13" s="191">
        <v>1137</v>
      </c>
      <c r="J13" s="191">
        <v>1846</v>
      </c>
      <c r="K13" s="191">
        <v>1613</v>
      </c>
      <c r="L13" s="194">
        <v>6686</v>
      </c>
      <c r="M13" s="195">
        <v>6686</v>
      </c>
      <c r="N13" s="190">
        <v>0</v>
      </c>
      <c r="O13" s="191">
        <v>0</v>
      </c>
      <c r="P13" s="196">
        <v>0</v>
      </c>
      <c r="Q13" s="193">
        <v>0</v>
      </c>
      <c r="R13" s="191">
        <v>0</v>
      </c>
      <c r="S13" s="191">
        <v>5</v>
      </c>
      <c r="T13" s="191">
        <v>14</v>
      </c>
      <c r="U13" s="191">
        <v>32</v>
      </c>
      <c r="V13" s="191">
        <v>56</v>
      </c>
      <c r="W13" s="196">
        <v>107</v>
      </c>
      <c r="X13" s="195">
        <v>107</v>
      </c>
      <c r="Y13" s="190">
        <v>121</v>
      </c>
      <c r="Z13" s="191">
        <v>85</v>
      </c>
      <c r="AA13" s="196">
        <v>206</v>
      </c>
      <c r="AB13" s="193">
        <v>0</v>
      </c>
      <c r="AC13" s="191">
        <v>589</v>
      </c>
      <c r="AD13" s="191">
        <v>353</v>
      </c>
      <c r="AE13" s="191">
        <v>425</v>
      </c>
      <c r="AF13" s="191">
        <v>392</v>
      </c>
      <c r="AG13" s="191">
        <v>200</v>
      </c>
      <c r="AH13" s="196">
        <v>1959</v>
      </c>
      <c r="AI13" s="195">
        <v>2165</v>
      </c>
      <c r="AJ13" s="190">
        <v>16</v>
      </c>
      <c r="AK13" s="191">
        <v>36</v>
      </c>
      <c r="AL13" s="196">
        <v>52</v>
      </c>
      <c r="AM13" s="193">
        <v>0</v>
      </c>
      <c r="AN13" s="191">
        <v>65</v>
      </c>
      <c r="AO13" s="191">
        <v>65</v>
      </c>
      <c r="AP13" s="191">
        <v>40</v>
      </c>
      <c r="AQ13" s="191">
        <v>91</v>
      </c>
      <c r="AR13" s="191">
        <v>46</v>
      </c>
      <c r="AS13" s="196">
        <v>307</v>
      </c>
      <c r="AT13" s="195">
        <v>359</v>
      </c>
      <c r="AU13" s="190">
        <v>0</v>
      </c>
      <c r="AV13" s="191">
        <v>0</v>
      </c>
      <c r="AW13" s="196">
        <v>0</v>
      </c>
      <c r="AX13" s="193">
        <v>0</v>
      </c>
      <c r="AY13" s="191">
        <v>1026</v>
      </c>
      <c r="AZ13" s="191">
        <v>557</v>
      </c>
      <c r="BA13" s="191">
        <v>238</v>
      </c>
      <c r="BB13" s="191">
        <v>221</v>
      </c>
      <c r="BC13" s="191">
        <v>59</v>
      </c>
      <c r="BD13" s="194">
        <v>2101</v>
      </c>
      <c r="BE13" s="195">
        <v>2101</v>
      </c>
      <c r="BF13" s="190">
        <v>0</v>
      </c>
      <c r="BG13" s="191">
        <v>0</v>
      </c>
      <c r="BH13" s="196">
        <v>0</v>
      </c>
      <c r="BI13" s="193">
        <v>0</v>
      </c>
      <c r="BJ13" s="191">
        <v>232</v>
      </c>
      <c r="BK13" s="191">
        <v>94</v>
      </c>
      <c r="BL13" s="191">
        <v>99</v>
      </c>
      <c r="BM13" s="191">
        <v>16</v>
      </c>
      <c r="BN13" s="191">
        <v>35</v>
      </c>
      <c r="BO13" s="196">
        <v>476</v>
      </c>
      <c r="BP13" s="195">
        <v>476</v>
      </c>
      <c r="BQ13" s="190">
        <v>0</v>
      </c>
      <c r="BR13" s="191">
        <v>10</v>
      </c>
      <c r="BS13" s="196">
        <v>10</v>
      </c>
      <c r="BT13" s="193">
        <v>0</v>
      </c>
      <c r="BU13" s="191">
        <v>147</v>
      </c>
      <c r="BV13" s="191">
        <v>78</v>
      </c>
      <c r="BW13" s="191">
        <v>209</v>
      </c>
      <c r="BX13" s="191">
        <v>117</v>
      </c>
      <c r="BY13" s="191">
        <v>29</v>
      </c>
      <c r="BZ13" s="196">
        <v>580</v>
      </c>
      <c r="CA13" s="195">
        <v>590</v>
      </c>
      <c r="CB13" s="190">
        <v>0</v>
      </c>
      <c r="CC13" s="191">
        <v>0</v>
      </c>
      <c r="CD13" s="196">
        <v>0</v>
      </c>
      <c r="CE13" s="193">
        <v>0</v>
      </c>
      <c r="CF13" s="191">
        <v>0</v>
      </c>
      <c r="CG13" s="191">
        <v>4</v>
      </c>
      <c r="CH13" s="191">
        <v>16</v>
      </c>
      <c r="CI13" s="191">
        <v>0</v>
      </c>
      <c r="CJ13" s="191">
        <v>11</v>
      </c>
      <c r="CK13" s="196">
        <v>31</v>
      </c>
      <c r="CL13" s="195">
        <v>31</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1">
        <v>0</v>
      </c>
      <c r="E14" s="192">
        <v>0</v>
      </c>
      <c r="F14" s="193">
        <v>0</v>
      </c>
      <c r="G14" s="191">
        <v>295</v>
      </c>
      <c r="H14" s="191">
        <v>114</v>
      </c>
      <c r="I14" s="191">
        <v>499</v>
      </c>
      <c r="J14" s="191">
        <v>603</v>
      </c>
      <c r="K14" s="191">
        <v>727</v>
      </c>
      <c r="L14" s="194">
        <v>2238</v>
      </c>
      <c r="M14" s="195">
        <v>2238</v>
      </c>
      <c r="N14" s="190">
        <v>0</v>
      </c>
      <c r="O14" s="191">
        <v>0</v>
      </c>
      <c r="P14" s="196">
        <v>0</v>
      </c>
      <c r="Q14" s="193">
        <v>0</v>
      </c>
      <c r="R14" s="191">
        <v>0</v>
      </c>
      <c r="S14" s="191">
        <v>9</v>
      </c>
      <c r="T14" s="191">
        <v>0</v>
      </c>
      <c r="U14" s="191">
        <v>24</v>
      </c>
      <c r="V14" s="191">
        <v>29</v>
      </c>
      <c r="W14" s="196">
        <v>62</v>
      </c>
      <c r="X14" s="195">
        <v>62</v>
      </c>
      <c r="Y14" s="190">
        <v>20</v>
      </c>
      <c r="Z14" s="191">
        <v>13</v>
      </c>
      <c r="AA14" s="196">
        <v>33</v>
      </c>
      <c r="AB14" s="193">
        <v>0</v>
      </c>
      <c r="AC14" s="191">
        <v>125</v>
      </c>
      <c r="AD14" s="191">
        <v>58</v>
      </c>
      <c r="AE14" s="191">
        <v>152</v>
      </c>
      <c r="AF14" s="191">
        <v>179</v>
      </c>
      <c r="AG14" s="191">
        <v>91</v>
      </c>
      <c r="AH14" s="196">
        <v>605</v>
      </c>
      <c r="AI14" s="195">
        <v>638</v>
      </c>
      <c r="AJ14" s="190">
        <v>0</v>
      </c>
      <c r="AK14" s="191">
        <v>22</v>
      </c>
      <c r="AL14" s="196">
        <v>22</v>
      </c>
      <c r="AM14" s="193">
        <v>0</v>
      </c>
      <c r="AN14" s="191">
        <v>18</v>
      </c>
      <c r="AO14" s="191">
        <v>9</v>
      </c>
      <c r="AP14" s="191">
        <v>15</v>
      </c>
      <c r="AQ14" s="191">
        <v>33</v>
      </c>
      <c r="AR14" s="191">
        <v>18</v>
      </c>
      <c r="AS14" s="196">
        <v>93</v>
      </c>
      <c r="AT14" s="195">
        <v>115</v>
      </c>
      <c r="AU14" s="190">
        <v>0</v>
      </c>
      <c r="AV14" s="191">
        <v>0</v>
      </c>
      <c r="AW14" s="196">
        <v>0</v>
      </c>
      <c r="AX14" s="193">
        <v>0</v>
      </c>
      <c r="AY14" s="191">
        <v>425</v>
      </c>
      <c r="AZ14" s="191">
        <v>234</v>
      </c>
      <c r="BA14" s="191">
        <v>161</v>
      </c>
      <c r="BB14" s="191">
        <v>71</v>
      </c>
      <c r="BC14" s="191">
        <v>14</v>
      </c>
      <c r="BD14" s="194">
        <v>905</v>
      </c>
      <c r="BE14" s="195">
        <v>905</v>
      </c>
      <c r="BF14" s="190">
        <v>0</v>
      </c>
      <c r="BG14" s="191">
        <v>0</v>
      </c>
      <c r="BH14" s="196">
        <v>0</v>
      </c>
      <c r="BI14" s="193">
        <v>0</v>
      </c>
      <c r="BJ14" s="191">
        <v>163</v>
      </c>
      <c r="BK14" s="191">
        <v>70</v>
      </c>
      <c r="BL14" s="191">
        <v>35</v>
      </c>
      <c r="BM14" s="191">
        <v>80</v>
      </c>
      <c r="BN14" s="191">
        <v>4</v>
      </c>
      <c r="BO14" s="196">
        <v>352</v>
      </c>
      <c r="BP14" s="195">
        <v>352</v>
      </c>
      <c r="BQ14" s="190">
        <v>0</v>
      </c>
      <c r="BR14" s="191">
        <v>0</v>
      </c>
      <c r="BS14" s="196">
        <v>0</v>
      </c>
      <c r="BT14" s="193">
        <v>0</v>
      </c>
      <c r="BU14" s="191">
        <v>32</v>
      </c>
      <c r="BV14" s="191">
        <v>48</v>
      </c>
      <c r="BW14" s="191">
        <v>45</v>
      </c>
      <c r="BX14" s="191">
        <v>27</v>
      </c>
      <c r="BY14" s="191">
        <v>0</v>
      </c>
      <c r="BZ14" s="196">
        <v>152</v>
      </c>
      <c r="CA14" s="195">
        <v>152</v>
      </c>
      <c r="CB14" s="190">
        <v>0</v>
      </c>
      <c r="CC14" s="191">
        <v>0</v>
      </c>
      <c r="CD14" s="196">
        <v>0</v>
      </c>
      <c r="CE14" s="193">
        <v>0</v>
      </c>
      <c r="CF14" s="191">
        <v>12</v>
      </c>
      <c r="CG14" s="191">
        <v>0</v>
      </c>
      <c r="CH14" s="191">
        <v>0</v>
      </c>
      <c r="CI14" s="191">
        <v>12</v>
      </c>
      <c r="CJ14" s="191">
        <v>0</v>
      </c>
      <c r="CK14" s="196">
        <v>24</v>
      </c>
      <c r="CL14" s="195">
        <v>24</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1">
        <v>0</v>
      </c>
      <c r="E15" s="192">
        <v>0</v>
      </c>
      <c r="F15" s="193">
        <v>0</v>
      </c>
      <c r="G15" s="191">
        <v>300</v>
      </c>
      <c r="H15" s="191">
        <v>748</v>
      </c>
      <c r="I15" s="191">
        <v>641</v>
      </c>
      <c r="J15" s="191">
        <v>1239</v>
      </c>
      <c r="K15" s="191">
        <v>510</v>
      </c>
      <c r="L15" s="194">
        <v>3438</v>
      </c>
      <c r="M15" s="195">
        <v>3438</v>
      </c>
      <c r="N15" s="190">
        <v>0</v>
      </c>
      <c r="O15" s="191">
        <v>0</v>
      </c>
      <c r="P15" s="196">
        <v>0</v>
      </c>
      <c r="Q15" s="193">
        <v>0</v>
      </c>
      <c r="R15" s="191">
        <v>0</v>
      </c>
      <c r="S15" s="191">
        <v>0</v>
      </c>
      <c r="T15" s="191">
        <v>9</v>
      </c>
      <c r="U15" s="191">
        <v>12</v>
      </c>
      <c r="V15" s="191">
        <v>9</v>
      </c>
      <c r="W15" s="196">
        <v>30</v>
      </c>
      <c r="X15" s="195">
        <v>30</v>
      </c>
      <c r="Y15" s="190">
        <v>54</v>
      </c>
      <c r="Z15" s="191">
        <v>166</v>
      </c>
      <c r="AA15" s="196">
        <v>220</v>
      </c>
      <c r="AB15" s="193">
        <v>0</v>
      </c>
      <c r="AC15" s="191">
        <v>160</v>
      </c>
      <c r="AD15" s="191">
        <v>325</v>
      </c>
      <c r="AE15" s="191">
        <v>232</v>
      </c>
      <c r="AF15" s="191">
        <v>111</v>
      </c>
      <c r="AG15" s="191">
        <v>88</v>
      </c>
      <c r="AH15" s="196">
        <v>916</v>
      </c>
      <c r="AI15" s="195">
        <v>1136</v>
      </c>
      <c r="AJ15" s="190">
        <v>0</v>
      </c>
      <c r="AK15" s="191">
        <v>12</v>
      </c>
      <c r="AL15" s="196">
        <v>12</v>
      </c>
      <c r="AM15" s="193">
        <v>0</v>
      </c>
      <c r="AN15" s="191">
        <v>22</v>
      </c>
      <c r="AO15" s="191">
        <v>28</v>
      </c>
      <c r="AP15" s="191">
        <v>18</v>
      </c>
      <c r="AQ15" s="191">
        <v>63</v>
      </c>
      <c r="AR15" s="191">
        <v>26</v>
      </c>
      <c r="AS15" s="196">
        <v>157</v>
      </c>
      <c r="AT15" s="195">
        <v>169</v>
      </c>
      <c r="AU15" s="190">
        <v>0</v>
      </c>
      <c r="AV15" s="191">
        <v>0</v>
      </c>
      <c r="AW15" s="196">
        <v>0</v>
      </c>
      <c r="AX15" s="193">
        <v>0</v>
      </c>
      <c r="AY15" s="191">
        <v>504</v>
      </c>
      <c r="AZ15" s="191">
        <v>347</v>
      </c>
      <c r="BA15" s="191">
        <v>247</v>
      </c>
      <c r="BB15" s="191">
        <v>89</v>
      </c>
      <c r="BC15" s="191">
        <v>6</v>
      </c>
      <c r="BD15" s="194">
        <v>1193</v>
      </c>
      <c r="BE15" s="195">
        <v>1193</v>
      </c>
      <c r="BF15" s="190">
        <v>0</v>
      </c>
      <c r="BG15" s="191">
        <v>0</v>
      </c>
      <c r="BH15" s="196">
        <v>0</v>
      </c>
      <c r="BI15" s="193">
        <v>0</v>
      </c>
      <c r="BJ15" s="191">
        <v>49</v>
      </c>
      <c r="BK15" s="191">
        <v>130</v>
      </c>
      <c r="BL15" s="191">
        <v>106</v>
      </c>
      <c r="BM15" s="191">
        <v>51</v>
      </c>
      <c r="BN15" s="191">
        <v>17</v>
      </c>
      <c r="BO15" s="196">
        <v>353</v>
      </c>
      <c r="BP15" s="195">
        <v>353</v>
      </c>
      <c r="BQ15" s="190">
        <v>0</v>
      </c>
      <c r="BR15" s="191">
        <v>6</v>
      </c>
      <c r="BS15" s="196">
        <v>6</v>
      </c>
      <c r="BT15" s="193">
        <v>0</v>
      </c>
      <c r="BU15" s="191">
        <v>29</v>
      </c>
      <c r="BV15" s="191">
        <v>84</v>
      </c>
      <c r="BW15" s="191">
        <v>45</v>
      </c>
      <c r="BX15" s="191">
        <v>123</v>
      </c>
      <c r="BY15" s="191">
        <v>47</v>
      </c>
      <c r="BZ15" s="196">
        <v>328</v>
      </c>
      <c r="CA15" s="195">
        <v>334</v>
      </c>
      <c r="CB15" s="190">
        <v>0</v>
      </c>
      <c r="CC15" s="191">
        <v>0</v>
      </c>
      <c r="CD15" s="196">
        <v>0</v>
      </c>
      <c r="CE15" s="193">
        <v>0</v>
      </c>
      <c r="CF15" s="191">
        <v>0</v>
      </c>
      <c r="CG15" s="191">
        <v>5</v>
      </c>
      <c r="CH15" s="191">
        <v>0</v>
      </c>
      <c r="CI15" s="191">
        <v>10</v>
      </c>
      <c r="CJ15" s="191">
        <v>0</v>
      </c>
      <c r="CK15" s="196">
        <v>15</v>
      </c>
      <c r="CL15" s="195">
        <v>15</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1">
        <v>0</v>
      </c>
      <c r="E16" s="192">
        <v>0</v>
      </c>
      <c r="F16" s="193">
        <v>0</v>
      </c>
      <c r="G16" s="191">
        <v>161</v>
      </c>
      <c r="H16" s="191">
        <v>261</v>
      </c>
      <c r="I16" s="191">
        <v>511</v>
      </c>
      <c r="J16" s="191">
        <v>389</v>
      </c>
      <c r="K16" s="191">
        <v>712</v>
      </c>
      <c r="L16" s="194">
        <v>2034</v>
      </c>
      <c r="M16" s="195">
        <v>2034</v>
      </c>
      <c r="N16" s="190">
        <v>0</v>
      </c>
      <c r="O16" s="191">
        <v>0</v>
      </c>
      <c r="P16" s="196">
        <v>0</v>
      </c>
      <c r="Q16" s="193">
        <v>0</v>
      </c>
      <c r="R16" s="191">
        <v>0</v>
      </c>
      <c r="S16" s="191">
        <v>0</v>
      </c>
      <c r="T16" s="191">
        <v>3</v>
      </c>
      <c r="U16" s="191">
        <v>5</v>
      </c>
      <c r="V16" s="191">
        <v>28</v>
      </c>
      <c r="W16" s="196">
        <v>36</v>
      </c>
      <c r="X16" s="195">
        <v>36</v>
      </c>
      <c r="Y16" s="190">
        <v>0</v>
      </c>
      <c r="Z16" s="191">
        <v>8</v>
      </c>
      <c r="AA16" s="196">
        <v>8</v>
      </c>
      <c r="AB16" s="193">
        <v>0</v>
      </c>
      <c r="AC16" s="191">
        <v>110</v>
      </c>
      <c r="AD16" s="191">
        <v>329</v>
      </c>
      <c r="AE16" s="191">
        <v>97</v>
      </c>
      <c r="AF16" s="191">
        <v>73</v>
      </c>
      <c r="AG16" s="191">
        <v>132</v>
      </c>
      <c r="AH16" s="196">
        <v>741</v>
      </c>
      <c r="AI16" s="195">
        <v>749</v>
      </c>
      <c r="AJ16" s="190">
        <v>8</v>
      </c>
      <c r="AK16" s="191">
        <v>0</v>
      </c>
      <c r="AL16" s="196">
        <v>8</v>
      </c>
      <c r="AM16" s="193">
        <v>0</v>
      </c>
      <c r="AN16" s="191">
        <v>18</v>
      </c>
      <c r="AO16" s="191">
        <v>12</v>
      </c>
      <c r="AP16" s="191">
        <v>15</v>
      </c>
      <c r="AQ16" s="191">
        <v>0</v>
      </c>
      <c r="AR16" s="191">
        <v>0</v>
      </c>
      <c r="AS16" s="196">
        <v>45</v>
      </c>
      <c r="AT16" s="195">
        <v>53</v>
      </c>
      <c r="AU16" s="190">
        <v>0</v>
      </c>
      <c r="AV16" s="191">
        <v>0</v>
      </c>
      <c r="AW16" s="196">
        <v>0</v>
      </c>
      <c r="AX16" s="193">
        <v>0</v>
      </c>
      <c r="AY16" s="191">
        <v>130</v>
      </c>
      <c r="AZ16" s="191">
        <v>81</v>
      </c>
      <c r="BA16" s="191">
        <v>79</v>
      </c>
      <c r="BB16" s="191">
        <v>91</v>
      </c>
      <c r="BC16" s="191">
        <v>28</v>
      </c>
      <c r="BD16" s="194">
        <v>409</v>
      </c>
      <c r="BE16" s="195">
        <v>409</v>
      </c>
      <c r="BF16" s="190">
        <v>0</v>
      </c>
      <c r="BG16" s="191">
        <v>0</v>
      </c>
      <c r="BH16" s="196">
        <v>0</v>
      </c>
      <c r="BI16" s="193">
        <v>0</v>
      </c>
      <c r="BJ16" s="191">
        <v>31</v>
      </c>
      <c r="BK16" s="191">
        <v>3</v>
      </c>
      <c r="BL16" s="191">
        <v>17</v>
      </c>
      <c r="BM16" s="191">
        <v>7</v>
      </c>
      <c r="BN16" s="191">
        <v>9</v>
      </c>
      <c r="BO16" s="196">
        <v>67</v>
      </c>
      <c r="BP16" s="195">
        <v>67</v>
      </c>
      <c r="BQ16" s="190">
        <v>0</v>
      </c>
      <c r="BR16" s="191">
        <v>0</v>
      </c>
      <c r="BS16" s="196">
        <v>0</v>
      </c>
      <c r="BT16" s="193">
        <v>0</v>
      </c>
      <c r="BU16" s="191">
        <v>15</v>
      </c>
      <c r="BV16" s="191">
        <v>5</v>
      </c>
      <c r="BW16" s="191">
        <v>21</v>
      </c>
      <c r="BX16" s="191">
        <v>3</v>
      </c>
      <c r="BY16" s="191">
        <v>7</v>
      </c>
      <c r="BZ16" s="196">
        <v>51</v>
      </c>
      <c r="CA16" s="195">
        <v>51</v>
      </c>
      <c r="CB16" s="190">
        <v>0</v>
      </c>
      <c r="CC16" s="191">
        <v>0</v>
      </c>
      <c r="CD16" s="196">
        <v>0</v>
      </c>
      <c r="CE16" s="193">
        <v>0</v>
      </c>
      <c r="CF16" s="191">
        <v>0</v>
      </c>
      <c r="CG16" s="191">
        <v>0</v>
      </c>
      <c r="CH16" s="191">
        <v>0</v>
      </c>
      <c r="CI16" s="191">
        <v>4</v>
      </c>
      <c r="CJ16" s="191">
        <v>0</v>
      </c>
      <c r="CK16" s="196">
        <v>4</v>
      </c>
      <c r="CL16" s="195">
        <v>4</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1">
        <v>0</v>
      </c>
      <c r="E17" s="192">
        <v>0</v>
      </c>
      <c r="F17" s="193">
        <v>0</v>
      </c>
      <c r="G17" s="191">
        <v>15</v>
      </c>
      <c r="H17" s="191">
        <v>64</v>
      </c>
      <c r="I17" s="191">
        <v>9</v>
      </c>
      <c r="J17" s="191">
        <v>279</v>
      </c>
      <c r="K17" s="191">
        <v>237</v>
      </c>
      <c r="L17" s="194">
        <v>604</v>
      </c>
      <c r="M17" s="195">
        <v>604</v>
      </c>
      <c r="N17" s="190">
        <v>0</v>
      </c>
      <c r="O17" s="191">
        <v>0</v>
      </c>
      <c r="P17" s="196">
        <v>0</v>
      </c>
      <c r="Q17" s="193">
        <v>0</v>
      </c>
      <c r="R17" s="191">
        <v>0</v>
      </c>
      <c r="S17" s="191">
        <v>0</v>
      </c>
      <c r="T17" s="191">
        <v>4</v>
      </c>
      <c r="U17" s="191">
        <v>11</v>
      </c>
      <c r="V17" s="191">
        <v>0</v>
      </c>
      <c r="W17" s="196">
        <v>15</v>
      </c>
      <c r="X17" s="195">
        <v>15</v>
      </c>
      <c r="Y17" s="190">
        <v>0</v>
      </c>
      <c r="Z17" s="191">
        <v>10</v>
      </c>
      <c r="AA17" s="196">
        <v>10</v>
      </c>
      <c r="AB17" s="193">
        <v>0</v>
      </c>
      <c r="AC17" s="191">
        <v>32</v>
      </c>
      <c r="AD17" s="191">
        <v>41</v>
      </c>
      <c r="AE17" s="191">
        <v>21</v>
      </c>
      <c r="AF17" s="191">
        <v>22</v>
      </c>
      <c r="AG17" s="191">
        <v>0</v>
      </c>
      <c r="AH17" s="196">
        <v>116</v>
      </c>
      <c r="AI17" s="195">
        <v>126</v>
      </c>
      <c r="AJ17" s="190">
        <v>0</v>
      </c>
      <c r="AK17" s="191">
        <v>0</v>
      </c>
      <c r="AL17" s="196">
        <v>0</v>
      </c>
      <c r="AM17" s="193">
        <v>0</v>
      </c>
      <c r="AN17" s="191">
        <v>20</v>
      </c>
      <c r="AO17" s="191">
        <v>21</v>
      </c>
      <c r="AP17" s="191">
        <v>0</v>
      </c>
      <c r="AQ17" s="191">
        <v>0</v>
      </c>
      <c r="AR17" s="191">
        <v>0</v>
      </c>
      <c r="AS17" s="196">
        <v>41</v>
      </c>
      <c r="AT17" s="195">
        <v>41</v>
      </c>
      <c r="AU17" s="190">
        <v>0</v>
      </c>
      <c r="AV17" s="191">
        <v>0</v>
      </c>
      <c r="AW17" s="196">
        <v>0</v>
      </c>
      <c r="AX17" s="193">
        <v>0</v>
      </c>
      <c r="AY17" s="191">
        <v>34</v>
      </c>
      <c r="AZ17" s="191">
        <v>31</v>
      </c>
      <c r="BA17" s="191">
        <v>2</v>
      </c>
      <c r="BB17" s="191">
        <v>28</v>
      </c>
      <c r="BC17" s="191">
        <v>0</v>
      </c>
      <c r="BD17" s="194">
        <v>95</v>
      </c>
      <c r="BE17" s="195">
        <v>95</v>
      </c>
      <c r="BF17" s="190">
        <v>0</v>
      </c>
      <c r="BG17" s="191">
        <v>0</v>
      </c>
      <c r="BH17" s="196">
        <v>0</v>
      </c>
      <c r="BI17" s="193">
        <v>0</v>
      </c>
      <c r="BJ17" s="191">
        <v>7</v>
      </c>
      <c r="BK17" s="191">
        <v>0</v>
      </c>
      <c r="BL17" s="191">
        <v>59</v>
      </c>
      <c r="BM17" s="191">
        <v>9</v>
      </c>
      <c r="BN17" s="191">
        <v>0</v>
      </c>
      <c r="BO17" s="196">
        <v>75</v>
      </c>
      <c r="BP17" s="195">
        <v>75</v>
      </c>
      <c r="BQ17" s="190">
        <v>0</v>
      </c>
      <c r="BR17" s="191">
        <v>0</v>
      </c>
      <c r="BS17" s="196">
        <v>0</v>
      </c>
      <c r="BT17" s="193">
        <v>0</v>
      </c>
      <c r="BU17" s="191">
        <v>0</v>
      </c>
      <c r="BV17" s="191">
        <v>30</v>
      </c>
      <c r="BW17" s="191">
        <v>0</v>
      </c>
      <c r="BX17" s="191">
        <v>0</v>
      </c>
      <c r="BY17" s="191">
        <v>0</v>
      </c>
      <c r="BZ17" s="196">
        <v>30</v>
      </c>
      <c r="CA17" s="195">
        <v>30</v>
      </c>
      <c r="CB17" s="190">
        <v>0</v>
      </c>
      <c r="CC17" s="191">
        <v>0</v>
      </c>
      <c r="CD17" s="196">
        <v>0</v>
      </c>
      <c r="CE17" s="193">
        <v>0</v>
      </c>
      <c r="CF17" s="191">
        <v>0</v>
      </c>
      <c r="CG17" s="191">
        <v>0</v>
      </c>
      <c r="CH17" s="191">
        <v>0</v>
      </c>
      <c r="CI17" s="191">
        <v>0</v>
      </c>
      <c r="CJ17" s="191">
        <v>0</v>
      </c>
      <c r="CK17" s="196">
        <v>0</v>
      </c>
      <c r="CL17" s="195">
        <v>0</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1">
        <v>0</v>
      </c>
      <c r="E18" s="192">
        <v>0</v>
      </c>
      <c r="F18" s="193">
        <v>0</v>
      </c>
      <c r="G18" s="191">
        <v>83</v>
      </c>
      <c r="H18" s="191">
        <v>124</v>
      </c>
      <c r="I18" s="191">
        <v>285</v>
      </c>
      <c r="J18" s="191">
        <v>37</v>
      </c>
      <c r="K18" s="191">
        <v>22</v>
      </c>
      <c r="L18" s="194">
        <v>551</v>
      </c>
      <c r="M18" s="195">
        <v>551</v>
      </c>
      <c r="N18" s="190">
        <v>0</v>
      </c>
      <c r="O18" s="191">
        <v>0</v>
      </c>
      <c r="P18" s="196">
        <v>0</v>
      </c>
      <c r="Q18" s="193">
        <v>0</v>
      </c>
      <c r="R18" s="191">
        <v>0</v>
      </c>
      <c r="S18" s="191">
        <v>0</v>
      </c>
      <c r="T18" s="191">
        <v>4</v>
      </c>
      <c r="U18" s="191">
        <v>10</v>
      </c>
      <c r="V18" s="191">
        <v>3</v>
      </c>
      <c r="W18" s="196">
        <v>17</v>
      </c>
      <c r="X18" s="195">
        <v>17</v>
      </c>
      <c r="Y18" s="190">
        <v>29</v>
      </c>
      <c r="Z18" s="191">
        <v>13</v>
      </c>
      <c r="AA18" s="196">
        <v>42</v>
      </c>
      <c r="AB18" s="193">
        <v>0</v>
      </c>
      <c r="AC18" s="191">
        <v>102</v>
      </c>
      <c r="AD18" s="191">
        <v>196</v>
      </c>
      <c r="AE18" s="191">
        <v>36</v>
      </c>
      <c r="AF18" s="191">
        <v>39</v>
      </c>
      <c r="AG18" s="191">
        <v>40</v>
      </c>
      <c r="AH18" s="196">
        <v>413</v>
      </c>
      <c r="AI18" s="195">
        <v>455</v>
      </c>
      <c r="AJ18" s="190">
        <v>12</v>
      </c>
      <c r="AK18" s="191">
        <v>0</v>
      </c>
      <c r="AL18" s="196">
        <v>12</v>
      </c>
      <c r="AM18" s="193">
        <v>0</v>
      </c>
      <c r="AN18" s="191">
        <v>0</v>
      </c>
      <c r="AO18" s="191">
        <v>42</v>
      </c>
      <c r="AP18" s="191">
        <v>0</v>
      </c>
      <c r="AQ18" s="191">
        <v>27</v>
      </c>
      <c r="AR18" s="191">
        <v>0</v>
      </c>
      <c r="AS18" s="196">
        <v>69</v>
      </c>
      <c r="AT18" s="195">
        <v>81</v>
      </c>
      <c r="AU18" s="190">
        <v>0</v>
      </c>
      <c r="AV18" s="191">
        <v>0</v>
      </c>
      <c r="AW18" s="196">
        <v>0</v>
      </c>
      <c r="AX18" s="193">
        <v>0</v>
      </c>
      <c r="AY18" s="191">
        <v>157</v>
      </c>
      <c r="AZ18" s="191">
        <v>225</v>
      </c>
      <c r="BA18" s="191">
        <v>62</v>
      </c>
      <c r="BB18" s="191">
        <v>45</v>
      </c>
      <c r="BC18" s="191">
        <v>9</v>
      </c>
      <c r="BD18" s="194">
        <v>498</v>
      </c>
      <c r="BE18" s="195">
        <v>498</v>
      </c>
      <c r="BF18" s="190">
        <v>0</v>
      </c>
      <c r="BG18" s="191">
        <v>0</v>
      </c>
      <c r="BH18" s="196">
        <v>0</v>
      </c>
      <c r="BI18" s="193">
        <v>0</v>
      </c>
      <c r="BJ18" s="191">
        <v>101</v>
      </c>
      <c r="BK18" s="191">
        <v>226</v>
      </c>
      <c r="BL18" s="191">
        <v>73</v>
      </c>
      <c r="BM18" s="191">
        <v>0</v>
      </c>
      <c r="BN18" s="191">
        <v>3</v>
      </c>
      <c r="BO18" s="196">
        <v>403</v>
      </c>
      <c r="BP18" s="195">
        <v>403</v>
      </c>
      <c r="BQ18" s="190">
        <v>0</v>
      </c>
      <c r="BR18" s="191">
        <v>2</v>
      </c>
      <c r="BS18" s="196">
        <v>2</v>
      </c>
      <c r="BT18" s="193">
        <v>0</v>
      </c>
      <c r="BU18" s="191">
        <v>2</v>
      </c>
      <c r="BV18" s="191">
        <v>11</v>
      </c>
      <c r="BW18" s="191">
        <v>9</v>
      </c>
      <c r="BX18" s="191">
        <v>9</v>
      </c>
      <c r="BY18" s="191">
        <v>3</v>
      </c>
      <c r="BZ18" s="196">
        <v>34</v>
      </c>
      <c r="CA18" s="195">
        <v>36</v>
      </c>
      <c r="CB18" s="190">
        <v>0</v>
      </c>
      <c r="CC18" s="191">
        <v>0</v>
      </c>
      <c r="CD18" s="196">
        <v>0</v>
      </c>
      <c r="CE18" s="193">
        <v>0</v>
      </c>
      <c r="CF18" s="191">
        <v>16</v>
      </c>
      <c r="CG18" s="191">
        <v>4</v>
      </c>
      <c r="CH18" s="191">
        <v>12</v>
      </c>
      <c r="CI18" s="191">
        <v>0</v>
      </c>
      <c r="CJ18" s="191">
        <v>0</v>
      </c>
      <c r="CK18" s="196">
        <v>32</v>
      </c>
      <c r="CL18" s="195">
        <v>32</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1">
        <v>0</v>
      </c>
      <c r="E19" s="192">
        <v>0</v>
      </c>
      <c r="F19" s="193">
        <v>0</v>
      </c>
      <c r="G19" s="191">
        <v>100</v>
      </c>
      <c r="H19" s="191">
        <v>269</v>
      </c>
      <c r="I19" s="191">
        <v>394</v>
      </c>
      <c r="J19" s="191">
        <v>456</v>
      </c>
      <c r="K19" s="191">
        <v>525</v>
      </c>
      <c r="L19" s="194">
        <v>1744</v>
      </c>
      <c r="M19" s="195">
        <v>1744</v>
      </c>
      <c r="N19" s="190">
        <v>0</v>
      </c>
      <c r="O19" s="191">
        <v>0</v>
      </c>
      <c r="P19" s="196">
        <v>0</v>
      </c>
      <c r="Q19" s="193">
        <v>0</v>
      </c>
      <c r="R19" s="191">
        <v>0</v>
      </c>
      <c r="S19" s="191">
        <v>0</v>
      </c>
      <c r="T19" s="191">
        <v>4</v>
      </c>
      <c r="U19" s="191">
        <v>0</v>
      </c>
      <c r="V19" s="191">
        <v>4</v>
      </c>
      <c r="W19" s="196">
        <v>8</v>
      </c>
      <c r="X19" s="195">
        <v>8</v>
      </c>
      <c r="Y19" s="190">
        <v>0</v>
      </c>
      <c r="Z19" s="191">
        <v>21</v>
      </c>
      <c r="AA19" s="196">
        <v>21</v>
      </c>
      <c r="AB19" s="193">
        <v>0</v>
      </c>
      <c r="AC19" s="191">
        <v>113</v>
      </c>
      <c r="AD19" s="191">
        <v>193</v>
      </c>
      <c r="AE19" s="191">
        <v>118</v>
      </c>
      <c r="AF19" s="191">
        <v>32</v>
      </c>
      <c r="AG19" s="191">
        <v>17</v>
      </c>
      <c r="AH19" s="196">
        <v>473</v>
      </c>
      <c r="AI19" s="195">
        <v>494</v>
      </c>
      <c r="AJ19" s="190">
        <v>0</v>
      </c>
      <c r="AK19" s="191">
        <v>9</v>
      </c>
      <c r="AL19" s="196">
        <v>9</v>
      </c>
      <c r="AM19" s="193">
        <v>0</v>
      </c>
      <c r="AN19" s="191">
        <v>8</v>
      </c>
      <c r="AO19" s="191">
        <v>4</v>
      </c>
      <c r="AP19" s="191">
        <v>66</v>
      </c>
      <c r="AQ19" s="191">
        <v>0</v>
      </c>
      <c r="AR19" s="191">
        <v>14</v>
      </c>
      <c r="AS19" s="196">
        <v>92</v>
      </c>
      <c r="AT19" s="195">
        <v>101</v>
      </c>
      <c r="AU19" s="190">
        <v>0</v>
      </c>
      <c r="AV19" s="191">
        <v>0</v>
      </c>
      <c r="AW19" s="196">
        <v>0</v>
      </c>
      <c r="AX19" s="193">
        <v>0</v>
      </c>
      <c r="AY19" s="191">
        <v>183</v>
      </c>
      <c r="AZ19" s="191">
        <v>245</v>
      </c>
      <c r="BA19" s="191">
        <v>66</v>
      </c>
      <c r="BB19" s="191">
        <v>26</v>
      </c>
      <c r="BC19" s="191">
        <v>13</v>
      </c>
      <c r="BD19" s="194">
        <v>533</v>
      </c>
      <c r="BE19" s="195">
        <v>533</v>
      </c>
      <c r="BF19" s="190">
        <v>0</v>
      </c>
      <c r="BG19" s="191">
        <v>0</v>
      </c>
      <c r="BH19" s="196">
        <v>0</v>
      </c>
      <c r="BI19" s="193">
        <v>0</v>
      </c>
      <c r="BJ19" s="191">
        <v>52</v>
      </c>
      <c r="BK19" s="191">
        <v>107</v>
      </c>
      <c r="BL19" s="191">
        <v>59</v>
      </c>
      <c r="BM19" s="191">
        <v>19</v>
      </c>
      <c r="BN19" s="191">
        <v>0</v>
      </c>
      <c r="BO19" s="196">
        <v>237</v>
      </c>
      <c r="BP19" s="195">
        <v>237</v>
      </c>
      <c r="BQ19" s="190">
        <v>0</v>
      </c>
      <c r="BR19" s="191">
        <v>0</v>
      </c>
      <c r="BS19" s="196">
        <v>0</v>
      </c>
      <c r="BT19" s="193">
        <v>0</v>
      </c>
      <c r="BU19" s="191">
        <v>33</v>
      </c>
      <c r="BV19" s="191">
        <v>81</v>
      </c>
      <c r="BW19" s="191">
        <v>36</v>
      </c>
      <c r="BX19" s="191">
        <v>57</v>
      </c>
      <c r="BY19" s="191">
        <v>52</v>
      </c>
      <c r="BZ19" s="196">
        <v>259</v>
      </c>
      <c r="CA19" s="195">
        <v>259</v>
      </c>
      <c r="CB19" s="190">
        <v>0</v>
      </c>
      <c r="CC19" s="191">
        <v>0</v>
      </c>
      <c r="CD19" s="196">
        <v>0</v>
      </c>
      <c r="CE19" s="193">
        <v>0</v>
      </c>
      <c r="CF19" s="191">
        <v>0</v>
      </c>
      <c r="CG19" s="191">
        <v>7</v>
      </c>
      <c r="CH19" s="191">
        <v>6</v>
      </c>
      <c r="CI19" s="191">
        <v>0</v>
      </c>
      <c r="CJ19" s="191">
        <v>0</v>
      </c>
      <c r="CK19" s="196">
        <v>13</v>
      </c>
      <c r="CL19" s="195">
        <v>13</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1">
        <v>0</v>
      </c>
      <c r="E20" s="192">
        <v>0</v>
      </c>
      <c r="F20" s="193">
        <v>0</v>
      </c>
      <c r="G20" s="191">
        <v>251</v>
      </c>
      <c r="H20" s="191">
        <v>368</v>
      </c>
      <c r="I20" s="191">
        <v>990</v>
      </c>
      <c r="J20" s="191">
        <v>581</v>
      </c>
      <c r="K20" s="191">
        <v>807</v>
      </c>
      <c r="L20" s="194">
        <v>2997</v>
      </c>
      <c r="M20" s="195">
        <v>2997</v>
      </c>
      <c r="N20" s="190">
        <v>0</v>
      </c>
      <c r="O20" s="191">
        <v>0</v>
      </c>
      <c r="P20" s="196">
        <v>0</v>
      </c>
      <c r="Q20" s="193">
        <v>0</v>
      </c>
      <c r="R20" s="191">
        <v>0</v>
      </c>
      <c r="S20" s="191">
        <v>0</v>
      </c>
      <c r="T20" s="191">
        <v>0</v>
      </c>
      <c r="U20" s="191">
        <v>40</v>
      </c>
      <c r="V20" s="191">
        <v>23</v>
      </c>
      <c r="W20" s="196">
        <v>63</v>
      </c>
      <c r="X20" s="195">
        <v>63</v>
      </c>
      <c r="Y20" s="190">
        <v>38</v>
      </c>
      <c r="Z20" s="191">
        <v>64</v>
      </c>
      <c r="AA20" s="196">
        <v>102</v>
      </c>
      <c r="AB20" s="193">
        <v>0</v>
      </c>
      <c r="AC20" s="191">
        <v>123</v>
      </c>
      <c r="AD20" s="191">
        <v>313</v>
      </c>
      <c r="AE20" s="191">
        <v>120</v>
      </c>
      <c r="AF20" s="191">
        <v>133</v>
      </c>
      <c r="AG20" s="191">
        <v>110</v>
      </c>
      <c r="AH20" s="196">
        <v>799</v>
      </c>
      <c r="AI20" s="195">
        <v>901</v>
      </c>
      <c r="AJ20" s="190">
        <v>6</v>
      </c>
      <c r="AK20" s="191">
        <v>12</v>
      </c>
      <c r="AL20" s="196">
        <v>18</v>
      </c>
      <c r="AM20" s="193">
        <v>0</v>
      </c>
      <c r="AN20" s="191">
        <v>27</v>
      </c>
      <c r="AO20" s="191">
        <v>102</v>
      </c>
      <c r="AP20" s="191">
        <v>78</v>
      </c>
      <c r="AQ20" s="191">
        <v>27</v>
      </c>
      <c r="AR20" s="191">
        <v>0</v>
      </c>
      <c r="AS20" s="196">
        <v>234</v>
      </c>
      <c r="AT20" s="195">
        <v>252</v>
      </c>
      <c r="AU20" s="190">
        <v>0</v>
      </c>
      <c r="AV20" s="191">
        <v>0</v>
      </c>
      <c r="AW20" s="196">
        <v>0</v>
      </c>
      <c r="AX20" s="193">
        <v>0</v>
      </c>
      <c r="AY20" s="191">
        <v>486</v>
      </c>
      <c r="AZ20" s="191">
        <v>324</v>
      </c>
      <c r="BA20" s="191">
        <v>283</v>
      </c>
      <c r="BB20" s="191">
        <v>53</v>
      </c>
      <c r="BC20" s="191">
        <v>50</v>
      </c>
      <c r="BD20" s="194">
        <v>1196</v>
      </c>
      <c r="BE20" s="195">
        <v>1196</v>
      </c>
      <c r="BF20" s="190">
        <v>0</v>
      </c>
      <c r="BG20" s="191">
        <v>0</v>
      </c>
      <c r="BH20" s="196">
        <v>0</v>
      </c>
      <c r="BI20" s="193">
        <v>0</v>
      </c>
      <c r="BJ20" s="191">
        <v>79</v>
      </c>
      <c r="BK20" s="191">
        <v>97</v>
      </c>
      <c r="BL20" s="191">
        <v>20</v>
      </c>
      <c r="BM20" s="191">
        <v>8</v>
      </c>
      <c r="BN20" s="191">
        <v>9</v>
      </c>
      <c r="BO20" s="196">
        <v>213</v>
      </c>
      <c r="BP20" s="195">
        <v>213</v>
      </c>
      <c r="BQ20" s="190">
        <v>0</v>
      </c>
      <c r="BR20" s="191">
        <v>0</v>
      </c>
      <c r="BS20" s="196">
        <v>0</v>
      </c>
      <c r="BT20" s="193">
        <v>0</v>
      </c>
      <c r="BU20" s="191">
        <v>20</v>
      </c>
      <c r="BV20" s="191">
        <v>46</v>
      </c>
      <c r="BW20" s="191">
        <v>171</v>
      </c>
      <c r="BX20" s="191">
        <v>52</v>
      </c>
      <c r="BY20" s="191">
        <v>16</v>
      </c>
      <c r="BZ20" s="196">
        <v>305</v>
      </c>
      <c r="CA20" s="195">
        <v>305</v>
      </c>
      <c r="CB20" s="190">
        <v>0</v>
      </c>
      <c r="CC20" s="191">
        <v>0</v>
      </c>
      <c r="CD20" s="196">
        <v>0</v>
      </c>
      <c r="CE20" s="193">
        <v>0</v>
      </c>
      <c r="CF20" s="191">
        <v>0</v>
      </c>
      <c r="CG20" s="191">
        <v>0</v>
      </c>
      <c r="CH20" s="191">
        <v>0</v>
      </c>
      <c r="CI20" s="191">
        <v>0</v>
      </c>
      <c r="CJ20" s="191">
        <v>0</v>
      </c>
      <c r="CK20" s="196">
        <v>0</v>
      </c>
      <c r="CL20" s="195">
        <v>0</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1">
        <v>0</v>
      </c>
      <c r="E21" s="192">
        <v>0</v>
      </c>
      <c r="F21" s="193">
        <v>0</v>
      </c>
      <c r="G21" s="191">
        <v>113</v>
      </c>
      <c r="H21" s="191">
        <v>113</v>
      </c>
      <c r="I21" s="191">
        <v>192</v>
      </c>
      <c r="J21" s="191">
        <v>171</v>
      </c>
      <c r="K21" s="191">
        <v>44</v>
      </c>
      <c r="L21" s="194">
        <v>633</v>
      </c>
      <c r="M21" s="195">
        <v>633</v>
      </c>
      <c r="N21" s="190">
        <v>0</v>
      </c>
      <c r="O21" s="191">
        <v>0</v>
      </c>
      <c r="P21" s="196">
        <v>0</v>
      </c>
      <c r="Q21" s="193">
        <v>0</v>
      </c>
      <c r="R21" s="191">
        <v>0</v>
      </c>
      <c r="S21" s="191">
        <v>0</v>
      </c>
      <c r="T21" s="191">
        <v>6</v>
      </c>
      <c r="U21" s="191">
        <v>8</v>
      </c>
      <c r="V21" s="191">
        <v>18</v>
      </c>
      <c r="W21" s="196">
        <v>32</v>
      </c>
      <c r="X21" s="195">
        <v>32</v>
      </c>
      <c r="Y21" s="190">
        <v>4</v>
      </c>
      <c r="Z21" s="191">
        <v>17</v>
      </c>
      <c r="AA21" s="196">
        <v>21</v>
      </c>
      <c r="AB21" s="193">
        <v>0</v>
      </c>
      <c r="AC21" s="191">
        <v>129</v>
      </c>
      <c r="AD21" s="191">
        <v>81</v>
      </c>
      <c r="AE21" s="191">
        <v>61</v>
      </c>
      <c r="AF21" s="191">
        <v>42</v>
      </c>
      <c r="AG21" s="191">
        <v>56</v>
      </c>
      <c r="AH21" s="196">
        <v>369</v>
      </c>
      <c r="AI21" s="195">
        <v>390</v>
      </c>
      <c r="AJ21" s="190">
        <v>0</v>
      </c>
      <c r="AK21" s="191">
        <v>0</v>
      </c>
      <c r="AL21" s="196">
        <v>0</v>
      </c>
      <c r="AM21" s="193">
        <v>0</v>
      </c>
      <c r="AN21" s="191">
        <v>12</v>
      </c>
      <c r="AO21" s="191">
        <v>15</v>
      </c>
      <c r="AP21" s="191">
        <v>0</v>
      </c>
      <c r="AQ21" s="191">
        <v>10</v>
      </c>
      <c r="AR21" s="191">
        <v>12</v>
      </c>
      <c r="AS21" s="196">
        <v>49</v>
      </c>
      <c r="AT21" s="195">
        <v>49</v>
      </c>
      <c r="AU21" s="190">
        <v>0</v>
      </c>
      <c r="AV21" s="191">
        <v>0</v>
      </c>
      <c r="AW21" s="196">
        <v>0</v>
      </c>
      <c r="AX21" s="193">
        <v>0</v>
      </c>
      <c r="AY21" s="191">
        <v>114</v>
      </c>
      <c r="AZ21" s="191">
        <v>129</v>
      </c>
      <c r="BA21" s="191">
        <v>18</v>
      </c>
      <c r="BB21" s="191">
        <v>0</v>
      </c>
      <c r="BC21" s="191">
        <v>6</v>
      </c>
      <c r="BD21" s="194">
        <v>267</v>
      </c>
      <c r="BE21" s="195">
        <v>267</v>
      </c>
      <c r="BF21" s="190">
        <v>0</v>
      </c>
      <c r="BG21" s="191">
        <v>0</v>
      </c>
      <c r="BH21" s="196">
        <v>0</v>
      </c>
      <c r="BI21" s="193">
        <v>0</v>
      </c>
      <c r="BJ21" s="191">
        <v>50</v>
      </c>
      <c r="BK21" s="191">
        <v>58</v>
      </c>
      <c r="BL21" s="191">
        <v>22</v>
      </c>
      <c r="BM21" s="191">
        <v>4</v>
      </c>
      <c r="BN21" s="191">
        <v>0</v>
      </c>
      <c r="BO21" s="196">
        <v>134</v>
      </c>
      <c r="BP21" s="195">
        <v>134</v>
      </c>
      <c r="BQ21" s="190">
        <v>5</v>
      </c>
      <c r="BR21" s="191">
        <v>0</v>
      </c>
      <c r="BS21" s="196">
        <v>5</v>
      </c>
      <c r="BT21" s="193">
        <v>0</v>
      </c>
      <c r="BU21" s="191">
        <v>0</v>
      </c>
      <c r="BV21" s="191">
        <v>2</v>
      </c>
      <c r="BW21" s="191">
        <v>0</v>
      </c>
      <c r="BX21" s="191">
        <v>0</v>
      </c>
      <c r="BY21" s="191">
        <v>0</v>
      </c>
      <c r="BZ21" s="196">
        <v>2</v>
      </c>
      <c r="CA21" s="195">
        <v>7</v>
      </c>
      <c r="CB21" s="190">
        <v>0</v>
      </c>
      <c r="CC21" s="191">
        <v>0</v>
      </c>
      <c r="CD21" s="196">
        <v>0</v>
      </c>
      <c r="CE21" s="193">
        <v>0</v>
      </c>
      <c r="CF21" s="191">
        <v>0</v>
      </c>
      <c r="CG21" s="191">
        <v>10</v>
      </c>
      <c r="CH21" s="191">
        <v>0</v>
      </c>
      <c r="CI21" s="191">
        <v>0</v>
      </c>
      <c r="CJ21" s="191">
        <v>0</v>
      </c>
      <c r="CK21" s="196">
        <v>10</v>
      </c>
      <c r="CL21" s="195">
        <v>10</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1">
        <v>0</v>
      </c>
      <c r="E22" s="192">
        <v>0</v>
      </c>
      <c r="F22" s="193">
        <v>0</v>
      </c>
      <c r="G22" s="191">
        <v>365</v>
      </c>
      <c r="H22" s="191">
        <v>259</v>
      </c>
      <c r="I22" s="191">
        <v>241</v>
      </c>
      <c r="J22" s="191">
        <v>618</v>
      </c>
      <c r="K22" s="191">
        <v>229</v>
      </c>
      <c r="L22" s="194">
        <v>1712</v>
      </c>
      <c r="M22" s="195">
        <v>1712</v>
      </c>
      <c r="N22" s="190">
        <v>0</v>
      </c>
      <c r="O22" s="191">
        <v>0</v>
      </c>
      <c r="P22" s="196">
        <v>0</v>
      </c>
      <c r="Q22" s="193">
        <v>0</v>
      </c>
      <c r="R22" s="191">
        <v>0</v>
      </c>
      <c r="S22" s="191">
        <v>0</v>
      </c>
      <c r="T22" s="191">
        <v>0</v>
      </c>
      <c r="U22" s="191">
        <v>9</v>
      </c>
      <c r="V22" s="191">
        <v>8</v>
      </c>
      <c r="W22" s="196">
        <v>17</v>
      </c>
      <c r="X22" s="195">
        <v>17</v>
      </c>
      <c r="Y22" s="190">
        <v>29</v>
      </c>
      <c r="Z22" s="191">
        <v>40</v>
      </c>
      <c r="AA22" s="196">
        <v>69</v>
      </c>
      <c r="AB22" s="193">
        <v>0</v>
      </c>
      <c r="AC22" s="191">
        <v>151</v>
      </c>
      <c r="AD22" s="191">
        <v>285</v>
      </c>
      <c r="AE22" s="191">
        <v>97</v>
      </c>
      <c r="AF22" s="191">
        <v>50</v>
      </c>
      <c r="AG22" s="191">
        <v>56</v>
      </c>
      <c r="AH22" s="196">
        <v>639</v>
      </c>
      <c r="AI22" s="195">
        <v>708</v>
      </c>
      <c r="AJ22" s="190">
        <v>16</v>
      </c>
      <c r="AK22" s="191">
        <v>34</v>
      </c>
      <c r="AL22" s="196">
        <v>50</v>
      </c>
      <c r="AM22" s="193">
        <v>0</v>
      </c>
      <c r="AN22" s="191">
        <v>16</v>
      </c>
      <c r="AO22" s="191">
        <v>81</v>
      </c>
      <c r="AP22" s="191">
        <v>74</v>
      </c>
      <c r="AQ22" s="191">
        <v>17</v>
      </c>
      <c r="AR22" s="191">
        <v>0</v>
      </c>
      <c r="AS22" s="196">
        <v>188</v>
      </c>
      <c r="AT22" s="195">
        <v>238</v>
      </c>
      <c r="AU22" s="190">
        <v>0</v>
      </c>
      <c r="AV22" s="191">
        <v>0</v>
      </c>
      <c r="AW22" s="196">
        <v>0</v>
      </c>
      <c r="AX22" s="193">
        <v>0</v>
      </c>
      <c r="AY22" s="191">
        <v>303</v>
      </c>
      <c r="AZ22" s="191">
        <v>176</v>
      </c>
      <c r="BA22" s="191">
        <v>113</v>
      </c>
      <c r="BB22" s="191">
        <v>33</v>
      </c>
      <c r="BC22" s="191">
        <v>4</v>
      </c>
      <c r="BD22" s="194">
        <v>629</v>
      </c>
      <c r="BE22" s="195">
        <v>629</v>
      </c>
      <c r="BF22" s="190">
        <v>0</v>
      </c>
      <c r="BG22" s="191">
        <v>0</v>
      </c>
      <c r="BH22" s="196">
        <v>0</v>
      </c>
      <c r="BI22" s="193">
        <v>0</v>
      </c>
      <c r="BJ22" s="191">
        <v>124</v>
      </c>
      <c r="BK22" s="191">
        <v>61</v>
      </c>
      <c r="BL22" s="191">
        <v>33</v>
      </c>
      <c r="BM22" s="191">
        <v>14</v>
      </c>
      <c r="BN22" s="191">
        <v>5</v>
      </c>
      <c r="BO22" s="196">
        <v>237</v>
      </c>
      <c r="BP22" s="195">
        <v>237</v>
      </c>
      <c r="BQ22" s="190">
        <v>0</v>
      </c>
      <c r="BR22" s="191">
        <v>0</v>
      </c>
      <c r="BS22" s="196">
        <v>0</v>
      </c>
      <c r="BT22" s="193">
        <v>0</v>
      </c>
      <c r="BU22" s="191">
        <v>84</v>
      </c>
      <c r="BV22" s="191">
        <v>7</v>
      </c>
      <c r="BW22" s="191">
        <v>56</v>
      </c>
      <c r="BX22" s="191">
        <v>84</v>
      </c>
      <c r="BY22" s="191">
        <v>35</v>
      </c>
      <c r="BZ22" s="196">
        <v>266</v>
      </c>
      <c r="CA22" s="195">
        <v>266</v>
      </c>
      <c r="CB22" s="190">
        <v>0</v>
      </c>
      <c r="CC22" s="191">
        <v>0</v>
      </c>
      <c r="CD22" s="196">
        <v>0</v>
      </c>
      <c r="CE22" s="193">
        <v>0</v>
      </c>
      <c r="CF22" s="191">
        <v>0</v>
      </c>
      <c r="CG22" s="191">
        <v>2</v>
      </c>
      <c r="CH22" s="191">
        <v>6</v>
      </c>
      <c r="CI22" s="191">
        <v>13</v>
      </c>
      <c r="CJ22" s="191">
        <v>0</v>
      </c>
      <c r="CK22" s="196">
        <v>21</v>
      </c>
      <c r="CL22" s="195">
        <v>21</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1">
        <v>0</v>
      </c>
      <c r="E23" s="192">
        <v>0</v>
      </c>
      <c r="F23" s="193">
        <v>0</v>
      </c>
      <c r="G23" s="191">
        <v>143</v>
      </c>
      <c r="H23" s="191">
        <v>211</v>
      </c>
      <c r="I23" s="191">
        <v>82</v>
      </c>
      <c r="J23" s="191">
        <v>210</v>
      </c>
      <c r="K23" s="191">
        <v>489</v>
      </c>
      <c r="L23" s="194">
        <v>1135</v>
      </c>
      <c r="M23" s="195">
        <v>1135</v>
      </c>
      <c r="N23" s="190">
        <v>0</v>
      </c>
      <c r="O23" s="191">
        <v>0</v>
      </c>
      <c r="P23" s="196">
        <v>0</v>
      </c>
      <c r="Q23" s="193">
        <v>0</v>
      </c>
      <c r="R23" s="191">
        <v>0</v>
      </c>
      <c r="S23" s="191">
        <v>0</v>
      </c>
      <c r="T23" s="191">
        <v>4</v>
      </c>
      <c r="U23" s="191">
        <v>5</v>
      </c>
      <c r="V23" s="191">
        <v>7</v>
      </c>
      <c r="W23" s="196">
        <v>16</v>
      </c>
      <c r="X23" s="195">
        <v>16</v>
      </c>
      <c r="Y23" s="190">
        <v>18</v>
      </c>
      <c r="Z23" s="191">
        <v>39</v>
      </c>
      <c r="AA23" s="196">
        <v>57</v>
      </c>
      <c r="AB23" s="193">
        <v>0</v>
      </c>
      <c r="AC23" s="191">
        <v>136</v>
      </c>
      <c r="AD23" s="191">
        <v>148</v>
      </c>
      <c r="AE23" s="191">
        <v>134</v>
      </c>
      <c r="AF23" s="191">
        <v>153</v>
      </c>
      <c r="AG23" s="191">
        <v>36</v>
      </c>
      <c r="AH23" s="196">
        <v>607</v>
      </c>
      <c r="AI23" s="195">
        <v>664</v>
      </c>
      <c r="AJ23" s="190">
        <v>32</v>
      </c>
      <c r="AK23" s="191">
        <v>8</v>
      </c>
      <c r="AL23" s="196">
        <v>40</v>
      </c>
      <c r="AM23" s="193">
        <v>0</v>
      </c>
      <c r="AN23" s="191">
        <v>18</v>
      </c>
      <c r="AO23" s="191">
        <v>49</v>
      </c>
      <c r="AP23" s="191">
        <v>0</v>
      </c>
      <c r="AQ23" s="191">
        <v>8</v>
      </c>
      <c r="AR23" s="191">
        <v>18</v>
      </c>
      <c r="AS23" s="196">
        <v>93</v>
      </c>
      <c r="AT23" s="195">
        <v>133</v>
      </c>
      <c r="AU23" s="190">
        <v>0</v>
      </c>
      <c r="AV23" s="191">
        <v>0</v>
      </c>
      <c r="AW23" s="196">
        <v>0</v>
      </c>
      <c r="AX23" s="193">
        <v>0</v>
      </c>
      <c r="AY23" s="191">
        <v>138</v>
      </c>
      <c r="AZ23" s="191">
        <v>177</v>
      </c>
      <c r="BA23" s="191">
        <v>90</v>
      </c>
      <c r="BB23" s="191">
        <v>32</v>
      </c>
      <c r="BC23" s="191">
        <v>9</v>
      </c>
      <c r="BD23" s="194">
        <v>446</v>
      </c>
      <c r="BE23" s="195">
        <v>446</v>
      </c>
      <c r="BF23" s="190">
        <v>0</v>
      </c>
      <c r="BG23" s="191">
        <v>0</v>
      </c>
      <c r="BH23" s="196">
        <v>0</v>
      </c>
      <c r="BI23" s="193">
        <v>0</v>
      </c>
      <c r="BJ23" s="191">
        <v>33</v>
      </c>
      <c r="BK23" s="191">
        <v>31</v>
      </c>
      <c r="BL23" s="191">
        <v>18</v>
      </c>
      <c r="BM23" s="191">
        <v>6</v>
      </c>
      <c r="BN23" s="191">
        <v>3</v>
      </c>
      <c r="BO23" s="196">
        <v>91</v>
      </c>
      <c r="BP23" s="195">
        <v>91</v>
      </c>
      <c r="BQ23" s="190">
        <v>0</v>
      </c>
      <c r="BR23" s="191">
        <v>4</v>
      </c>
      <c r="BS23" s="196">
        <v>4</v>
      </c>
      <c r="BT23" s="193">
        <v>0</v>
      </c>
      <c r="BU23" s="191">
        <v>23</v>
      </c>
      <c r="BV23" s="191">
        <v>23</v>
      </c>
      <c r="BW23" s="191">
        <v>14</v>
      </c>
      <c r="BX23" s="191">
        <v>10</v>
      </c>
      <c r="BY23" s="191">
        <v>37</v>
      </c>
      <c r="BZ23" s="196">
        <v>107</v>
      </c>
      <c r="CA23" s="195">
        <v>111</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1">
        <v>0</v>
      </c>
      <c r="E24" s="192">
        <v>0</v>
      </c>
      <c r="F24" s="193">
        <v>0</v>
      </c>
      <c r="G24" s="191">
        <v>182</v>
      </c>
      <c r="H24" s="191">
        <v>33</v>
      </c>
      <c r="I24" s="191">
        <v>19</v>
      </c>
      <c r="J24" s="191">
        <v>36</v>
      </c>
      <c r="K24" s="191">
        <v>60</v>
      </c>
      <c r="L24" s="194">
        <v>330</v>
      </c>
      <c r="M24" s="195">
        <v>330</v>
      </c>
      <c r="N24" s="190">
        <v>0</v>
      </c>
      <c r="O24" s="191">
        <v>0</v>
      </c>
      <c r="P24" s="196">
        <v>0</v>
      </c>
      <c r="Q24" s="193">
        <v>0</v>
      </c>
      <c r="R24" s="191">
        <v>0</v>
      </c>
      <c r="S24" s="191">
        <v>0</v>
      </c>
      <c r="T24" s="191">
        <v>0</v>
      </c>
      <c r="U24" s="191">
        <v>0</v>
      </c>
      <c r="V24" s="191">
        <v>0</v>
      </c>
      <c r="W24" s="196">
        <v>0</v>
      </c>
      <c r="X24" s="195">
        <v>0</v>
      </c>
      <c r="Y24" s="190">
        <v>0</v>
      </c>
      <c r="Z24" s="191">
        <v>8</v>
      </c>
      <c r="AA24" s="196">
        <v>8</v>
      </c>
      <c r="AB24" s="193">
        <v>0</v>
      </c>
      <c r="AC24" s="191">
        <v>27</v>
      </c>
      <c r="AD24" s="191">
        <v>64</v>
      </c>
      <c r="AE24" s="191">
        <v>27</v>
      </c>
      <c r="AF24" s="191">
        <v>21</v>
      </c>
      <c r="AG24" s="191">
        <v>31</v>
      </c>
      <c r="AH24" s="196">
        <v>170</v>
      </c>
      <c r="AI24" s="195">
        <v>178</v>
      </c>
      <c r="AJ24" s="190">
        <v>15</v>
      </c>
      <c r="AK24" s="191">
        <v>0</v>
      </c>
      <c r="AL24" s="196">
        <v>15</v>
      </c>
      <c r="AM24" s="193">
        <v>0</v>
      </c>
      <c r="AN24" s="191">
        <v>0</v>
      </c>
      <c r="AO24" s="191">
        <v>27</v>
      </c>
      <c r="AP24" s="191">
        <v>0</v>
      </c>
      <c r="AQ24" s="191">
        <v>0</v>
      </c>
      <c r="AR24" s="191">
        <v>0</v>
      </c>
      <c r="AS24" s="196">
        <v>27</v>
      </c>
      <c r="AT24" s="195">
        <v>42</v>
      </c>
      <c r="AU24" s="190">
        <v>0</v>
      </c>
      <c r="AV24" s="191">
        <v>0</v>
      </c>
      <c r="AW24" s="196">
        <v>0</v>
      </c>
      <c r="AX24" s="193">
        <v>0</v>
      </c>
      <c r="AY24" s="191">
        <v>100</v>
      </c>
      <c r="AZ24" s="191">
        <v>58</v>
      </c>
      <c r="BA24" s="191">
        <v>106</v>
      </c>
      <c r="BB24" s="191">
        <v>0</v>
      </c>
      <c r="BC24" s="191">
        <v>0</v>
      </c>
      <c r="BD24" s="194">
        <v>264</v>
      </c>
      <c r="BE24" s="195">
        <v>264</v>
      </c>
      <c r="BF24" s="190">
        <v>0</v>
      </c>
      <c r="BG24" s="191">
        <v>0</v>
      </c>
      <c r="BH24" s="196">
        <v>0</v>
      </c>
      <c r="BI24" s="193">
        <v>0</v>
      </c>
      <c r="BJ24" s="191">
        <v>30</v>
      </c>
      <c r="BK24" s="191">
        <v>9</v>
      </c>
      <c r="BL24" s="191">
        <v>0</v>
      </c>
      <c r="BM24" s="191">
        <v>12</v>
      </c>
      <c r="BN24" s="191">
        <v>4</v>
      </c>
      <c r="BO24" s="196">
        <v>55</v>
      </c>
      <c r="BP24" s="195">
        <v>55</v>
      </c>
      <c r="BQ24" s="190">
        <v>0</v>
      </c>
      <c r="BR24" s="191">
        <v>0</v>
      </c>
      <c r="BS24" s="196">
        <v>0</v>
      </c>
      <c r="BT24" s="193">
        <v>0</v>
      </c>
      <c r="BU24" s="191">
        <v>0</v>
      </c>
      <c r="BV24" s="191">
        <v>0</v>
      </c>
      <c r="BW24" s="191">
        <v>11</v>
      </c>
      <c r="BX24" s="191">
        <v>45</v>
      </c>
      <c r="BY24" s="191">
        <v>0</v>
      </c>
      <c r="BZ24" s="196">
        <v>56</v>
      </c>
      <c r="CA24" s="195">
        <v>56</v>
      </c>
      <c r="CB24" s="190">
        <v>0</v>
      </c>
      <c r="CC24" s="191">
        <v>0</v>
      </c>
      <c r="CD24" s="196">
        <v>0</v>
      </c>
      <c r="CE24" s="193">
        <v>0</v>
      </c>
      <c r="CF24" s="191">
        <v>0</v>
      </c>
      <c r="CG24" s="191">
        <v>7</v>
      </c>
      <c r="CH24" s="191">
        <v>0</v>
      </c>
      <c r="CI24" s="191">
        <v>0</v>
      </c>
      <c r="CJ24" s="191">
        <v>2</v>
      </c>
      <c r="CK24" s="196">
        <v>9</v>
      </c>
      <c r="CL24" s="195">
        <v>9</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1">
        <v>0</v>
      </c>
      <c r="E25" s="192">
        <v>0</v>
      </c>
      <c r="F25" s="193">
        <v>0</v>
      </c>
      <c r="G25" s="191">
        <v>105</v>
      </c>
      <c r="H25" s="191">
        <v>129</v>
      </c>
      <c r="I25" s="191">
        <v>115</v>
      </c>
      <c r="J25" s="191">
        <v>144</v>
      </c>
      <c r="K25" s="191">
        <v>4</v>
      </c>
      <c r="L25" s="194">
        <v>497</v>
      </c>
      <c r="M25" s="195">
        <v>497</v>
      </c>
      <c r="N25" s="190">
        <v>0</v>
      </c>
      <c r="O25" s="191">
        <v>0</v>
      </c>
      <c r="P25" s="196">
        <v>0</v>
      </c>
      <c r="Q25" s="193">
        <v>0</v>
      </c>
      <c r="R25" s="191">
        <v>0</v>
      </c>
      <c r="S25" s="191">
        <v>0</v>
      </c>
      <c r="T25" s="191">
        <v>0</v>
      </c>
      <c r="U25" s="191">
        <v>8</v>
      </c>
      <c r="V25" s="191">
        <v>0</v>
      </c>
      <c r="W25" s="196">
        <v>8</v>
      </c>
      <c r="X25" s="195">
        <v>8</v>
      </c>
      <c r="Y25" s="190">
        <v>52</v>
      </c>
      <c r="Z25" s="191">
        <v>14</v>
      </c>
      <c r="AA25" s="196">
        <v>66</v>
      </c>
      <c r="AB25" s="193">
        <v>0</v>
      </c>
      <c r="AC25" s="191">
        <v>141</v>
      </c>
      <c r="AD25" s="191">
        <v>106</v>
      </c>
      <c r="AE25" s="191">
        <v>19</v>
      </c>
      <c r="AF25" s="191">
        <v>68</v>
      </c>
      <c r="AG25" s="191">
        <v>6</v>
      </c>
      <c r="AH25" s="196">
        <v>340</v>
      </c>
      <c r="AI25" s="195">
        <v>406</v>
      </c>
      <c r="AJ25" s="190">
        <v>0</v>
      </c>
      <c r="AK25" s="191">
        <v>0</v>
      </c>
      <c r="AL25" s="196">
        <v>0</v>
      </c>
      <c r="AM25" s="193">
        <v>0</v>
      </c>
      <c r="AN25" s="191">
        <v>15</v>
      </c>
      <c r="AO25" s="191">
        <v>0</v>
      </c>
      <c r="AP25" s="191">
        <v>0</v>
      </c>
      <c r="AQ25" s="191">
        <v>10</v>
      </c>
      <c r="AR25" s="191">
        <v>0</v>
      </c>
      <c r="AS25" s="196">
        <v>25</v>
      </c>
      <c r="AT25" s="195">
        <v>25</v>
      </c>
      <c r="AU25" s="190">
        <v>0</v>
      </c>
      <c r="AV25" s="191">
        <v>0</v>
      </c>
      <c r="AW25" s="196">
        <v>0</v>
      </c>
      <c r="AX25" s="193">
        <v>0</v>
      </c>
      <c r="AY25" s="191">
        <v>135</v>
      </c>
      <c r="AZ25" s="191">
        <v>152</v>
      </c>
      <c r="BA25" s="191">
        <v>62</v>
      </c>
      <c r="BB25" s="191">
        <v>27</v>
      </c>
      <c r="BC25" s="191">
        <v>47</v>
      </c>
      <c r="BD25" s="194">
        <v>423</v>
      </c>
      <c r="BE25" s="195">
        <v>423</v>
      </c>
      <c r="BF25" s="190">
        <v>0</v>
      </c>
      <c r="BG25" s="191">
        <v>0</v>
      </c>
      <c r="BH25" s="196">
        <v>0</v>
      </c>
      <c r="BI25" s="193">
        <v>0</v>
      </c>
      <c r="BJ25" s="191">
        <v>21</v>
      </c>
      <c r="BK25" s="191">
        <v>29</v>
      </c>
      <c r="BL25" s="191">
        <v>0</v>
      </c>
      <c r="BM25" s="191">
        <v>13</v>
      </c>
      <c r="BN25" s="191">
        <v>0</v>
      </c>
      <c r="BO25" s="196">
        <v>63</v>
      </c>
      <c r="BP25" s="195">
        <v>63</v>
      </c>
      <c r="BQ25" s="190">
        <v>0</v>
      </c>
      <c r="BR25" s="191">
        <v>0</v>
      </c>
      <c r="BS25" s="196">
        <v>0</v>
      </c>
      <c r="BT25" s="193">
        <v>0</v>
      </c>
      <c r="BU25" s="191">
        <v>15</v>
      </c>
      <c r="BV25" s="191">
        <v>0</v>
      </c>
      <c r="BW25" s="191">
        <v>62</v>
      </c>
      <c r="BX25" s="191">
        <v>13</v>
      </c>
      <c r="BY25" s="191">
        <v>19</v>
      </c>
      <c r="BZ25" s="196">
        <v>109</v>
      </c>
      <c r="CA25" s="195">
        <v>109</v>
      </c>
      <c r="CB25" s="190">
        <v>0</v>
      </c>
      <c r="CC25" s="191">
        <v>0</v>
      </c>
      <c r="CD25" s="196">
        <v>0</v>
      </c>
      <c r="CE25" s="193">
        <v>0</v>
      </c>
      <c r="CF25" s="191">
        <v>3</v>
      </c>
      <c r="CG25" s="191">
        <v>3</v>
      </c>
      <c r="CH25" s="191">
        <v>0</v>
      </c>
      <c r="CI25" s="191">
        <v>0</v>
      </c>
      <c r="CJ25" s="191">
        <v>0</v>
      </c>
      <c r="CK25" s="196">
        <v>6</v>
      </c>
      <c r="CL25" s="195">
        <v>6</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1">
        <v>0</v>
      </c>
      <c r="E26" s="192">
        <v>0</v>
      </c>
      <c r="F26" s="193">
        <v>0</v>
      </c>
      <c r="G26" s="191">
        <v>70</v>
      </c>
      <c r="H26" s="191">
        <v>103</v>
      </c>
      <c r="I26" s="191">
        <v>59</v>
      </c>
      <c r="J26" s="191">
        <v>197</v>
      </c>
      <c r="K26" s="191">
        <v>54</v>
      </c>
      <c r="L26" s="194">
        <v>483</v>
      </c>
      <c r="M26" s="195">
        <v>483</v>
      </c>
      <c r="N26" s="190">
        <v>0</v>
      </c>
      <c r="O26" s="191">
        <v>0</v>
      </c>
      <c r="P26" s="196">
        <v>0</v>
      </c>
      <c r="Q26" s="193">
        <v>0</v>
      </c>
      <c r="R26" s="191">
        <v>0</v>
      </c>
      <c r="S26" s="191">
        <v>0</v>
      </c>
      <c r="T26" s="191">
        <v>0</v>
      </c>
      <c r="U26" s="191">
        <v>10</v>
      </c>
      <c r="V26" s="191">
        <v>18</v>
      </c>
      <c r="W26" s="196">
        <v>28</v>
      </c>
      <c r="X26" s="195">
        <v>28</v>
      </c>
      <c r="Y26" s="190">
        <v>7</v>
      </c>
      <c r="Z26" s="191">
        <v>10</v>
      </c>
      <c r="AA26" s="196">
        <v>17</v>
      </c>
      <c r="AB26" s="193">
        <v>0</v>
      </c>
      <c r="AC26" s="191">
        <v>97</v>
      </c>
      <c r="AD26" s="191">
        <v>48</v>
      </c>
      <c r="AE26" s="191">
        <v>52</v>
      </c>
      <c r="AF26" s="191">
        <v>46</v>
      </c>
      <c r="AG26" s="191">
        <v>5</v>
      </c>
      <c r="AH26" s="196">
        <v>248</v>
      </c>
      <c r="AI26" s="195">
        <v>265</v>
      </c>
      <c r="AJ26" s="190">
        <v>0</v>
      </c>
      <c r="AK26" s="191">
        <v>0</v>
      </c>
      <c r="AL26" s="196">
        <v>0</v>
      </c>
      <c r="AM26" s="193">
        <v>0</v>
      </c>
      <c r="AN26" s="191">
        <v>12</v>
      </c>
      <c r="AO26" s="191">
        <v>16</v>
      </c>
      <c r="AP26" s="191">
        <v>0</v>
      </c>
      <c r="AQ26" s="191">
        <v>0</v>
      </c>
      <c r="AR26" s="191">
        <v>0</v>
      </c>
      <c r="AS26" s="196">
        <v>28</v>
      </c>
      <c r="AT26" s="195">
        <v>28</v>
      </c>
      <c r="AU26" s="190">
        <v>0</v>
      </c>
      <c r="AV26" s="191">
        <v>0</v>
      </c>
      <c r="AW26" s="196">
        <v>0</v>
      </c>
      <c r="AX26" s="193">
        <v>0</v>
      </c>
      <c r="AY26" s="191">
        <v>97</v>
      </c>
      <c r="AZ26" s="191">
        <v>112</v>
      </c>
      <c r="BA26" s="191">
        <v>25</v>
      </c>
      <c r="BB26" s="191">
        <v>4</v>
      </c>
      <c r="BC26" s="191">
        <v>8</v>
      </c>
      <c r="BD26" s="194">
        <v>246</v>
      </c>
      <c r="BE26" s="195">
        <v>246</v>
      </c>
      <c r="BF26" s="190">
        <v>0</v>
      </c>
      <c r="BG26" s="191">
        <v>0</v>
      </c>
      <c r="BH26" s="196">
        <v>0</v>
      </c>
      <c r="BI26" s="193">
        <v>0</v>
      </c>
      <c r="BJ26" s="191">
        <v>9</v>
      </c>
      <c r="BK26" s="191">
        <v>56</v>
      </c>
      <c r="BL26" s="191">
        <v>32</v>
      </c>
      <c r="BM26" s="191">
        <v>18</v>
      </c>
      <c r="BN26" s="191">
        <v>0</v>
      </c>
      <c r="BO26" s="196">
        <v>115</v>
      </c>
      <c r="BP26" s="195">
        <v>115</v>
      </c>
      <c r="BQ26" s="190">
        <v>0</v>
      </c>
      <c r="BR26" s="191">
        <v>0</v>
      </c>
      <c r="BS26" s="196">
        <v>0</v>
      </c>
      <c r="BT26" s="193">
        <v>0</v>
      </c>
      <c r="BU26" s="191">
        <v>5</v>
      </c>
      <c r="BV26" s="191">
        <v>46</v>
      </c>
      <c r="BW26" s="191">
        <v>3</v>
      </c>
      <c r="BX26" s="191">
        <v>36</v>
      </c>
      <c r="BY26" s="191">
        <v>0</v>
      </c>
      <c r="BZ26" s="196">
        <v>90</v>
      </c>
      <c r="CA26" s="195">
        <v>90</v>
      </c>
      <c r="CB26" s="190">
        <v>0</v>
      </c>
      <c r="CC26" s="191">
        <v>0</v>
      </c>
      <c r="CD26" s="196">
        <v>0</v>
      </c>
      <c r="CE26" s="193">
        <v>0</v>
      </c>
      <c r="CF26" s="191">
        <v>3</v>
      </c>
      <c r="CG26" s="191">
        <v>5</v>
      </c>
      <c r="CH26" s="191">
        <v>0</v>
      </c>
      <c r="CI26" s="191">
        <v>0</v>
      </c>
      <c r="CJ26" s="191">
        <v>0</v>
      </c>
      <c r="CK26" s="196">
        <v>8</v>
      </c>
      <c r="CL26" s="195">
        <v>8</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1">
        <v>0</v>
      </c>
      <c r="E27" s="192">
        <v>0</v>
      </c>
      <c r="F27" s="193">
        <v>0</v>
      </c>
      <c r="G27" s="191">
        <v>93</v>
      </c>
      <c r="H27" s="191">
        <v>78</v>
      </c>
      <c r="I27" s="191">
        <v>13</v>
      </c>
      <c r="J27" s="191">
        <v>17</v>
      </c>
      <c r="K27" s="191">
        <v>0</v>
      </c>
      <c r="L27" s="194">
        <v>201</v>
      </c>
      <c r="M27" s="195">
        <v>201</v>
      </c>
      <c r="N27" s="190">
        <v>0</v>
      </c>
      <c r="O27" s="191">
        <v>0</v>
      </c>
      <c r="P27" s="196">
        <v>0</v>
      </c>
      <c r="Q27" s="193">
        <v>0</v>
      </c>
      <c r="R27" s="191">
        <v>0</v>
      </c>
      <c r="S27" s="191">
        <v>0</v>
      </c>
      <c r="T27" s="191">
        <v>3</v>
      </c>
      <c r="U27" s="191">
        <v>2</v>
      </c>
      <c r="V27" s="191">
        <v>0</v>
      </c>
      <c r="W27" s="196">
        <v>5</v>
      </c>
      <c r="X27" s="195">
        <v>5</v>
      </c>
      <c r="Y27" s="190">
        <v>2</v>
      </c>
      <c r="Z27" s="191">
        <v>10</v>
      </c>
      <c r="AA27" s="196">
        <v>12</v>
      </c>
      <c r="AB27" s="193">
        <v>0</v>
      </c>
      <c r="AC27" s="191">
        <v>21</v>
      </c>
      <c r="AD27" s="191">
        <v>98</v>
      </c>
      <c r="AE27" s="191">
        <v>28</v>
      </c>
      <c r="AF27" s="191">
        <v>60</v>
      </c>
      <c r="AG27" s="191">
        <v>0</v>
      </c>
      <c r="AH27" s="196">
        <v>207</v>
      </c>
      <c r="AI27" s="195">
        <v>219</v>
      </c>
      <c r="AJ27" s="190">
        <v>0</v>
      </c>
      <c r="AK27" s="191">
        <v>16</v>
      </c>
      <c r="AL27" s="196">
        <v>16</v>
      </c>
      <c r="AM27" s="193">
        <v>0</v>
      </c>
      <c r="AN27" s="191">
        <v>0</v>
      </c>
      <c r="AO27" s="191">
        <v>27</v>
      </c>
      <c r="AP27" s="191">
        <v>0</v>
      </c>
      <c r="AQ27" s="191">
        <v>0</v>
      </c>
      <c r="AR27" s="191">
        <v>0</v>
      </c>
      <c r="AS27" s="196">
        <v>27</v>
      </c>
      <c r="AT27" s="195">
        <v>43</v>
      </c>
      <c r="AU27" s="190">
        <v>0</v>
      </c>
      <c r="AV27" s="191">
        <v>0</v>
      </c>
      <c r="AW27" s="196">
        <v>0</v>
      </c>
      <c r="AX27" s="193">
        <v>0</v>
      </c>
      <c r="AY27" s="191">
        <v>79</v>
      </c>
      <c r="AZ27" s="191">
        <v>1</v>
      </c>
      <c r="BA27" s="191">
        <v>2</v>
      </c>
      <c r="BB27" s="191">
        <v>4</v>
      </c>
      <c r="BC27" s="191">
        <v>0</v>
      </c>
      <c r="BD27" s="194">
        <v>86</v>
      </c>
      <c r="BE27" s="195">
        <v>86</v>
      </c>
      <c r="BF27" s="190">
        <v>0</v>
      </c>
      <c r="BG27" s="191">
        <v>0</v>
      </c>
      <c r="BH27" s="196">
        <v>0</v>
      </c>
      <c r="BI27" s="193">
        <v>0</v>
      </c>
      <c r="BJ27" s="191">
        <v>13</v>
      </c>
      <c r="BK27" s="191">
        <v>52</v>
      </c>
      <c r="BL27" s="191">
        <v>21</v>
      </c>
      <c r="BM27" s="191">
        <v>17</v>
      </c>
      <c r="BN27" s="191">
        <v>0</v>
      </c>
      <c r="BO27" s="196">
        <v>103</v>
      </c>
      <c r="BP27" s="195">
        <v>103</v>
      </c>
      <c r="BQ27" s="190">
        <v>0</v>
      </c>
      <c r="BR27" s="191">
        <v>0</v>
      </c>
      <c r="BS27" s="196">
        <v>0</v>
      </c>
      <c r="BT27" s="193">
        <v>0</v>
      </c>
      <c r="BU27" s="191">
        <v>5</v>
      </c>
      <c r="BV27" s="191">
        <v>28</v>
      </c>
      <c r="BW27" s="191">
        <v>0</v>
      </c>
      <c r="BX27" s="191">
        <v>4</v>
      </c>
      <c r="BY27" s="191">
        <v>0</v>
      </c>
      <c r="BZ27" s="196">
        <v>37</v>
      </c>
      <c r="CA27" s="195">
        <v>37</v>
      </c>
      <c r="CB27" s="190">
        <v>0</v>
      </c>
      <c r="CC27" s="191">
        <v>0</v>
      </c>
      <c r="CD27" s="196">
        <v>0</v>
      </c>
      <c r="CE27" s="193">
        <v>0</v>
      </c>
      <c r="CF27" s="191">
        <v>0</v>
      </c>
      <c r="CG27" s="191">
        <v>0</v>
      </c>
      <c r="CH27" s="191">
        <v>0</v>
      </c>
      <c r="CI27" s="191">
        <v>5</v>
      </c>
      <c r="CJ27" s="191">
        <v>0</v>
      </c>
      <c r="CK27" s="196">
        <v>5</v>
      </c>
      <c r="CL27" s="195">
        <v>5</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1">
        <v>0</v>
      </c>
      <c r="E28" s="192">
        <v>0</v>
      </c>
      <c r="F28" s="193">
        <v>0</v>
      </c>
      <c r="G28" s="191">
        <v>120</v>
      </c>
      <c r="H28" s="191">
        <v>79</v>
      </c>
      <c r="I28" s="191">
        <v>95</v>
      </c>
      <c r="J28" s="191">
        <v>149</v>
      </c>
      <c r="K28" s="191">
        <v>29</v>
      </c>
      <c r="L28" s="194">
        <v>472</v>
      </c>
      <c r="M28" s="195">
        <v>472</v>
      </c>
      <c r="N28" s="190">
        <v>0</v>
      </c>
      <c r="O28" s="191">
        <v>0</v>
      </c>
      <c r="P28" s="196">
        <v>0</v>
      </c>
      <c r="Q28" s="193">
        <v>0</v>
      </c>
      <c r="R28" s="191">
        <v>0</v>
      </c>
      <c r="S28" s="191">
        <v>0</v>
      </c>
      <c r="T28" s="191">
        <v>0</v>
      </c>
      <c r="U28" s="191">
        <v>9</v>
      </c>
      <c r="V28" s="191">
        <v>2</v>
      </c>
      <c r="W28" s="196">
        <v>11</v>
      </c>
      <c r="X28" s="195">
        <v>11</v>
      </c>
      <c r="Y28" s="190">
        <v>6</v>
      </c>
      <c r="Z28" s="191">
        <v>0</v>
      </c>
      <c r="AA28" s="196">
        <v>6</v>
      </c>
      <c r="AB28" s="193">
        <v>0</v>
      </c>
      <c r="AC28" s="191">
        <v>32</v>
      </c>
      <c r="AD28" s="191">
        <v>43</v>
      </c>
      <c r="AE28" s="191">
        <v>20</v>
      </c>
      <c r="AF28" s="191">
        <v>60</v>
      </c>
      <c r="AG28" s="191">
        <v>19</v>
      </c>
      <c r="AH28" s="196">
        <v>174</v>
      </c>
      <c r="AI28" s="195">
        <v>180</v>
      </c>
      <c r="AJ28" s="190">
        <v>0</v>
      </c>
      <c r="AK28" s="191">
        <v>0</v>
      </c>
      <c r="AL28" s="196">
        <v>0</v>
      </c>
      <c r="AM28" s="193">
        <v>0</v>
      </c>
      <c r="AN28" s="191">
        <v>0</v>
      </c>
      <c r="AO28" s="191">
        <v>0</v>
      </c>
      <c r="AP28" s="191">
        <v>6</v>
      </c>
      <c r="AQ28" s="191">
        <v>0</v>
      </c>
      <c r="AR28" s="191">
        <v>0</v>
      </c>
      <c r="AS28" s="196">
        <v>6</v>
      </c>
      <c r="AT28" s="195">
        <v>6</v>
      </c>
      <c r="AU28" s="190">
        <v>0</v>
      </c>
      <c r="AV28" s="191">
        <v>0</v>
      </c>
      <c r="AW28" s="196">
        <v>0</v>
      </c>
      <c r="AX28" s="193">
        <v>0</v>
      </c>
      <c r="AY28" s="191">
        <v>45</v>
      </c>
      <c r="AZ28" s="191">
        <v>66</v>
      </c>
      <c r="BA28" s="191">
        <v>41</v>
      </c>
      <c r="BB28" s="191">
        <v>24</v>
      </c>
      <c r="BC28" s="191">
        <v>0</v>
      </c>
      <c r="BD28" s="194">
        <v>176</v>
      </c>
      <c r="BE28" s="195">
        <v>176</v>
      </c>
      <c r="BF28" s="190">
        <v>0</v>
      </c>
      <c r="BG28" s="191">
        <v>0</v>
      </c>
      <c r="BH28" s="196">
        <v>0</v>
      </c>
      <c r="BI28" s="193">
        <v>0</v>
      </c>
      <c r="BJ28" s="191">
        <v>28</v>
      </c>
      <c r="BK28" s="191">
        <v>11</v>
      </c>
      <c r="BL28" s="191">
        <v>0</v>
      </c>
      <c r="BM28" s="191">
        <v>5</v>
      </c>
      <c r="BN28" s="191">
        <v>0</v>
      </c>
      <c r="BO28" s="196">
        <v>44</v>
      </c>
      <c r="BP28" s="195">
        <v>44</v>
      </c>
      <c r="BQ28" s="190">
        <v>0</v>
      </c>
      <c r="BR28" s="191">
        <v>0</v>
      </c>
      <c r="BS28" s="196">
        <v>0</v>
      </c>
      <c r="BT28" s="193">
        <v>0</v>
      </c>
      <c r="BU28" s="191">
        <v>14</v>
      </c>
      <c r="BV28" s="191">
        <v>3</v>
      </c>
      <c r="BW28" s="191">
        <v>10</v>
      </c>
      <c r="BX28" s="191">
        <v>28</v>
      </c>
      <c r="BY28" s="191">
        <v>0</v>
      </c>
      <c r="BZ28" s="196">
        <v>55</v>
      </c>
      <c r="CA28" s="195">
        <v>55</v>
      </c>
      <c r="CB28" s="190">
        <v>0</v>
      </c>
      <c r="CC28" s="191">
        <v>0</v>
      </c>
      <c r="CD28" s="196">
        <v>0</v>
      </c>
      <c r="CE28" s="193">
        <v>0</v>
      </c>
      <c r="CF28" s="191">
        <v>0</v>
      </c>
      <c r="CG28" s="191">
        <v>0</v>
      </c>
      <c r="CH28" s="191">
        <v>0</v>
      </c>
      <c r="CI28" s="191">
        <v>7</v>
      </c>
      <c r="CJ28" s="191">
        <v>0</v>
      </c>
      <c r="CK28" s="196">
        <v>7</v>
      </c>
      <c r="CL28" s="195">
        <v>7</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1">
        <v>0</v>
      </c>
      <c r="E29" s="192">
        <v>0</v>
      </c>
      <c r="F29" s="193">
        <v>0</v>
      </c>
      <c r="G29" s="191">
        <v>26</v>
      </c>
      <c r="H29" s="191">
        <v>50</v>
      </c>
      <c r="I29" s="191">
        <v>194</v>
      </c>
      <c r="J29" s="191">
        <v>85</v>
      </c>
      <c r="K29" s="191">
        <v>141</v>
      </c>
      <c r="L29" s="194">
        <v>496</v>
      </c>
      <c r="M29" s="195">
        <v>496</v>
      </c>
      <c r="N29" s="190">
        <v>0</v>
      </c>
      <c r="O29" s="191">
        <v>0</v>
      </c>
      <c r="P29" s="196">
        <v>0</v>
      </c>
      <c r="Q29" s="193">
        <v>0</v>
      </c>
      <c r="R29" s="191">
        <v>0</v>
      </c>
      <c r="S29" s="191">
        <v>0</v>
      </c>
      <c r="T29" s="191">
        <v>0</v>
      </c>
      <c r="U29" s="191">
        <v>2</v>
      </c>
      <c r="V29" s="191">
        <v>0</v>
      </c>
      <c r="W29" s="196">
        <v>2</v>
      </c>
      <c r="X29" s="195">
        <v>2</v>
      </c>
      <c r="Y29" s="190">
        <v>10</v>
      </c>
      <c r="Z29" s="191">
        <v>38</v>
      </c>
      <c r="AA29" s="196">
        <v>48</v>
      </c>
      <c r="AB29" s="193">
        <v>0</v>
      </c>
      <c r="AC29" s="191">
        <v>39</v>
      </c>
      <c r="AD29" s="191">
        <v>30</v>
      </c>
      <c r="AE29" s="191">
        <v>14</v>
      </c>
      <c r="AF29" s="191">
        <v>62</v>
      </c>
      <c r="AG29" s="191">
        <v>23</v>
      </c>
      <c r="AH29" s="196">
        <v>168</v>
      </c>
      <c r="AI29" s="195">
        <v>216</v>
      </c>
      <c r="AJ29" s="190">
        <v>0</v>
      </c>
      <c r="AK29" s="191">
        <v>0</v>
      </c>
      <c r="AL29" s="196">
        <v>0</v>
      </c>
      <c r="AM29" s="193">
        <v>0</v>
      </c>
      <c r="AN29" s="191">
        <v>0</v>
      </c>
      <c r="AO29" s="191">
        <v>0</v>
      </c>
      <c r="AP29" s="191">
        <v>0</v>
      </c>
      <c r="AQ29" s="191">
        <v>0</v>
      </c>
      <c r="AR29" s="191">
        <v>0</v>
      </c>
      <c r="AS29" s="196">
        <v>0</v>
      </c>
      <c r="AT29" s="195">
        <v>0</v>
      </c>
      <c r="AU29" s="190">
        <v>0</v>
      </c>
      <c r="AV29" s="191">
        <v>0</v>
      </c>
      <c r="AW29" s="196">
        <v>0</v>
      </c>
      <c r="AX29" s="193">
        <v>0</v>
      </c>
      <c r="AY29" s="191">
        <v>76</v>
      </c>
      <c r="AZ29" s="191">
        <v>28</v>
      </c>
      <c r="BA29" s="191">
        <v>26</v>
      </c>
      <c r="BB29" s="191">
        <v>39</v>
      </c>
      <c r="BC29" s="191">
        <v>0</v>
      </c>
      <c r="BD29" s="194">
        <v>169</v>
      </c>
      <c r="BE29" s="195">
        <v>169</v>
      </c>
      <c r="BF29" s="190">
        <v>0</v>
      </c>
      <c r="BG29" s="191">
        <v>0</v>
      </c>
      <c r="BH29" s="196">
        <v>0</v>
      </c>
      <c r="BI29" s="193">
        <v>0</v>
      </c>
      <c r="BJ29" s="191">
        <v>14</v>
      </c>
      <c r="BK29" s="191">
        <v>14</v>
      </c>
      <c r="BL29" s="191">
        <v>15</v>
      </c>
      <c r="BM29" s="191">
        <v>0</v>
      </c>
      <c r="BN29" s="191">
        <v>0</v>
      </c>
      <c r="BO29" s="196">
        <v>43</v>
      </c>
      <c r="BP29" s="195">
        <v>43</v>
      </c>
      <c r="BQ29" s="190">
        <v>0</v>
      </c>
      <c r="BR29" s="191">
        <v>0</v>
      </c>
      <c r="BS29" s="196">
        <v>0</v>
      </c>
      <c r="BT29" s="193">
        <v>0</v>
      </c>
      <c r="BU29" s="191">
        <v>5</v>
      </c>
      <c r="BV29" s="191">
        <v>5</v>
      </c>
      <c r="BW29" s="191">
        <v>6</v>
      </c>
      <c r="BX29" s="191">
        <v>46</v>
      </c>
      <c r="BY29" s="191">
        <v>0</v>
      </c>
      <c r="BZ29" s="196">
        <v>62</v>
      </c>
      <c r="CA29" s="195">
        <v>62</v>
      </c>
      <c r="CB29" s="190">
        <v>0</v>
      </c>
      <c r="CC29" s="191">
        <v>0</v>
      </c>
      <c r="CD29" s="196">
        <v>0</v>
      </c>
      <c r="CE29" s="193">
        <v>0</v>
      </c>
      <c r="CF29" s="191">
        <v>17</v>
      </c>
      <c r="CG29" s="191">
        <v>4</v>
      </c>
      <c r="CH29" s="191">
        <v>0</v>
      </c>
      <c r="CI29" s="191">
        <v>0</v>
      </c>
      <c r="CJ29" s="191">
        <v>0</v>
      </c>
      <c r="CK29" s="196">
        <v>21</v>
      </c>
      <c r="CL29" s="195">
        <v>21</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1">
        <v>0</v>
      </c>
      <c r="E30" s="192">
        <v>0</v>
      </c>
      <c r="F30" s="193">
        <v>0</v>
      </c>
      <c r="G30" s="191">
        <v>0</v>
      </c>
      <c r="H30" s="191">
        <v>0</v>
      </c>
      <c r="I30" s="191">
        <v>23</v>
      </c>
      <c r="J30" s="191">
        <v>0</v>
      </c>
      <c r="K30" s="191">
        <v>0</v>
      </c>
      <c r="L30" s="194">
        <v>23</v>
      </c>
      <c r="M30" s="195">
        <v>23</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17</v>
      </c>
      <c r="AD30" s="191">
        <v>0</v>
      </c>
      <c r="AE30" s="191">
        <v>9</v>
      </c>
      <c r="AF30" s="191">
        <v>11</v>
      </c>
      <c r="AG30" s="191">
        <v>0</v>
      </c>
      <c r="AH30" s="196">
        <v>37</v>
      </c>
      <c r="AI30" s="195">
        <v>37</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6</v>
      </c>
      <c r="AZ30" s="191">
        <v>33</v>
      </c>
      <c r="BA30" s="191">
        <v>12</v>
      </c>
      <c r="BB30" s="191">
        <v>0</v>
      </c>
      <c r="BC30" s="191">
        <v>0</v>
      </c>
      <c r="BD30" s="194">
        <v>51</v>
      </c>
      <c r="BE30" s="195">
        <v>51</v>
      </c>
      <c r="BF30" s="190">
        <v>0</v>
      </c>
      <c r="BG30" s="191">
        <v>0</v>
      </c>
      <c r="BH30" s="196">
        <v>0</v>
      </c>
      <c r="BI30" s="193">
        <v>0</v>
      </c>
      <c r="BJ30" s="191">
        <v>22</v>
      </c>
      <c r="BK30" s="191">
        <v>0</v>
      </c>
      <c r="BL30" s="191">
        <v>0</v>
      </c>
      <c r="BM30" s="191">
        <v>0</v>
      </c>
      <c r="BN30" s="191">
        <v>0</v>
      </c>
      <c r="BO30" s="196">
        <v>22</v>
      </c>
      <c r="BP30" s="195">
        <v>22</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4</v>
      </c>
      <c r="CI30" s="191">
        <v>0</v>
      </c>
      <c r="CJ30" s="191">
        <v>0</v>
      </c>
      <c r="CK30" s="196">
        <v>4</v>
      </c>
      <c r="CL30" s="195">
        <v>4</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1">
        <v>0</v>
      </c>
      <c r="E31" s="192">
        <v>0</v>
      </c>
      <c r="F31" s="193">
        <v>0</v>
      </c>
      <c r="G31" s="191">
        <v>0</v>
      </c>
      <c r="H31" s="191">
        <v>37</v>
      </c>
      <c r="I31" s="191">
        <v>0</v>
      </c>
      <c r="J31" s="191">
        <v>-18</v>
      </c>
      <c r="K31" s="191">
        <v>0</v>
      </c>
      <c r="L31" s="194">
        <v>19</v>
      </c>
      <c r="M31" s="195">
        <v>19</v>
      </c>
      <c r="N31" s="190">
        <v>0</v>
      </c>
      <c r="O31" s="191">
        <v>0</v>
      </c>
      <c r="P31" s="196">
        <v>0</v>
      </c>
      <c r="Q31" s="193">
        <v>0</v>
      </c>
      <c r="R31" s="191">
        <v>0</v>
      </c>
      <c r="S31" s="191">
        <v>0</v>
      </c>
      <c r="T31" s="191">
        <v>0</v>
      </c>
      <c r="U31" s="191">
        <v>0</v>
      </c>
      <c r="V31" s="191">
        <v>5</v>
      </c>
      <c r="W31" s="196">
        <v>5</v>
      </c>
      <c r="X31" s="195">
        <v>5</v>
      </c>
      <c r="Y31" s="190">
        <v>0</v>
      </c>
      <c r="Z31" s="191">
        <v>0</v>
      </c>
      <c r="AA31" s="196">
        <v>0</v>
      </c>
      <c r="AB31" s="193">
        <v>0</v>
      </c>
      <c r="AC31" s="191">
        <v>0</v>
      </c>
      <c r="AD31" s="191">
        <v>5</v>
      </c>
      <c r="AE31" s="191">
        <v>43</v>
      </c>
      <c r="AF31" s="191">
        <v>5</v>
      </c>
      <c r="AG31" s="191">
        <v>0</v>
      </c>
      <c r="AH31" s="196">
        <v>53</v>
      </c>
      <c r="AI31" s="195">
        <v>53</v>
      </c>
      <c r="AJ31" s="190">
        <v>0</v>
      </c>
      <c r="AK31" s="191">
        <v>0</v>
      </c>
      <c r="AL31" s="196">
        <v>0</v>
      </c>
      <c r="AM31" s="193">
        <v>0</v>
      </c>
      <c r="AN31" s="191">
        <v>0</v>
      </c>
      <c r="AO31" s="191">
        <v>27</v>
      </c>
      <c r="AP31" s="191">
        <v>0</v>
      </c>
      <c r="AQ31" s="191">
        <v>0</v>
      </c>
      <c r="AR31" s="191">
        <v>0</v>
      </c>
      <c r="AS31" s="196">
        <v>27</v>
      </c>
      <c r="AT31" s="195">
        <v>27</v>
      </c>
      <c r="AU31" s="190">
        <v>0</v>
      </c>
      <c r="AV31" s="191">
        <v>0</v>
      </c>
      <c r="AW31" s="196">
        <v>0</v>
      </c>
      <c r="AX31" s="193">
        <v>0</v>
      </c>
      <c r="AY31" s="191">
        <v>0</v>
      </c>
      <c r="AZ31" s="191">
        <v>31</v>
      </c>
      <c r="BA31" s="191">
        <v>23</v>
      </c>
      <c r="BB31" s="191">
        <v>0</v>
      </c>
      <c r="BC31" s="191">
        <v>0</v>
      </c>
      <c r="BD31" s="194">
        <v>54</v>
      </c>
      <c r="BE31" s="195">
        <v>54</v>
      </c>
      <c r="BF31" s="190">
        <v>0</v>
      </c>
      <c r="BG31" s="191">
        <v>0</v>
      </c>
      <c r="BH31" s="196">
        <v>0</v>
      </c>
      <c r="BI31" s="193">
        <v>0</v>
      </c>
      <c r="BJ31" s="191">
        <v>0</v>
      </c>
      <c r="BK31" s="191">
        <v>0</v>
      </c>
      <c r="BL31" s="191">
        <v>19</v>
      </c>
      <c r="BM31" s="191">
        <v>0</v>
      </c>
      <c r="BN31" s="191">
        <v>0</v>
      </c>
      <c r="BO31" s="196">
        <v>19</v>
      </c>
      <c r="BP31" s="195">
        <v>19</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6</v>
      </c>
      <c r="CI31" s="191">
        <v>0</v>
      </c>
      <c r="CJ31" s="191">
        <v>0</v>
      </c>
      <c r="CK31" s="196">
        <v>6</v>
      </c>
      <c r="CL31" s="195">
        <v>6</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1">
        <v>0</v>
      </c>
      <c r="E32" s="192">
        <v>0</v>
      </c>
      <c r="F32" s="193">
        <v>0</v>
      </c>
      <c r="G32" s="191">
        <v>8</v>
      </c>
      <c r="H32" s="191">
        <v>0</v>
      </c>
      <c r="I32" s="191">
        <v>32</v>
      </c>
      <c r="J32" s="191">
        <v>13</v>
      </c>
      <c r="K32" s="191">
        <v>0</v>
      </c>
      <c r="L32" s="194">
        <v>53</v>
      </c>
      <c r="M32" s="195">
        <v>53</v>
      </c>
      <c r="N32" s="190">
        <v>0</v>
      </c>
      <c r="O32" s="191">
        <v>0</v>
      </c>
      <c r="P32" s="196">
        <v>0</v>
      </c>
      <c r="Q32" s="193">
        <v>0</v>
      </c>
      <c r="R32" s="191">
        <v>0</v>
      </c>
      <c r="S32" s="191">
        <v>0</v>
      </c>
      <c r="T32" s="191">
        <v>1</v>
      </c>
      <c r="U32" s="191">
        <v>0</v>
      </c>
      <c r="V32" s="191">
        <v>0</v>
      </c>
      <c r="W32" s="196">
        <v>1</v>
      </c>
      <c r="X32" s="195">
        <v>1</v>
      </c>
      <c r="Y32" s="190">
        <v>0</v>
      </c>
      <c r="Z32" s="191">
        <v>9</v>
      </c>
      <c r="AA32" s="196">
        <v>9</v>
      </c>
      <c r="AB32" s="193">
        <v>0</v>
      </c>
      <c r="AC32" s="191">
        <v>4</v>
      </c>
      <c r="AD32" s="191">
        <v>0</v>
      </c>
      <c r="AE32" s="191">
        <v>2</v>
      </c>
      <c r="AF32" s="191">
        <v>5</v>
      </c>
      <c r="AG32" s="191">
        <v>0</v>
      </c>
      <c r="AH32" s="196">
        <v>11</v>
      </c>
      <c r="AI32" s="195">
        <v>20</v>
      </c>
      <c r="AJ32" s="190">
        <v>3</v>
      </c>
      <c r="AK32" s="191">
        <v>0</v>
      </c>
      <c r="AL32" s="196">
        <v>3</v>
      </c>
      <c r="AM32" s="193">
        <v>0</v>
      </c>
      <c r="AN32" s="191">
        <v>0</v>
      </c>
      <c r="AO32" s="191">
        <v>0</v>
      </c>
      <c r="AP32" s="191">
        <v>0</v>
      </c>
      <c r="AQ32" s="191">
        <v>0</v>
      </c>
      <c r="AR32" s="191">
        <v>0</v>
      </c>
      <c r="AS32" s="196">
        <v>0</v>
      </c>
      <c r="AT32" s="195">
        <v>3</v>
      </c>
      <c r="AU32" s="190">
        <v>0</v>
      </c>
      <c r="AV32" s="191">
        <v>0</v>
      </c>
      <c r="AW32" s="196">
        <v>0</v>
      </c>
      <c r="AX32" s="193">
        <v>0</v>
      </c>
      <c r="AY32" s="191">
        <v>0</v>
      </c>
      <c r="AZ32" s="191">
        <v>0</v>
      </c>
      <c r="BA32" s="191">
        <v>0</v>
      </c>
      <c r="BB32" s="191">
        <v>15</v>
      </c>
      <c r="BC32" s="191">
        <v>0</v>
      </c>
      <c r="BD32" s="194">
        <v>15</v>
      </c>
      <c r="BE32" s="195">
        <v>15</v>
      </c>
      <c r="BF32" s="190">
        <v>0</v>
      </c>
      <c r="BG32" s="191">
        <v>0</v>
      </c>
      <c r="BH32" s="196">
        <v>0</v>
      </c>
      <c r="BI32" s="193">
        <v>0</v>
      </c>
      <c r="BJ32" s="191">
        <v>0</v>
      </c>
      <c r="BK32" s="191">
        <v>0</v>
      </c>
      <c r="BL32" s="191">
        <v>0</v>
      </c>
      <c r="BM32" s="191">
        <v>0</v>
      </c>
      <c r="BN32" s="191">
        <v>0</v>
      </c>
      <c r="BO32" s="196">
        <v>0</v>
      </c>
      <c r="BP32" s="195">
        <v>0</v>
      </c>
      <c r="BQ32" s="190">
        <v>0</v>
      </c>
      <c r="BR32" s="191">
        <v>0</v>
      </c>
      <c r="BS32" s="196">
        <v>0</v>
      </c>
      <c r="BT32" s="193">
        <v>0</v>
      </c>
      <c r="BU32" s="191">
        <v>6</v>
      </c>
      <c r="BV32" s="191">
        <v>0</v>
      </c>
      <c r="BW32" s="191">
        <v>0</v>
      </c>
      <c r="BX32" s="191">
        <v>8</v>
      </c>
      <c r="BY32" s="191">
        <v>0</v>
      </c>
      <c r="BZ32" s="196">
        <v>14</v>
      </c>
      <c r="CA32" s="195">
        <v>14</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1">
        <v>0</v>
      </c>
      <c r="E33" s="192">
        <v>0</v>
      </c>
      <c r="F33" s="193">
        <v>0</v>
      </c>
      <c r="G33" s="191">
        <v>0</v>
      </c>
      <c r="H33" s="191">
        <v>0</v>
      </c>
      <c r="I33" s="191">
        <v>75</v>
      </c>
      <c r="J33" s="191">
        <v>0</v>
      </c>
      <c r="K33" s="191">
        <v>0</v>
      </c>
      <c r="L33" s="194">
        <v>75</v>
      </c>
      <c r="M33" s="195">
        <v>75</v>
      </c>
      <c r="N33" s="190">
        <v>0</v>
      </c>
      <c r="O33" s="191">
        <v>0</v>
      </c>
      <c r="P33" s="196">
        <v>0</v>
      </c>
      <c r="Q33" s="193">
        <v>0</v>
      </c>
      <c r="R33" s="191">
        <v>0</v>
      </c>
      <c r="S33" s="191">
        <v>4</v>
      </c>
      <c r="T33" s="191">
        <v>0</v>
      </c>
      <c r="U33" s="191">
        <v>0</v>
      </c>
      <c r="V33" s="191">
        <v>0</v>
      </c>
      <c r="W33" s="196">
        <v>4</v>
      </c>
      <c r="X33" s="195">
        <v>4</v>
      </c>
      <c r="Y33" s="190">
        <v>0</v>
      </c>
      <c r="Z33" s="191">
        <v>5</v>
      </c>
      <c r="AA33" s="196">
        <v>5</v>
      </c>
      <c r="AB33" s="193">
        <v>0</v>
      </c>
      <c r="AC33" s="191">
        <v>0</v>
      </c>
      <c r="AD33" s="191">
        <v>9</v>
      </c>
      <c r="AE33" s="191">
        <v>26</v>
      </c>
      <c r="AF33" s="191">
        <v>28</v>
      </c>
      <c r="AG33" s="191">
        <v>0</v>
      </c>
      <c r="AH33" s="196">
        <v>63</v>
      </c>
      <c r="AI33" s="195">
        <v>68</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16</v>
      </c>
      <c r="AZ33" s="191">
        <v>4</v>
      </c>
      <c r="BA33" s="191">
        <v>0</v>
      </c>
      <c r="BB33" s="191">
        <v>6</v>
      </c>
      <c r="BC33" s="191">
        <v>0</v>
      </c>
      <c r="BD33" s="194">
        <v>26</v>
      </c>
      <c r="BE33" s="195">
        <v>26</v>
      </c>
      <c r="BF33" s="190">
        <v>0</v>
      </c>
      <c r="BG33" s="191">
        <v>0</v>
      </c>
      <c r="BH33" s="196">
        <v>0</v>
      </c>
      <c r="BI33" s="193">
        <v>0</v>
      </c>
      <c r="BJ33" s="191">
        <v>7</v>
      </c>
      <c r="BK33" s="191">
        <v>22</v>
      </c>
      <c r="BL33" s="191">
        <v>7</v>
      </c>
      <c r="BM33" s="191">
        <v>8</v>
      </c>
      <c r="BN33" s="191">
        <v>0</v>
      </c>
      <c r="BO33" s="196">
        <v>44</v>
      </c>
      <c r="BP33" s="195">
        <v>44</v>
      </c>
      <c r="BQ33" s="190">
        <v>0</v>
      </c>
      <c r="BR33" s="191">
        <v>0</v>
      </c>
      <c r="BS33" s="196">
        <v>0</v>
      </c>
      <c r="BT33" s="193">
        <v>0</v>
      </c>
      <c r="BU33" s="191">
        <v>0</v>
      </c>
      <c r="BV33" s="191">
        <v>0</v>
      </c>
      <c r="BW33" s="191">
        <v>0</v>
      </c>
      <c r="BX33" s="191">
        <v>3</v>
      </c>
      <c r="BY33" s="191">
        <v>45</v>
      </c>
      <c r="BZ33" s="196">
        <v>48</v>
      </c>
      <c r="CA33" s="195">
        <v>48</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1">
        <v>0</v>
      </c>
      <c r="E34" s="192">
        <v>0</v>
      </c>
      <c r="F34" s="193">
        <v>0</v>
      </c>
      <c r="G34" s="191">
        <v>14</v>
      </c>
      <c r="H34" s="191">
        <v>115</v>
      </c>
      <c r="I34" s="191">
        <v>35</v>
      </c>
      <c r="J34" s="191">
        <v>0</v>
      </c>
      <c r="K34" s="191">
        <v>175</v>
      </c>
      <c r="L34" s="194">
        <v>339</v>
      </c>
      <c r="M34" s="195">
        <v>339</v>
      </c>
      <c r="N34" s="190">
        <v>0</v>
      </c>
      <c r="O34" s="191">
        <v>0</v>
      </c>
      <c r="P34" s="196">
        <v>0</v>
      </c>
      <c r="Q34" s="193">
        <v>0</v>
      </c>
      <c r="R34" s="191">
        <v>0</v>
      </c>
      <c r="S34" s="191">
        <v>0</v>
      </c>
      <c r="T34" s="191">
        <v>0</v>
      </c>
      <c r="U34" s="191">
        <v>0</v>
      </c>
      <c r="V34" s="191">
        <v>4</v>
      </c>
      <c r="W34" s="196">
        <v>4</v>
      </c>
      <c r="X34" s="195">
        <v>4</v>
      </c>
      <c r="Y34" s="190">
        <v>4</v>
      </c>
      <c r="Z34" s="191">
        <v>0</v>
      </c>
      <c r="AA34" s="196">
        <v>4</v>
      </c>
      <c r="AB34" s="193">
        <v>0</v>
      </c>
      <c r="AC34" s="191">
        <v>26</v>
      </c>
      <c r="AD34" s="191">
        <v>33</v>
      </c>
      <c r="AE34" s="191">
        <v>0</v>
      </c>
      <c r="AF34" s="191">
        <v>0</v>
      </c>
      <c r="AG34" s="191">
        <v>2</v>
      </c>
      <c r="AH34" s="196">
        <v>61</v>
      </c>
      <c r="AI34" s="195">
        <v>65</v>
      </c>
      <c r="AJ34" s="190">
        <v>0</v>
      </c>
      <c r="AK34" s="191">
        <v>0</v>
      </c>
      <c r="AL34" s="196">
        <v>0</v>
      </c>
      <c r="AM34" s="193">
        <v>0</v>
      </c>
      <c r="AN34" s="191">
        <v>0</v>
      </c>
      <c r="AO34" s="191">
        <v>18</v>
      </c>
      <c r="AP34" s="191">
        <v>0</v>
      </c>
      <c r="AQ34" s="191">
        <v>0</v>
      </c>
      <c r="AR34" s="191">
        <v>0</v>
      </c>
      <c r="AS34" s="196">
        <v>18</v>
      </c>
      <c r="AT34" s="195">
        <v>18</v>
      </c>
      <c r="AU34" s="190">
        <v>0</v>
      </c>
      <c r="AV34" s="191">
        <v>0</v>
      </c>
      <c r="AW34" s="196">
        <v>0</v>
      </c>
      <c r="AX34" s="193">
        <v>0</v>
      </c>
      <c r="AY34" s="191">
        <v>27</v>
      </c>
      <c r="AZ34" s="191">
        <v>45</v>
      </c>
      <c r="BA34" s="191">
        <v>27</v>
      </c>
      <c r="BB34" s="191">
        <v>8</v>
      </c>
      <c r="BC34" s="191">
        <v>0</v>
      </c>
      <c r="BD34" s="194">
        <v>107</v>
      </c>
      <c r="BE34" s="195">
        <v>107</v>
      </c>
      <c r="BF34" s="190">
        <v>0</v>
      </c>
      <c r="BG34" s="191">
        <v>0</v>
      </c>
      <c r="BH34" s="196">
        <v>0</v>
      </c>
      <c r="BI34" s="193">
        <v>0</v>
      </c>
      <c r="BJ34" s="191">
        <v>0</v>
      </c>
      <c r="BK34" s="191">
        <v>4</v>
      </c>
      <c r="BL34" s="191">
        <v>0</v>
      </c>
      <c r="BM34" s="191">
        <v>0</v>
      </c>
      <c r="BN34" s="191">
        <v>0</v>
      </c>
      <c r="BO34" s="196">
        <v>4</v>
      </c>
      <c r="BP34" s="195">
        <v>4</v>
      </c>
      <c r="BQ34" s="190">
        <v>0</v>
      </c>
      <c r="BR34" s="191">
        <v>0</v>
      </c>
      <c r="BS34" s="196">
        <v>0</v>
      </c>
      <c r="BT34" s="193">
        <v>0</v>
      </c>
      <c r="BU34" s="191">
        <v>0</v>
      </c>
      <c r="BV34" s="191">
        <v>5</v>
      </c>
      <c r="BW34" s="191">
        <v>0</v>
      </c>
      <c r="BX34" s="191">
        <v>0</v>
      </c>
      <c r="BY34" s="191">
        <v>0</v>
      </c>
      <c r="BZ34" s="196">
        <v>5</v>
      </c>
      <c r="CA34" s="195">
        <v>5</v>
      </c>
      <c r="CB34" s="190">
        <v>0</v>
      </c>
      <c r="CC34" s="191">
        <v>0</v>
      </c>
      <c r="CD34" s="196">
        <v>0</v>
      </c>
      <c r="CE34" s="193">
        <v>0</v>
      </c>
      <c r="CF34" s="191">
        <v>0</v>
      </c>
      <c r="CG34" s="191">
        <v>0</v>
      </c>
      <c r="CH34" s="191">
        <v>0</v>
      </c>
      <c r="CI34" s="191">
        <v>0</v>
      </c>
      <c r="CJ34" s="191">
        <v>0</v>
      </c>
      <c r="CK34" s="196">
        <v>0</v>
      </c>
      <c r="CL34" s="195">
        <v>0</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1">
        <v>0</v>
      </c>
      <c r="E35" s="192">
        <v>0</v>
      </c>
      <c r="F35" s="193">
        <v>0</v>
      </c>
      <c r="G35" s="191">
        <v>0</v>
      </c>
      <c r="H35" s="191">
        <v>0</v>
      </c>
      <c r="I35" s="191">
        <v>12</v>
      </c>
      <c r="J35" s="191">
        <v>0</v>
      </c>
      <c r="K35" s="191">
        <v>0</v>
      </c>
      <c r="L35" s="194">
        <v>12</v>
      </c>
      <c r="M35" s="195">
        <v>12</v>
      </c>
      <c r="N35" s="190">
        <v>0</v>
      </c>
      <c r="O35" s="191">
        <v>0</v>
      </c>
      <c r="P35" s="196">
        <v>0</v>
      </c>
      <c r="Q35" s="193">
        <v>0</v>
      </c>
      <c r="R35" s="191">
        <v>0</v>
      </c>
      <c r="S35" s="191">
        <v>0</v>
      </c>
      <c r="T35" s="191">
        <v>0</v>
      </c>
      <c r="U35" s="191">
        <v>3</v>
      </c>
      <c r="V35" s="191">
        <v>0</v>
      </c>
      <c r="W35" s="196">
        <v>3</v>
      </c>
      <c r="X35" s="195">
        <v>3</v>
      </c>
      <c r="Y35" s="190">
        <v>0</v>
      </c>
      <c r="Z35" s="191">
        <v>0</v>
      </c>
      <c r="AA35" s="196">
        <v>0</v>
      </c>
      <c r="AB35" s="193">
        <v>0</v>
      </c>
      <c r="AC35" s="191">
        <v>4</v>
      </c>
      <c r="AD35" s="191">
        <v>0</v>
      </c>
      <c r="AE35" s="191">
        <v>4</v>
      </c>
      <c r="AF35" s="191">
        <v>0</v>
      </c>
      <c r="AG35" s="191">
        <v>0</v>
      </c>
      <c r="AH35" s="196">
        <v>8</v>
      </c>
      <c r="AI35" s="195">
        <v>8</v>
      </c>
      <c r="AJ35" s="190">
        <v>27</v>
      </c>
      <c r="AK35" s="191">
        <v>15</v>
      </c>
      <c r="AL35" s="196">
        <v>42</v>
      </c>
      <c r="AM35" s="193">
        <v>0</v>
      </c>
      <c r="AN35" s="191">
        <v>12</v>
      </c>
      <c r="AO35" s="191">
        <v>0</v>
      </c>
      <c r="AP35" s="191">
        <v>33</v>
      </c>
      <c r="AQ35" s="191">
        <v>9</v>
      </c>
      <c r="AR35" s="191">
        <v>0</v>
      </c>
      <c r="AS35" s="196">
        <v>54</v>
      </c>
      <c r="AT35" s="195">
        <v>96</v>
      </c>
      <c r="AU35" s="190">
        <v>0</v>
      </c>
      <c r="AV35" s="191">
        <v>0</v>
      </c>
      <c r="AW35" s="196">
        <v>0</v>
      </c>
      <c r="AX35" s="193">
        <v>0</v>
      </c>
      <c r="AY35" s="191">
        <v>16</v>
      </c>
      <c r="AZ35" s="191">
        <v>0</v>
      </c>
      <c r="BA35" s="191">
        <v>0</v>
      </c>
      <c r="BB35" s="191">
        <v>0</v>
      </c>
      <c r="BC35" s="191">
        <v>0</v>
      </c>
      <c r="BD35" s="194">
        <v>16</v>
      </c>
      <c r="BE35" s="195">
        <v>16</v>
      </c>
      <c r="BF35" s="190">
        <v>0</v>
      </c>
      <c r="BG35" s="191">
        <v>0</v>
      </c>
      <c r="BH35" s="196">
        <v>0</v>
      </c>
      <c r="BI35" s="193">
        <v>0</v>
      </c>
      <c r="BJ35" s="191">
        <v>0</v>
      </c>
      <c r="BK35" s="191">
        <v>0</v>
      </c>
      <c r="BL35" s="191">
        <v>0</v>
      </c>
      <c r="BM35" s="191">
        <v>0</v>
      </c>
      <c r="BN35" s="191">
        <v>0</v>
      </c>
      <c r="BO35" s="196">
        <v>0</v>
      </c>
      <c r="BP35" s="195">
        <v>0</v>
      </c>
      <c r="BQ35" s="190">
        <v>0</v>
      </c>
      <c r="BR35" s="191">
        <v>0</v>
      </c>
      <c r="BS35" s="196">
        <v>0</v>
      </c>
      <c r="BT35" s="193">
        <v>0</v>
      </c>
      <c r="BU35" s="191">
        <v>0</v>
      </c>
      <c r="BV35" s="191">
        <v>0</v>
      </c>
      <c r="BW35" s="191">
        <v>0</v>
      </c>
      <c r="BX35" s="191">
        <v>0</v>
      </c>
      <c r="BY35" s="191">
        <v>31</v>
      </c>
      <c r="BZ35" s="196">
        <v>31</v>
      </c>
      <c r="CA35" s="195">
        <v>31</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0</v>
      </c>
      <c r="DC35" s="191">
        <v>0</v>
      </c>
      <c r="DD35" s="191">
        <v>0</v>
      </c>
      <c r="DE35" s="191">
        <v>0</v>
      </c>
      <c r="DF35" s="191">
        <v>0</v>
      </c>
      <c r="DG35" s="196">
        <v>0</v>
      </c>
      <c r="DH35" s="195">
        <v>0</v>
      </c>
    </row>
    <row r="36" spans="2:112" ht="21" customHeight="1" x14ac:dyDescent="0.2">
      <c r="B36" s="106" t="s">
        <v>34</v>
      </c>
      <c r="C36" s="190">
        <v>0</v>
      </c>
      <c r="D36" s="191">
        <v>0</v>
      </c>
      <c r="E36" s="192">
        <v>0</v>
      </c>
      <c r="F36" s="193">
        <v>0</v>
      </c>
      <c r="G36" s="191">
        <v>0</v>
      </c>
      <c r="H36" s="191">
        <v>0</v>
      </c>
      <c r="I36" s="191">
        <v>0</v>
      </c>
      <c r="J36" s="191">
        <v>23</v>
      </c>
      <c r="K36" s="191">
        <v>0</v>
      </c>
      <c r="L36" s="194">
        <v>23</v>
      </c>
      <c r="M36" s="195">
        <v>23</v>
      </c>
      <c r="N36" s="190">
        <v>0</v>
      </c>
      <c r="O36" s="191">
        <v>0</v>
      </c>
      <c r="P36" s="196">
        <v>0</v>
      </c>
      <c r="Q36" s="193">
        <v>0</v>
      </c>
      <c r="R36" s="191">
        <v>0</v>
      </c>
      <c r="S36" s="191">
        <v>0</v>
      </c>
      <c r="T36" s="191">
        <v>0</v>
      </c>
      <c r="U36" s="191">
        <v>0</v>
      </c>
      <c r="V36" s="191">
        <v>0</v>
      </c>
      <c r="W36" s="196">
        <v>0</v>
      </c>
      <c r="X36" s="195">
        <v>0</v>
      </c>
      <c r="Y36" s="190">
        <v>1</v>
      </c>
      <c r="Z36" s="191">
        <v>0</v>
      </c>
      <c r="AA36" s="196">
        <v>1</v>
      </c>
      <c r="AB36" s="193">
        <v>0</v>
      </c>
      <c r="AC36" s="191">
        <v>5</v>
      </c>
      <c r="AD36" s="191">
        <v>22</v>
      </c>
      <c r="AE36" s="191">
        <v>0</v>
      </c>
      <c r="AF36" s="191">
        <v>0</v>
      </c>
      <c r="AG36" s="191">
        <v>14</v>
      </c>
      <c r="AH36" s="196">
        <v>41</v>
      </c>
      <c r="AI36" s="195">
        <v>42</v>
      </c>
      <c r="AJ36" s="190">
        <v>0</v>
      </c>
      <c r="AK36" s="191">
        <v>0</v>
      </c>
      <c r="AL36" s="196">
        <v>0</v>
      </c>
      <c r="AM36" s="193">
        <v>0</v>
      </c>
      <c r="AN36" s="191">
        <v>0</v>
      </c>
      <c r="AO36" s="191">
        <v>0</v>
      </c>
      <c r="AP36" s="191">
        <v>0</v>
      </c>
      <c r="AQ36" s="191">
        <v>0</v>
      </c>
      <c r="AR36" s="191">
        <v>18</v>
      </c>
      <c r="AS36" s="196">
        <v>18</v>
      </c>
      <c r="AT36" s="195">
        <v>18</v>
      </c>
      <c r="AU36" s="190">
        <v>0</v>
      </c>
      <c r="AV36" s="191">
        <v>0</v>
      </c>
      <c r="AW36" s="196">
        <v>0</v>
      </c>
      <c r="AX36" s="193">
        <v>0</v>
      </c>
      <c r="AY36" s="191">
        <v>9</v>
      </c>
      <c r="AZ36" s="191">
        <v>8</v>
      </c>
      <c r="BA36" s="191">
        <v>5</v>
      </c>
      <c r="BB36" s="191">
        <v>0</v>
      </c>
      <c r="BC36" s="191">
        <v>0</v>
      </c>
      <c r="BD36" s="194">
        <v>22</v>
      </c>
      <c r="BE36" s="195">
        <v>22</v>
      </c>
      <c r="BF36" s="190">
        <v>0</v>
      </c>
      <c r="BG36" s="191">
        <v>0</v>
      </c>
      <c r="BH36" s="196">
        <v>0</v>
      </c>
      <c r="BI36" s="193">
        <v>0</v>
      </c>
      <c r="BJ36" s="191">
        <v>0</v>
      </c>
      <c r="BK36" s="191">
        <v>0</v>
      </c>
      <c r="BL36" s="191">
        <v>0</v>
      </c>
      <c r="BM36" s="191">
        <v>0</v>
      </c>
      <c r="BN36" s="191">
        <v>0</v>
      </c>
      <c r="BO36" s="196">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1">
        <v>0</v>
      </c>
      <c r="E37" s="192">
        <v>0</v>
      </c>
      <c r="F37" s="193">
        <v>0</v>
      </c>
      <c r="G37" s="191">
        <v>9</v>
      </c>
      <c r="H37" s="191">
        <v>49</v>
      </c>
      <c r="I37" s="191">
        <v>71</v>
      </c>
      <c r="J37" s="191">
        <v>45</v>
      </c>
      <c r="K37" s="191">
        <v>0</v>
      </c>
      <c r="L37" s="194">
        <v>174</v>
      </c>
      <c r="M37" s="195">
        <v>174</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0</v>
      </c>
      <c r="AD37" s="191">
        <v>4</v>
      </c>
      <c r="AE37" s="191">
        <v>13</v>
      </c>
      <c r="AF37" s="191">
        <v>9</v>
      </c>
      <c r="AG37" s="191">
        <v>0</v>
      </c>
      <c r="AH37" s="196">
        <v>26</v>
      </c>
      <c r="AI37" s="195">
        <v>26</v>
      </c>
      <c r="AJ37" s="190">
        <v>4</v>
      </c>
      <c r="AK37" s="191">
        <v>9</v>
      </c>
      <c r="AL37" s="196">
        <v>13</v>
      </c>
      <c r="AM37" s="193">
        <v>0</v>
      </c>
      <c r="AN37" s="191">
        <v>24</v>
      </c>
      <c r="AO37" s="191">
        <v>0</v>
      </c>
      <c r="AP37" s="191">
        <v>27</v>
      </c>
      <c r="AQ37" s="191">
        <v>0</v>
      </c>
      <c r="AR37" s="191">
        <v>0</v>
      </c>
      <c r="AS37" s="196">
        <v>51</v>
      </c>
      <c r="AT37" s="195">
        <v>64</v>
      </c>
      <c r="AU37" s="190">
        <v>0</v>
      </c>
      <c r="AV37" s="191">
        <v>0</v>
      </c>
      <c r="AW37" s="196">
        <v>0</v>
      </c>
      <c r="AX37" s="193">
        <v>0</v>
      </c>
      <c r="AY37" s="191">
        <v>45</v>
      </c>
      <c r="AZ37" s="191">
        <v>4</v>
      </c>
      <c r="BA37" s="191">
        <v>35</v>
      </c>
      <c r="BB37" s="191">
        <v>0</v>
      </c>
      <c r="BC37" s="191">
        <v>0</v>
      </c>
      <c r="BD37" s="194">
        <v>84</v>
      </c>
      <c r="BE37" s="195">
        <v>84</v>
      </c>
      <c r="BF37" s="190">
        <v>0</v>
      </c>
      <c r="BG37" s="191">
        <v>0</v>
      </c>
      <c r="BH37" s="196">
        <v>0</v>
      </c>
      <c r="BI37" s="193">
        <v>0</v>
      </c>
      <c r="BJ37" s="191">
        <v>31</v>
      </c>
      <c r="BK37" s="191">
        <v>0</v>
      </c>
      <c r="BL37" s="191">
        <v>9</v>
      </c>
      <c r="BM37" s="191">
        <v>13</v>
      </c>
      <c r="BN37" s="191">
        <v>0</v>
      </c>
      <c r="BO37" s="196">
        <v>53</v>
      </c>
      <c r="BP37" s="195">
        <v>53</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1">
        <v>0</v>
      </c>
      <c r="E38" s="192">
        <v>0</v>
      </c>
      <c r="F38" s="193">
        <v>0</v>
      </c>
      <c r="G38" s="191">
        <v>0</v>
      </c>
      <c r="H38" s="191">
        <v>9</v>
      </c>
      <c r="I38" s="191">
        <v>0</v>
      </c>
      <c r="J38" s="191">
        <v>0</v>
      </c>
      <c r="K38" s="191">
        <v>124</v>
      </c>
      <c r="L38" s="194">
        <v>133</v>
      </c>
      <c r="M38" s="195">
        <v>133</v>
      </c>
      <c r="N38" s="190">
        <v>0</v>
      </c>
      <c r="O38" s="191">
        <v>0</v>
      </c>
      <c r="P38" s="196">
        <v>0</v>
      </c>
      <c r="Q38" s="193">
        <v>0</v>
      </c>
      <c r="R38" s="191">
        <v>0</v>
      </c>
      <c r="S38" s="191">
        <v>0</v>
      </c>
      <c r="T38" s="191">
        <v>4</v>
      </c>
      <c r="U38" s="191">
        <v>7</v>
      </c>
      <c r="V38" s="191">
        <v>9</v>
      </c>
      <c r="W38" s="196">
        <v>20</v>
      </c>
      <c r="X38" s="195">
        <v>20</v>
      </c>
      <c r="Y38" s="190">
        <v>0</v>
      </c>
      <c r="Z38" s="191">
        <v>0</v>
      </c>
      <c r="AA38" s="196">
        <v>0</v>
      </c>
      <c r="AB38" s="193">
        <v>0</v>
      </c>
      <c r="AC38" s="191">
        <v>0</v>
      </c>
      <c r="AD38" s="191">
        <v>9</v>
      </c>
      <c r="AE38" s="191">
        <v>17</v>
      </c>
      <c r="AF38" s="191">
        <v>0</v>
      </c>
      <c r="AG38" s="191">
        <v>0</v>
      </c>
      <c r="AH38" s="196">
        <v>26</v>
      </c>
      <c r="AI38" s="195">
        <v>26</v>
      </c>
      <c r="AJ38" s="190">
        <v>0</v>
      </c>
      <c r="AK38" s="191">
        <v>14</v>
      </c>
      <c r="AL38" s="196">
        <v>14</v>
      </c>
      <c r="AM38" s="193">
        <v>0</v>
      </c>
      <c r="AN38" s="191">
        <v>14</v>
      </c>
      <c r="AO38" s="191">
        <v>0</v>
      </c>
      <c r="AP38" s="191">
        <v>0</v>
      </c>
      <c r="AQ38" s="191">
        <v>0</v>
      </c>
      <c r="AR38" s="191">
        <v>0</v>
      </c>
      <c r="AS38" s="196">
        <v>14</v>
      </c>
      <c r="AT38" s="195">
        <v>28</v>
      </c>
      <c r="AU38" s="190">
        <v>0</v>
      </c>
      <c r="AV38" s="191">
        <v>0</v>
      </c>
      <c r="AW38" s="196">
        <v>0</v>
      </c>
      <c r="AX38" s="193">
        <v>0</v>
      </c>
      <c r="AY38" s="191">
        <v>14</v>
      </c>
      <c r="AZ38" s="191">
        <v>25</v>
      </c>
      <c r="BA38" s="191">
        <v>0</v>
      </c>
      <c r="BB38" s="191">
        <v>0</v>
      </c>
      <c r="BC38" s="191">
        <v>0</v>
      </c>
      <c r="BD38" s="194">
        <v>39</v>
      </c>
      <c r="BE38" s="195">
        <v>39</v>
      </c>
      <c r="BF38" s="190">
        <v>0</v>
      </c>
      <c r="BG38" s="191">
        <v>0</v>
      </c>
      <c r="BH38" s="196">
        <v>0</v>
      </c>
      <c r="BI38" s="193">
        <v>0</v>
      </c>
      <c r="BJ38" s="191">
        <v>8</v>
      </c>
      <c r="BK38" s="191">
        <v>0</v>
      </c>
      <c r="BL38" s="191">
        <v>8</v>
      </c>
      <c r="BM38" s="191">
        <v>0</v>
      </c>
      <c r="BN38" s="191">
        <v>0</v>
      </c>
      <c r="BO38" s="196">
        <v>16</v>
      </c>
      <c r="BP38" s="195">
        <v>16</v>
      </c>
      <c r="BQ38" s="190">
        <v>0</v>
      </c>
      <c r="BR38" s="191">
        <v>0</v>
      </c>
      <c r="BS38" s="196">
        <v>0</v>
      </c>
      <c r="BT38" s="193">
        <v>0</v>
      </c>
      <c r="BU38" s="191">
        <v>0</v>
      </c>
      <c r="BV38" s="191">
        <v>3</v>
      </c>
      <c r="BW38" s="191">
        <v>0</v>
      </c>
      <c r="BX38" s="191">
        <v>30</v>
      </c>
      <c r="BY38" s="191">
        <v>0</v>
      </c>
      <c r="BZ38" s="196">
        <v>33</v>
      </c>
      <c r="CA38" s="195">
        <v>33</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198">
        <v>0</v>
      </c>
      <c r="E39" s="199">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0</v>
      </c>
      <c r="AH39" s="203">
        <v>0</v>
      </c>
      <c r="AI39" s="202">
        <v>0</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15</v>
      </c>
      <c r="BA39" s="198">
        <v>0</v>
      </c>
      <c r="BB39" s="198">
        <v>0</v>
      </c>
      <c r="BC39" s="198">
        <v>0</v>
      </c>
      <c r="BD39" s="201">
        <v>15</v>
      </c>
      <c r="BE39" s="202">
        <v>15</v>
      </c>
      <c r="BF39" s="197">
        <v>0</v>
      </c>
      <c r="BG39" s="198">
        <v>0</v>
      </c>
      <c r="BH39" s="203">
        <v>0</v>
      </c>
      <c r="BI39" s="200">
        <v>0</v>
      </c>
      <c r="BJ39" s="198">
        <v>4</v>
      </c>
      <c r="BK39" s="198">
        <v>9</v>
      </c>
      <c r="BL39" s="198">
        <v>0</v>
      </c>
      <c r="BM39" s="198">
        <v>0</v>
      </c>
      <c r="BN39" s="198">
        <v>0</v>
      </c>
      <c r="BO39" s="203">
        <v>13</v>
      </c>
      <c r="BP39" s="202">
        <v>13</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88671875" style="175" customWidth="1"/>
    <col min="18" max="27" width="9" style="175"/>
    <col min="28" max="28" width="7.77734375" style="175" customWidth="1"/>
    <col min="29" max="38" width="9" style="175"/>
    <col min="39" max="39" width="7.5546875" style="175" customWidth="1"/>
    <col min="40" max="49" width="9" style="175"/>
    <col min="50" max="50" width="7.77734375" style="175" customWidth="1"/>
    <col min="51" max="60" width="9" style="175"/>
    <col min="61" max="61" width="7.4414062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6384" width="9" style="175"/>
  </cols>
  <sheetData>
    <row r="1" spans="2:112" ht="24" customHeight="1" x14ac:dyDescent="0.2">
      <c r="B1" s="142" t="s">
        <v>121</v>
      </c>
      <c r="J1" s="441">
        <f>第１表!F2</f>
        <v>6</v>
      </c>
      <c r="K1" s="441"/>
      <c r="L1" s="18">
        <f>第１表!G2</f>
        <v>9</v>
      </c>
      <c r="M1" s="445">
        <f>IF(L1&lt;3,L1+12-2,L1-2)</f>
        <v>7</v>
      </c>
      <c r="N1" s="445"/>
    </row>
    <row r="2" spans="2:112" ht="24" customHeight="1" thickBot="1" x14ac:dyDescent="0.25">
      <c r="B2" s="142" t="s">
        <v>151</v>
      </c>
    </row>
    <row r="3" spans="2:112" ht="21" customHeight="1" thickBot="1" x14ac:dyDescent="0.25">
      <c r="B3" s="482"/>
      <c r="C3" s="485" t="s">
        <v>111</v>
      </c>
      <c r="D3" s="485"/>
      <c r="E3" s="485"/>
      <c r="F3" s="485"/>
      <c r="G3" s="485"/>
      <c r="H3" s="485"/>
      <c r="I3" s="485"/>
      <c r="J3" s="485"/>
      <c r="K3" s="485"/>
      <c r="L3" s="485"/>
      <c r="M3" s="486"/>
      <c r="N3" s="480" t="s">
        <v>110</v>
      </c>
      <c r="O3" s="480"/>
      <c r="P3" s="480"/>
      <c r="Q3" s="480"/>
      <c r="R3" s="480"/>
      <c r="S3" s="480"/>
      <c r="T3" s="480"/>
      <c r="U3" s="480"/>
      <c r="V3" s="480"/>
      <c r="W3" s="480"/>
      <c r="X3" s="481"/>
      <c r="Y3" s="479" t="s">
        <v>109</v>
      </c>
      <c r="Z3" s="480"/>
      <c r="AA3" s="480"/>
      <c r="AB3" s="480"/>
      <c r="AC3" s="480"/>
      <c r="AD3" s="480"/>
      <c r="AE3" s="480"/>
      <c r="AF3" s="480"/>
      <c r="AG3" s="480"/>
      <c r="AH3" s="480"/>
      <c r="AI3" s="481"/>
      <c r="AJ3" s="479" t="s">
        <v>108</v>
      </c>
      <c r="AK3" s="480"/>
      <c r="AL3" s="480"/>
      <c r="AM3" s="480"/>
      <c r="AN3" s="480"/>
      <c r="AO3" s="480"/>
      <c r="AP3" s="480"/>
      <c r="AQ3" s="480"/>
      <c r="AR3" s="480"/>
      <c r="AS3" s="480"/>
      <c r="AT3" s="481"/>
      <c r="AU3" s="479" t="s">
        <v>107</v>
      </c>
      <c r="AV3" s="480"/>
      <c r="AW3" s="480"/>
      <c r="AX3" s="480"/>
      <c r="AY3" s="480"/>
      <c r="AZ3" s="480"/>
      <c r="BA3" s="480"/>
      <c r="BB3" s="480"/>
      <c r="BC3" s="480"/>
      <c r="BD3" s="480"/>
      <c r="BE3" s="481"/>
      <c r="BF3" s="479" t="s">
        <v>106</v>
      </c>
      <c r="BG3" s="480"/>
      <c r="BH3" s="480"/>
      <c r="BI3" s="480"/>
      <c r="BJ3" s="480"/>
      <c r="BK3" s="480"/>
      <c r="BL3" s="480"/>
      <c r="BM3" s="480"/>
      <c r="BN3" s="480"/>
      <c r="BO3" s="480"/>
      <c r="BP3" s="481"/>
      <c r="BQ3" s="479" t="s">
        <v>105</v>
      </c>
      <c r="BR3" s="480"/>
      <c r="BS3" s="480"/>
      <c r="BT3" s="480"/>
      <c r="BU3" s="480"/>
      <c r="BV3" s="480"/>
      <c r="BW3" s="480"/>
      <c r="BX3" s="480"/>
      <c r="BY3" s="480"/>
      <c r="BZ3" s="480"/>
      <c r="CA3" s="481"/>
      <c r="CB3" s="479" t="s">
        <v>125</v>
      </c>
      <c r="CC3" s="480"/>
      <c r="CD3" s="480"/>
      <c r="CE3" s="480"/>
      <c r="CF3" s="480"/>
      <c r="CG3" s="480"/>
      <c r="CH3" s="480"/>
      <c r="CI3" s="480"/>
      <c r="CJ3" s="480"/>
      <c r="CK3" s="480"/>
      <c r="CL3" s="481"/>
      <c r="CM3" s="479" t="s">
        <v>158</v>
      </c>
      <c r="CN3" s="480"/>
      <c r="CO3" s="480"/>
      <c r="CP3" s="480"/>
      <c r="CQ3" s="480"/>
      <c r="CR3" s="480"/>
      <c r="CS3" s="480"/>
      <c r="CT3" s="480"/>
      <c r="CU3" s="480"/>
      <c r="CV3" s="480"/>
      <c r="CW3" s="481"/>
      <c r="CX3" s="479" t="s">
        <v>154</v>
      </c>
      <c r="CY3" s="480"/>
      <c r="CZ3" s="480"/>
      <c r="DA3" s="480"/>
      <c r="DB3" s="480"/>
      <c r="DC3" s="480"/>
      <c r="DD3" s="480"/>
      <c r="DE3" s="480"/>
      <c r="DF3" s="480"/>
      <c r="DG3" s="480"/>
      <c r="DH3" s="481"/>
    </row>
    <row r="4" spans="2:112" ht="21" customHeight="1" x14ac:dyDescent="0.2">
      <c r="B4" s="483"/>
      <c r="C4" s="487" t="s">
        <v>61</v>
      </c>
      <c r="D4" s="472"/>
      <c r="E4" s="473"/>
      <c r="F4" s="474" t="s">
        <v>62</v>
      </c>
      <c r="G4" s="472"/>
      <c r="H4" s="472"/>
      <c r="I4" s="472"/>
      <c r="J4" s="472"/>
      <c r="K4" s="472"/>
      <c r="L4" s="475"/>
      <c r="M4" s="469" t="s">
        <v>52</v>
      </c>
      <c r="N4" s="487" t="s">
        <v>61</v>
      </c>
      <c r="O4" s="472"/>
      <c r="P4" s="473"/>
      <c r="Q4" s="474" t="s">
        <v>62</v>
      </c>
      <c r="R4" s="472"/>
      <c r="S4" s="472"/>
      <c r="T4" s="472"/>
      <c r="U4" s="472"/>
      <c r="V4" s="472"/>
      <c r="W4" s="473"/>
      <c r="X4" s="469" t="s">
        <v>52</v>
      </c>
      <c r="Y4" s="471" t="s">
        <v>61</v>
      </c>
      <c r="Z4" s="472"/>
      <c r="AA4" s="475"/>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71" t="s">
        <v>61</v>
      </c>
      <c r="AV4" s="472"/>
      <c r="AW4" s="475"/>
      <c r="AX4" s="474" t="s">
        <v>62</v>
      </c>
      <c r="AY4" s="472"/>
      <c r="AZ4" s="472"/>
      <c r="BA4" s="472"/>
      <c r="BB4" s="472"/>
      <c r="BC4" s="472"/>
      <c r="BD4" s="475"/>
      <c r="BE4" s="469" t="s">
        <v>52</v>
      </c>
      <c r="BF4" s="471" t="s">
        <v>61</v>
      </c>
      <c r="BG4" s="472"/>
      <c r="BH4" s="473"/>
      <c r="BI4" s="474" t="s">
        <v>62</v>
      </c>
      <c r="BJ4" s="472"/>
      <c r="BK4" s="472"/>
      <c r="BL4" s="472"/>
      <c r="BM4" s="472"/>
      <c r="BN4" s="472"/>
      <c r="BO4" s="473"/>
      <c r="BP4" s="469" t="s">
        <v>52</v>
      </c>
      <c r="BQ4" s="471" t="s">
        <v>61</v>
      </c>
      <c r="BR4" s="472"/>
      <c r="BS4" s="473"/>
      <c r="BT4" s="474" t="s">
        <v>62</v>
      </c>
      <c r="BU4" s="472"/>
      <c r="BV4" s="472"/>
      <c r="BW4" s="472"/>
      <c r="BX4" s="472"/>
      <c r="BY4" s="472"/>
      <c r="BZ4" s="473"/>
      <c r="CA4" s="469" t="s">
        <v>52</v>
      </c>
      <c r="CB4" s="471" t="s">
        <v>61</v>
      </c>
      <c r="CC4" s="472"/>
      <c r="CD4" s="473"/>
      <c r="CE4" s="474" t="s">
        <v>62</v>
      </c>
      <c r="CF4" s="472"/>
      <c r="CG4" s="472"/>
      <c r="CH4" s="472"/>
      <c r="CI4" s="472"/>
      <c r="CJ4" s="472"/>
      <c r="CK4" s="473"/>
      <c r="CL4" s="469" t="s">
        <v>52</v>
      </c>
      <c r="CM4" s="471" t="s">
        <v>61</v>
      </c>
      <c r="CN4" s="472"/>
      <c r="CO4" s="473"/>
      <c r="CP4" s="474" t="s">
        <v>62</v>
      </c>
      <c r="CQ4" s="472"/>
      <c r="CR4" s="472"/>
      <c r="CS4" s="472"/>
      <c r="CT4" s="472"/>
      <c r="CU4" s="472"/>
      <c r="CV4" s="473"/>
      <c r="CW4" s="469" t="s">
        <v>52</v>
      </c>
      <c r="CX4" s="471" t="s">
        <v>61</v>
      </c>
      <c r="CY4" s="472"/>
      <c r="CZ4" s="473"/>
      <c r="DA4" s="474" t="s">
        <v>62</v>
      </c>
      <c r="DB4" s="472"/>
      <c r="DC4" s="472"/>
      <c r="DD4" s="472"/>
      <c r="DE4" s="472"/>
      <c r="DF4" s="472"/>
      <c r="DG4" s="473"/>
      <c r="DH4" s="469" t="s">
        <v>52</v>
      </c>
    </row>
    <row r="5" spans="2:112" ht="30" customHeight="1" thickBot="1" x14ac:dyDescent="0.25">
      <c r="B5" s="484"/>
      <c r="C5" s="204" t="s">
        <v>43</v>
      </c>
      <c r="D5" s="182" t="s">
        <v>44</v>
      </c>
      <c r="E5" s="205" t="s">
        <v>45</v>
      </c>
      <c r="F5" s="180" t="s">
        <v>83</v>
      </c>
      <c r="G5" s="178" t="s">
        <v>47</v>
      </c>
      <c r="H5" s="178" t="s">
        <v>48</v>
      </c>
      <c r="I5" s="178" t="s">
        <v>49</v>
      </c>
      <c r="J5" s="178" t="s">
        <v>50</v>
      </c>
      <c r="K5" s="178" t="s">
        <v>51</v>
      </c>
      <c r="L5" s="181" t="s">
        <v>45</v>
      </c>
      <c r="M5" s="470"/>
      <c r="N5" s="204" t="s">
        <v>43</v>
      </c>
      <c r="O5" s="178" t="s">
        <v>44</v>
      </c>
      <c r="P5" s="182" t="s">
        <v>45</v>
      </c>
      <c r="Q5" s="180" t="s">
        <v>83</v>
      </c>
      <c r="R5" s="178" t="s">
        <v>47</v>
      </c>
      <c r="S5" s="178" t="s">
        <v>48</v>
      </c>
      <c r="T5" s="178" t="s">
        <v>49</v>
      </c>
      <c r="U5" s="178" t="s">
        <v>50</v>
      </c>
      <c r="V5" s="178" t="s">
        <v>51</v>
      </c>
      <c r="W5" s="182" t="s">
        <v>45</v>
      </c>
      <c r="X5" s="470"/>
      <c r="Y5" s="177" t="s">
        <v>43</v>
      </c>
      <c r="Z5" s="178" t="s">
        <v>44</v>
      </c>
      <c r="AA5" s="181"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1" t="s">
        <v>45</v>
      </c>
      <c r="AX5" s="180" t="s">
        <v>83</v>
      </c>
      <c r="AY5" s="178" t="s">
        <v>47</v>
      </c>
      <c r="AZ5" s="178" t="s">
        <v>48</v>
      </c>
      <c r="BA5" s="178" t="s">
        <v>49</v>
      </c>
      <c r="BB5" s="178" t="s">
        <v>50</v>
      </c>
      <c r="BC5" s="178" t="s">
        <v>51</v>
      </c>
      <c r="BD5" s="181" t="s">
        <v>45</v>
      </c>
      <c r="BE5" s="470"/>
      <c r="BF5" s="177" t="s">
        <v>43</v>
      </c>
      <c r="BG5" s="178" t="s">
        <v>44</v>
      </c>
      <c r="BH5" s="182" t="s">
        <v>45</v>
      </c>
      <c r="BI5" s="180" t="s">
        <v>83</v>
      </c>
      <c r="BJ5" s="178" t="s">
        <v>47</v>
      </c>
      <c r="BK5" s="178" t="s">
        <v>48</v>
      </c>
      <c r="BL5" s="178" t="s">
        <v>49</v>
      </c>
      <c r="BM5" s="178" t="s">
        <v>50</v>
      </c>
      <c r="BN5" s="178" t="s">
        <v>51</v>
      </c>
      <c r="BO5" s="182" t="s">
        <v>45</v>
      </c>
      <c r="BP5" s="470"/>
      <c r="BQ5" s="177" t="s">
        <v>43</v>
      </c>
      <c r="BR5" s="178" t="s">
        <v>44</v>
      </c>
      <c r="BS5" s="182" t="s">
        <v>45</v>
      </c>
      <c r="BT5" s="180" t="s">
        <v>83</v>
      </c>
      <c r="BU5" s="178" t="s">
        <v>47</v>
      </c>
      <c r="BV5" s="178" t="s">
        <v>48</v>
      </c>
      <c r="BW5" s="178" t="s">
        <v>49</v>
      </c>
      <c r="BX5" s="178" t="s">
        <v>50</v>
      </c>
      <c r="BY5" s="178" t="s">
        <v>51</v>
      </c>
      <c r="BZ5" s="182" t="s">
        <v>45</v>
      </c>
      <c r="CA5" s="470"/>
      <c r="CB5" s="177" t="s">
        <v>43</v>
      </c>
      <c r="CC5" s="178" t="s">
        <v>44</v>
      </c>
      <c r="CD5" s="182" t="s">
        <v>45</v>
      </c>
      <c r="CE5" s="180" t="s">
        <v>83</v>
      </c>
      <c r="CF5" s="178" t="s">
        <v>47</v>
      </c>
      <c r="CG5" s="178" t="s">
        <v>48</v>
      </c>
      <c r="CH5" s="178" t="s">
        <v>49</v>
      </c>
      <c r="CI5" s="178" t="s">
        <v>50</v>
      </c>
      <c r="CJ5" s="178" t="s">
        <v>51</v>
      </c>
      <c r="CK5" s="182" t="s">
        <v>45</v>
      </c>
      <c r="CL5" s="470"/>
      <c r="CM5" s="177" t="s">
        <v>43</v>
      </c>
      <c r="CN5" s="178" t="s">
        <v>44</v>
      </c>
      <c r="CO5" s="182" t="s">
        <v>45</v>
      </c>
      <c r="CP5" s="180" t="s">
        <v>83</v>
      </c>
      <c r="CQ5" s="178" t="s">
        <v>47</v>
      </c>
      <c r="CR5" s="178" t="s">
        <v>48</v>
      </c>
      <c r="CS5" s="178" t="s">
        <v>49</v>
      </c>
      <c r="CT5" s="178" t="s">
        <v>50</v>
      </c>
      <c r="CU5" s="178" t="s">
        <v>51</v>
      </c>
      <c r="CV5" s="182" t="s">
        <v>45</v>
      </c>
      <c r="CW5" s="470"/>
      <c r="CX5" s="177" t="s">
        <v>43</v>
      </c>
      <c r="CY5" s="178" t="s">
        <v>44</v>
      </c>
      <c r="CZ5" s="182" t="s">
        <v>45</v>
      </c>
      <c r="DA5" s="180" t="s">
        <v>83</v>
      </c>
      <c r="DB5" s="178" t="s">
        <v>47</v>
      </c>
      <c r="DC5" s="178" t="s">
        <v>48</v>
      </c>
      <c r="DD5" s="178" t="s">
        <v>49</v>
      </c>
      <c r="DE5" s="178" t="s">
        <v>50</v>
      </c>
      <c r="DF5" s="178" t="s">
        <v>51</v>
      </c>
      <c r="DG5" s="182" t="s">
        <v>45</v>
      </c>
      <c r="DH5" s="470"/>
    </row>
    <row r="6" spans="2:112" ht="21" customHeight="1" x14ac:dyDescent="0.2">
      <c r="B6" s="84" t="s">
        <v>4</v>
      </c>
      <c r="C6" s="183">
        <v>0</v>
      </c>
      <c r="D6" s="189">
        <v>0</v>
      </c>
      <c r="E6" s="206">
        <v>0</v>
      </c>
      <c r="F6" s="186">
        <v>0</v>
      </c>
      <c r="G6" s="184">
        <v>13127</v>
      </c>
      <c r="H6" s="184">
        <v>22644</v>
      </c>
      <c r="I6" s="184">
        <v>20682</v>
      </c>
      <c r="J6" s="184">
        <v>24462</v>
      </c>
      <c r="K6" s="184">
        <v>26441</v>
      </c>
      <c r="L6" s="187">
        <v>107356</v>
      </c>
      <c r="M6" s="188">
        <v>107356</v>
      </c>
      <c r="N6" s="183">
        <v>0</v>
      </c>
      <c r="O6" s="184">
        <v>11</v>
      </c>
      <c r="P6" s="189">
        <v>11</v>
      </c>
      <c r="Q6" s="186">
        <v>0</v>
      </c>
      <c r="R6" s="184">
        <v>41</v>
      </c>
      <c r="S6" s="184">
        <v>97</v>
      </c>
      <c r="T6" s="184">
        <v>285</v>
      </c>
      <c r="U6" s="184">
        <v>679</v>
      </c>
      <c r="V6" s="184">
        <v>1209</v>
      </c>
      <c r="W6" s="189">
        <v>2311</v>
      </c>
      <c r="X6" s="188">
        <v>2322</v>
      </c>
      <c r="Y6" s="183">
        <v>1625</v>
      </c>
      <c r="Z6" s="184">
        <v>4315</v>
      </c>
      <c r="AA6" s="189">
        <v>5940</v>
      </c>
      <c r="AB6" s="186">
        <v>0</v>
      </c>
      <c r="AC6" s="184">
        <v>11038</v>
      </c>
      <c r="AD6" s="184">
        <v>16389</v>
      </c>
      <c r="AE6" s="184">
        <v>10232</v>
      </c>
      <c r="AF6" s="184">
        <v>8345</v>
      </c>
      <c r="AG6" s="184">
        <v>5549</v>
      </c>
      <c r="AH6" s="189">
        <v>51553</v>
      </c>
      <c r="AI6" s="188">
        <v>57493</v>
      </c>
      <c r="AJ6" s="183">
        <v>249</v>
      </c>
      <c r="AK6" s="184">
        <v>944</v>
      </c>
      <c r="AL6" s="189">
        <v>1193</v>
      </c>
      <c r="AM6" s="186">
        <v>0</v>
      </c>
      <c r="AN6" s="184">
        <v>1278</v>
      </c>
      <c r="AO6" s="184">
        <v>2237</v>
      </c>
      <c r="AP6" s="184">
        <v>1068</v>
      </c>
      <c r="AQ6" s="184">
        <v>1321</v>
      </c>
      <c r="AR6" s="184">
        <v>665</v>
      </c>
      <c r="AS6" s="189">
        <v>6569</v>
      </c>
      <c r="AT6" s="188">
        <v>7762</v>
      </c>
      <c r="AU6" s="183">
        <v>0</v>
      </c>
      <c r="AV6" s="184">
        <v>0</v>
      </c>
      <c r="AW6" s="189">
        <v>0</v>
      </c>
      <c r="AX6" s="186">
        <v>0</v>
      </c>
      <c r="AY6" s="184">
        <v>11131</v>
      </c>
      <c r="AZ6" s="184">
        <v>10973</v>
      </c>
      <c r="BA6" s="184">
        <v>5904</v>
      </c>
      <c r="BB6" s="184">
        <v>3229</v>
      </c>
      <c r="BC6" s="184">
        <v>1390</v>
      </c>
      <c r="BD6" s="187">
        <v>32627</v>
      </c>
      <c r="BE6" s="188">
        <v>32627</v>
      </c>
      <c r="BF6" s="183">
        <v>0</v>
      </c>
      <c r="BG6" s="184">
        <v>0</v>
      </c>
      <c r="BH6" s="189">
        <v>0</v>
      </c>
      <c r="BI6" s="186">
        <v>0</v>
      </c>
      <c r="BJ6" s="184">
        <v>2491</v>
      </c>
      <c r="BK6" s="184">
        <v>3760</v>
      </c>
      <c r="BL6" s="184">
        <v>2456</v>
      </c>
      <c r="BM6" s="184">
        <v>1368</v>
      </c>
      <c r="BN6" s="184">
        <v>404</v>
      </c>
      <c r="BO6" s="189">
        <v>10479</v>
      </c>
      <c r="BP6" s="188">
        <v>10479</v>
      </c>
      <c r="BQ6" s="183">
        <v>23</v>
      </c>
      <c r="BR6" s="184">
        <v>68</v>
      </c>
      <c r="BS6" s="189">
        <v>91</v>
      </c>
      <c r="BT6" s="186">
        <v>0</v>
      </c>
      <c r="BU6" s="184">
        <v>1269</v>
      </c>
      <c r="BV6" s="184">
        <v>1863</v>
      </c>
      <c r="BW6" s="184">
        <v>2529</v>
      </c>
      <c r="BX6" s="184">
        <v>2326</v>
      </c>
      <c r="BY6" s="184">
        <v>1004</v>
      </c>
      <c r="BZ6" s="189">
        <v>8991</v>
      </c>
      <c r="CA6" s="188">
        <v>9082</v>
      </c>
      <c r="CB6" s="183">
        <v>3</v>
      </c>
      <c r="CC6" s="184">
        <v>3</v>
      </c>
      <c r="CD6" s="189">
        <v>6</v>
      </c>
      <c r="CE6" s="186">
        <v>0</v>
      </c>
      <c r="CF6" s="184">
        <v>171</v>
      </c>
      <c r="CG6" s="184">
        <v>261</v>
      </c>
      <c r="CH6" s="184">
        <v>389</v>
      </c>
      <c r="CI6" s="184">
        <v>428</v>
      </c>
      <c r="CJ6" s="184">
        <v>157</v>
      </c>
      <c r="CK6" s="189">
        <v>1406</v>
      </c>
      <c r="CL6" s="188">
        <v>1412</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0</v>
      </c>
      <c r="DC6" s="184">
        <v>0</v>
      </c>
      <c r="DD6" s="184">
        <v>0</v>
      </c>
      <c r="DE6" s="184">
        <v>0</v>
      </c>
      <c r="DF6" s="184">
        <v>0</v>
      </c>
      <c r="DG6" s="189">
        <v>0</v>
      </c>
      <c r="DH6" s="188">
        <v>0</v>
      </c>
    </row>
    <row r="7" spans="2:112" ht="21" customHeight="1" x14ac:dyDescent="0.2">
      <c r="B7" s="95" t="s">
        <v>5</v>
      </c>
      <c r="C7" s="190">
        <v>0</v>
      </c>
      <c r="D7" s="196">
        <v>0</v>
      </c>
      <c r="E7" s="207">
        <v>0</v>
      </c>
      <c r="F7" s="193">
        <v>0</v>
      </c>
      <c r="G7" s="191">
        <v>4914</v>
      </c>
      <c r="H7" s="191">
        <v>9515</v>
      </c>
      <c r="I7" s="191">
        <v>7917</v>
      </c>
      <c r="J7" s="191">
        <v>9010</v>
      </c>
      <c r="K7" s="191">
        <v>11567</v>
      </c>
      <c r="L7" s="194">
        <v>42923</v>
      </c>
      <c r="M7" s="195">
        <v>42923</v>
      </c>
      <c r="N7" s="190">
        <v>0</v>
      </c>
      <c r="O7" s="191">
        <v>11</v>
      </c>
      <c r="P7" s="196">
        <v>11</v>
      </c>
      <c r="Q7" s="193">
        <v>0</v>
      </c>
      <c r="R7" s="191">
        <v>9</v>
      </c>
      <c r="S7" s="191">
        <v>36</v>
      </c>
      <c r="T7" s="191">
        <v>136</v>
      </c>
      <c r="U7" s="191">
        <v>235</v>
      </c>
      <c r="V7" s="191">
        <v>667</v>
      </c>
      <c r="W7" s="196">
        <v>1083</v>
      </c>
      <c r="X7" s="195">
        <v>1094</v>
      </c>
      <c r="Y7" s="190">
        <v>675</v>
      </c>
      <c r="Z7" s="191">
        <v>2337</v>
      </c>
      <c r="AA7" s="196">
        <v>3012</v>
      </c>
      <c r="AB7" s="193">
        <v>0</v>
      </c>
      <c r="AC7" s="191">
        <v>3899</v>
      </c>
      <c r="AD7" s="191">
        <v>9256</v>
      </c>
      <c r="AE7" s="191">
        <v>5116</v>
      </c>
      <c r="AF7" s="191">
        <v>4104</v>
      </c>
      <c r="AG7" s="191">
        <v>2695</v>
      </c>
      <c r="AH7" s="196">
        <v>25070</v>
      </c>
      <c r="AI7" s="195">
        <v>28082</v>
      </c>
      <c r="AJ7" s="190">
        <v>101</v>
      </c>
      <c r="AK7" s="191">
        <v>589</v>
      </c>
      <c r="AL7" s="196">
        <v>690</v>
      </c>
      <c r="AM7" s="193">
        <v>0</v>
      </c>
      <c r="AN7" s="191">
        <v>441</v>
      </c>
      <c r="AO7" s="191">
        <v>1096</v>
      </c>
      <c r="AP7" s="191">
        <v>479</v>
      </c>
      <c r="AQ7" s="191">
        <v>603</v>
      </c>
      <c r="AR7" s="191">
        <v>288</v>
      </c>
      <c r="AS7" s="196">
        <v>2907</v>
      </c>
      <c r="AT7" s="195">
        <v>3597</v>
      </c>
      <c r="AU7" s="190">
        <v>0</v>
      </c>
      <c r="AV7" s="191">
        <v>0</v>
      </c>
      <c r="AW7" s="196">
        <v>0</v>
      </c>
      <c r="AX7" s="193">
        <v>0</v>
      </c>
      <c r="AY7" s="191">
        <v>3771</v>
      </c>
      <c r="AZ7" s="191">
        <v>4532</v>
      </c>
      <c r="BA7" s="191">
        <v>2310</v>
      </c>
      <c r="BB7" s="191">
        <v>1222</v>
      </c>
      <c r="BC7" s="191">
        <v>414</v>
      </c>
      <c r="BD7" s="194">
        <v>12249</v>
      </c>
      <c r="BE7" s="195">
        <v>12249</v>
      </c>
      <c r="BF7" s="190">
        <v>0</v>
      </c>
      <c r="BG7" s="191">
        <v>0</v>
      </c>
      <c r="BH7" s="196">
        <v>0</v>
      </c>
      <c r="BI7" s="193">
        <v>0</v>
      </c>
      <c r="BJ7" s="191">
        <v>752</v>
      </c>
      <c r="BK7" s="191">
        <v>1843</v>
      </c>
      <c r="BL7" s="191">
        <v>1154</v>
      </c>
      <c r="BM7" s="191">
        <v>526</v>
      </c>
      <c r="BN7" s="191">
        <v>185</v>
      </c>
      <c r="BO7" s="196">
        <v>4460</v>
      </c>
      <c r="BP7" s="195">
        <v>4460</v>
      </c>
      <c r="BQ7" s="190">
        <v>4</v>
      </c>
      <c r="BR7" s="191">
        <v>32</v>
      </c>
      <c r="BS7" s="196">
        <v>36</v>
      </c>
      <c r="BT7" s="193">
        <v>0</v>
      </c>
      <c r="BU7" s="191">
        <v>485</v>
      </c>
      <c r="BV7" s="191">
        <v>650</v>
      </c>
      <c r="BW7" s="191">
        <v>1068</v>
      </c>
      <c r="BX7" s="191">
        <v>923</v>
      </c>
      <c r="BY7" s="191">
        <v>390</v>
      </c>
      <c r="BZ7" s="196">
        <v>3516</v>
      </c>
      <c r="CA7" s="195">
        <v>3552</v>
      </c>
      <c r="CB7" s="190">
        <v>3</v>
      </c>
      <c r="CC7" s="191">
        <v>3</v>
      </c>
      <c r="CD7" s="196">
        <v>6</v>
      </c>
      <c r="CE7" s="193">
        <v>0</v>
      </c>
      <c r="CF7" s="191">
        <v>84</v>
      </c>
      <c r="CG7" s="191">
        <v>161</v>
      </c>
      <c r="CH7" s="191">
        <v>239</v>
      </c>
      <c r="CI7" s="191">
        <v>250</v>
      </c>
      <c r="CJ7" s="191">
        <v>87</v>
      </c>
      <c r="CK7" s="196">
        <v>821</v>
      </c>
      <c r="CL7" s="195">
        <v>827</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0</v>
      </c>
      <c r="D8" s="196">
        <v>0</v>
      </c>
      <c r="E8" s="207">
        <v>0</v>
      </c>
      <c r="F8" s="193">
        <v>0</v>
      </c>
      <c r="G8" s="191">
        <v>2336</v>
      </c>
      <c r="H8" s="191">
        <v>3521</v>
      </c>
      <c r="I8" s="191">
        <v>2854</v>
      </c>
      <c r="J8" s="191">
        <v>4476</v>
      </c>
      <c r="K8" s="191">
        <v>4896</v>
      </c>
      <c r="L8" s="194">
        <v>18083</v>
      </c>
      <c r="M8" s="195">
        <v>18083</v>
      </c>
      <c r="N8" s="190">
        <v>0</v>
      </c>
      <c r="O8" s="191">
        <v>0</v>
      </c>
      <c r="P8" s="196">
        <v>0</v>
      </c>
      <c r="Q8" s="193">
        <v>0</v>
      </c>
      <c r="R8" s="191">
        <v>18</v>
      </c>
      <c r="S8" s="191">
        <v>10</v>
      </c>
      <c r="T8" s="191">
        <v>54</v>
      </c>
      <c r="U8" s="191">
        <v>138</v>
      </c>
      <c r="V8" s="191">
        <v>137</v>
      </c>
      <c r="W8" s="196">
        <v>357</v>
      </c>
      <c r="X8" s="195">
        <v>357</v>
      </c>
      <c r="Y8" s="190">
        <v>310</v>
      </c>
      <c r="Z8" s="191">
        <v>724</v>
      </c>
      <c r="AA8" s="196">
        <v>1034</v>
      </c>
      <c r="AB8" s="193">
        <v>0</v>
      </c>
      <c r="AC8" s="191">
        <v>3154</v>
      </c>
      <c r="AD8" s="191">
        <v>2330</v>
      </c>
      <c r="AE8" s="191">
        <v>1935</v>
      </c>
      <c r="AF8" s="191">
        <v>1357</v>
      </c>
      <c r="AG8" s="191">
        <v>971</v>
      </c>
      <c r="AH8" s="196">
        <v>9747</v>
      </c>
      <c r="AI8" s="195">
        <v>10781</v>
      </c>
      <c r="AJ8" s="190">
        <v>32</v>
      </c>
      <c r="AK8" s="191">
        <v>65</v>
      </c>
      <c r="AL8" s="196">
        <v>97</v>
      </c>
      <c r="AM8" s="193">
        <v>0</v>
      </c>
      <c r="AN8" s="191">
        <v>247</v>
      </c>
      <c r="AO8" s="191">
        <v>248</v>
      </c>
      <c r="AP8" s="191">
        <v>144</v>
      </c>
      <c r="AQ8" s="191">
        <v>235</v>
      </c>
      <c r="AR8" s="191">
        <v>79</v>
      </c>
      <c r="AS8" s="196">
        <v>953</v>
      </c>
      <c r="AT8" s="195">
        <v>1050</v>
      </c>
      <c r="AU8" s="190">
        <v>0</v>
      </c>
      <c r="AV8" s="191">
        <v>0</v>
      </c>
      <c r="AW8" s="196">
        <v>0</v>
      </c>
      <c r="AX8" s="193">
        <v>0</v>
      </c>
      <c r="AY8" s="191">
        <v>2223</v>
      </c>
      <c r="AZ8" s="191">
        <v>1723</v>
      </c>
      <c r="BA8" s="191">
        <v>866</v>
      </c>
      <c r="BB8" s="191">
        <v>492</v>
      </c>
      <c r="BC8" s="191">
        <v>225</v>
      </c>
      <c r="BD8" s="194">
        <v>5529</v>
      </c>
      <c r="BE8" s="195">
        <v>5529</v>
      </c>
      <c r="BF8" s="190">
        <v>0</v>
      </c>
      <c r="BG8" s="191">
        <v>0</v>
      </c>
      <c r="BH8" s="196">
        <v>0</v>
      </c>
      <c r="BI8" s="193">
        <v>0</v>
      </c>
      <c r="BJ8" s="191">
        <v>501</v>
      </c>
      <c r="BK8" s="191">
        <v>541</v>
      </c>
      <c r="BL8" s="191">
        <v>300</v>
      </c>
      <c r="BM8" s="191">
        <v>199</v>
      </c>
      <c r="BN8" s="191">
        <v>37</v>
      </c>
      <c r="BO8" s="196">
        <v>1578</v>
      </c>
      <c r="BP8" s="195">
        <v>1578</v>
      </c>
      <c r="BQ8" s="190">
        <v>19</v>
      </c>
      <c r="BR8" s="191">
        <v>24</v>
      </c>
      <c r="BS8" s="196">
        <v>43</v>
      </c>
      <c r="BT8" s="193">
        <v>0</v>
      </c>
      <c r="BU8" s="191">
        <v>93</v>
      </c>
      <c r="BV8" s="191">
        <v>206</v>
      </c>
      <c r="BW8" s="191">
        <v>311</v>
      </c>
      <c r="BX8" s="191">
        <v>260</v>
      </c>
      <c r="BY8" s="191">
        <v>148</v>
      </c>
      <c r="BZ8" s="196">
        <v>1018</v>
      </c>
      <c r="CA8" s="195">
        <v>1061</v>
      </c>
      <c r="CB8" s="190">
        <v>0</v>
      </c>
      <c r="CC8" s="191">
        <v>0</v>
      </c>
      <c r="CD8" s="196">
        <v>0</v>
      </c>
      <c r="CE8" s="193">
        <v>0</v>
      </c>
      <c r="CF8" s="191">
        <v>28</v>
      </c>
      <c r="CG8" s="191">
        <v>54</v>
      </c>
      <c r="CH8" s="191">
        <v>58</v>
      </c>
      <c r="CI8" s="191">
        <v>53</v>
      </c>
      <c r="CJ8" s="191">
        <v>28</v>
      </c>
      <c r="CK8" s="196">
        <v>221</v>
      </c>
      <c r="CL8" s="195">
        <v>221</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6">
        <v>0</v>
      </c>
      <c r="E9" s="207">
        <v>0</v>
      </c>
      <c r="F9" s="193">
        <v>0</v>
      </c>
      <c r="G9" s="191">
        <v>483</v>
      </c>
      <c r="H9" s="191">
        <v>1713</v>
      </c>
      <c r="I9" s="191">
        <v>1318</v>
      </c>
      <c r="J9" s="191">
        <v>1036</v>
      </c>
      <c r="K9" s="191">
        <v>2175</v>
      </c>
      <c r="L9" s="194">
        <v>6725</v>
      </c>
      <c r="M9" s="195">
        <v>6725</v>
      </c>
      <c r="N9" s="190">
        <v>0</v>
      </c>
      <c r="O9" s="191">
        <v>0</v>
      </c>
      <c r="P9" s="196">
        <v>0</v>
      </c>
      <c r="Q9" s="193">
        <v>0</v>
      </c>
      <c r="R9" s="191">
        <v>0</v>
      </c>
      <c r="S9" s="191">
        <v>9</v>
      </c>
      <c r="T9" s="191">
        <v>20</v>
      </c>
      <c r="U9" s="191">
        <v>56</v>
      </c>
      <c r="V9" s="191">
        <v>67</v>
      </c>
      <c r="W9" s="196">
        <v>152</v>
      </c>
      <c r="X9" s="195">
        <v>152</v>
      </c>
      <c r="Y9" s="190">
        <v>42</v>
      </c>
      <c r="Z9" s="191">
        <v>160</v>
      </c>
      <c r="AA9" s="196">
        <v>202</v>
      </c>
      <c r="AB9" s="193">
        <v>0</v>
      </c>
      <c r="AC9" s="191">
        <v>426</v>
      </c>
      <c r="AD9" s="191">
        <v>800</v>
      </c>
      <c r="AE9" s="191">
        <v>550</v>
      </c>
      <c r="AF9" s="191">
        <v>399</v>
      </c>
      <c r="AG9" s="191">
        <v>421</v>
      </c>
      <c r="AH9" s="196">
        <v>2596</v>
      </c>
      <c r="AI9" s="195">
        <v>2798</v>
      </c>
      <c r="AJ9" s="190">
        <v>0</v>
      </c>
      <c r="AK9" s="191">
        <v>28</v>
      </c>
      <c r="AL9" s="196">
        <v>28</v>
      </c>
      <c r="AM9" s="193">
        <v>0</v>
      </c>
      <c r="AN9" s="191">
        <v>34</v>
      </c>
      <c r="AO9" s="191">
        <v>106</v>
      </c>
      <c r="AP9" s="191">
        <v>37</v>
      </c>
      <c r="AQ9" s="191">
        <v>22</v>
      </c>
      <c r="AR9" s="191">
        <v>8</v>
      </c>
      <c r="AS9" s="196">
        <v>207</v>
      </c>
      <c r="AT9" s="195">
        <v>235</v>
      </c>
      <c r="AU9" s="190">
        <v>0</v>
      </c>
      <c r="AV9" s="191">
        <v>0</v>
      </c>
      <c r="AW9" s="196">
        <v>0</v>
      </c>
      <c r="AX9" s="193">
        <v>0</v>
      </c>
      <c r="AY9" s="191">
        <v>747</v>
      </c>
      <c r="AZ9" s="191">
        <v>986</v>
      </c>
      <c r="BA9" s="191">
        <v>620</v>
      </c>
      <c r="BB9" s="191">
        <v>246</v>
      </c>
      <c r="BC9" s="191">
        <v>215</v>
      </c>
      <c r="BD9" s="194">
        <v>2814</v>
      </c>
      <c r="BE9" s="195">
        <v>2814</v>
      </c>
      <c r="BF9" s="190">
        <v>0</v>
      </c>
      <c r="BG9" s="191">
        <v>0</v>
      </c>
      <c r="BH9" s="196">
        <v>0</v>
      </c>
      <c r="BI9" s="193">
        <v>0</v>
      </c>
      <c r="BJ9" s="191">
        <v>52</v>
      </c>
      <c r="BK9" s="191">
        <v>148</v>
      </c>
      <c r="BL9" s="191">
        <v>103</v>
      </c>
      <c r="BM9" s="191">
        <v>69</v>
      </c>
      <c r="BN9" s="191">
        <v>9</v>
      </c>
      <c r="BO9" s="196">
        <v>381</v>
      </c>
      <c r="BP9" s="195">
        <v>381</v>
      </c>
      <c r="BQ9" s="190">
        <v>0</v>
      </c>
      <c r="BR9" s="191">
        <v>0</v>
      </c>
      <c r="BS9" s="196">
        <v>0</v>
      </c>
      <c r="BT9" s="193">
        <v>0</v>
      </c>
      <c r="BU9" s="191">
        <v>105</v>
      </c>
      <c r="BV9" s="191">
        <v>120</v>
      </c>
      <c r="BW9" s="191">
        <v>144</v>
      </c>
      <c r="BX9" s="191">
        <v>267</v>
      </c>
      <c r="BY9" s="191">
        <v>100</v>
      </c>
      <c r="BZ9" s="196">
        <v>736</v>
      </c>
      <c r="CA9" s="195">
        <v>736</v>
      </c>
      <c r="CB9" s="190">
        <v>0</v>
      </c>
      <c r="CC9" s="191">
        <v>0</v>
      </c>
      <c r="CD9" s="196">
        <v>0</v>
      </c>
      <c r="CE9" s="193">
        <v>0</v>
      </c>
      <c r="CF9" s="191">
        <v>7</v>
      </c>
      <c r="CG9" s="191">
        <v>0</v>
      </c>
      <c r="CH9" s="191">
        <v>0</v>
      </c>
      <c r="CI9" s="191">
        <v>0</v>
      </c>
      <c r="CJ9" s="191">
        <v>0</v>
      </c>
      <c r="CK9" s="196">
        <v>7</v>
      </c>
      <c r="CL9" s="195">
        <v>7</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6">
        <v>0</v>
      </c>
      <c r="E10" s="207">
        <v>0</v>
      </c>
      <c r="F10" s="193">
        <v>0</v>
      </c>
      <c r="G10" s="191">
        <v>904</v>
      </c>
      <c r="H10" s="191">
        <v>625</v>
      </c>
      <c r="I10" s="191">
        <v>727</v>
      </c>
      <c r="J10" s="191">
        <v>1258</v>
      </c>
      <c r="K10" s="191">
        <v>287</v>
      </c>
      <c r="L10" s="194">
        <v>3801</v>
      </c>
      <c r="M10" s="195">
        <v>3801</v>
      </c>
      <c r="N10" s="190">
        <v>0</v>
      </c>
      <c r="O10" s="191">
        <v>0</v>
      </c>
      <c r="P10" s="196">
        <v>0</v>
      </c>
      <c r="Q10" s="193">
        <v>0</v>
      </c>
      <c r="R10" s="191">
        <v>7</v>
      </c>
      <c r="S10" s="191">
        <v>0</v>
      </c>
      <c r="T10" s="191">
        <v>2</v>
      </c>
      <c r="U10" s="191">
        <v>41</v>
      </c>
      <c r="V10" s="191">
        <v>64</v>
      </c>
      <c r="W10" s="196">
        <v>114</v>
      </c>
      <c r="X10" s="195">
        <v>114</v>
      </c>
      <c r="Y10" s="190">
        <v>0</v>
      </c>
      <c r="Z10" s="191">
        <v>35</v>
      </c>
      <c r="AA10" s="196">
        <v>35</v>
      </c>
      <c r="AB10" s="193">
        <v>0</v>
      </c>
      <c r="AC10" s="191">
        <v>274</v>
      </c>
      <c r="AD10" s="191">
        <v>210</v>
      </c>
      <c r="AE10" s="191">
        <v>244</v>
      </c>
      <c r="AF10" s="191">
        <v>171</v>
      </c>
      <c r="AG10" s="191">
        <v>163</v>
      </c>
      <c r="AH10" s="196">
        <v>1062</v>
      </c>
      <c r="AI10" s="195">
        <v>1097</v>
      </c>
      <c r="AJ10" s="190">
        <v>10</v>
      </c>
      <c r="AK10" s="191">
        <v>0</v>
      </c>
      <c r="AL10" s="196">
        <v>10</v>
      </c>
      <c r="AM10" s="193">
        <v>0</v>
      </c>
      <c r="AN10" s="191">
        <v>60</v>
      </c>
      <c r="AO10" s="191">
        <v>83</v>
      </c>
      <c r="AP10" s="191">
        <v>55</v>
      </c>
      <c r="AQ10" s="191">
        <v>105</v>
      </c>
      <c r="AR10" s="191">
        <v>57</v>
      </c>
      <c r="AS10" s="196">
        <v>360</v>
      </c>
      <c r="AT10" s="195">
        <v>370</v>
      </c>
      <c r="AU10" s="190">
        <v>0</v>
      </c>
      <c r="AV10" s="191">
        <v>0</v>
      </c>
      <c r="AW10" s="196">
        <v>0</v>
      </c>
      <c r="AX10" s="193">
        <v>0</v>
      </c>
      <c r="AY10" s="191">
        <v>591</v>
      </c>
      <c r="AZ10" s="191">
        <v>324</v>
      </c>
      <c r="BA10" s="191">
        <v>157</v>
      </c>
      <c r="BB10" s="191">
        <v>129</v>
      </c>
      <c r="BC10" s="191">
        <v>29</v>
      </c>
      <c r="BD10" s="194">
        <v>1230</v>
      </c>
      <c r="BE10" s="195">
        <v>1230</v>
      </c>
      <c r="BF10" s="190">
        <v>0</v>
      </c>
      <c r="BG10" s="191">
        <v>0</v>
      </c>
      <c r="BH10" s="196">
        <v>0</v>
      </c>
      <c r="BI10" s="193">
        <v>0</v>
      </c>
      <c r="BJ10" s="191">
        <v>140</v>
      </c>
      <c r="BK10" s="191">
        <v>115</v>
      </c>
      <c r="BL10" s="191">
        <v>46</v>
      </c>
      <c r="BM10" s="191">
        <v>68</v>
      </c>
      <c r="BN10" s="191">
        <v>2</v>
      </c>
      <c r="BO10" s="196">
        <v>371</v>
      </c>
      <c r="BP10" s="195">
        <v>371</v>
      </c>
      <c r="BQ10" s="190">
        <v>0</v>
      </c>
      <c r="BR10" s="191">
        <v>0</v>
      </c>
      <c r="BS10" s="196">
        <v>0</v>
      </c>
      <c r="BT10" s="193">
        <v>0</v>
      </c>
      <c r="BU10" s="191">
        <v>81</v>
      </c>
      <c r="BV10" s="191">
        <v>72</v>
      </c>
      <c r="BW10" s="191">
        <v>32</v>
      </c>
      <c r="BX10" s="191">
        <v>116</v>
      </c>
      <c r="BY10" s="191">
        <v>20</v>
      </c>
      <c r="BZ10" s="196">
        <v>321</v>
      </c>
      <c r="CA10" s="195">
        <v>321</v>
      </c>
      <c r="CB10" s="190">
        <v>0</v>
      </c>
      <c r="CC10" s="191">
        <v>0</v>
      </c>
      <c r="CD10" s="196">
        <v>0</v>
      </c>
      <c r="CE10" s="193">
        <v>0</v>
      </c>
      <c r="CF10" s="191">
        <v>0</v>
      </c>
      <c r="CG10" s="191">
        <v>2</v>
      </c>
      <c r="CH10" s="191">
        <v>0</v>
      </c>
      <c r="CI10" s="191">
        <v>3</v>
      </c>
      <c r="CJ10" s="191">
        <v>0</v>
      </c>
      <c r="CK10" s="196">
        <v>5</v>
      </c>
      <c r="CL10" s="195">
        <v>5</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6">
        <v>0</v>
      </c>
      <c r="E11" s="207">
        <v>0</v>
      </c>
      <c r="F11" s="193">
        <v>0</v>
      </c>
      <c r="G11" s="191">
        <v>295</v>
      </c>
      <c r="H11" s="191">
        <v>396</v>
      </c>
      <c r="I11" s="191">
        <v>354</v>
      </c>
      <c r="J11" s="191">
        <v>556</v>
      </c>
      <c r="K11" s="191">
        <v>667</v>
      </c>
      <c r="L11" s="194">
        <v>2268</v>
      </c>
      <c r="M11" s="195">
        <v>2268</v>
      </c>
      <c r="N11" s="190">
        <v>0</v>
      </c>
      <c r="O11" s="191">
        <v>0</v>
      </c>
      <c r="P11" s="196">
        <v>0</v>
      </c>
      <c r="Q11" s="193">
        <v>0</v>
      </c>
      <c r="R11" s="191">
        <v>0</v>
      </c>
      <c r="S11" s="191">
        <v>0</v>
      </c>
      <c r="T11" s="191">
        <v>0</v>
      </c>
      <c r="U11" s="191">
        <v>1</v>
      </c>
      <c r="V11" s="191">
        <v>18</v>
      </c>
      <c r="W11" s="196">
        <v>19</v>
      </c>
      <c r="X11" s="195">
        <v>19</v>
      </c>
      <c r="Y11" s="190">
        <v>23</v>
      </c>
      <c r="Z11" s="191">
        <v>38</v>
      </c>
      <c r="AA11" s="196">
        <v>61</v>
      </c>
      <c r="AB11" s="193">
        <v>0</v>
      </c>
      <c r="AC11" s="191">
        <v>165</v>
      </c>
      <c r="AD11" s="191">
        <v>166</v>
      </c>
      <c r="AE11" s="191">
        <v>128</v>
      </c>
      <c r="AF11" s="191">
        <v>152</v>
      </c>
      <c r="AG11" s="191">
        <v>82</v>
      </c>
      <c r="AH11" s="196">
        <v>693</v>
      </c>
      <c r="AI11" s="195">
        <v>754</v>
      </c>
      <c r="AJ11" s="190">
        <v>0</v>
      </c>
      <c r="AK11" s="191">
        <v>36</v>
      </c>
      <c r="AL11" s="196">
        <v>36</v>
      </c>
      <c r="AM11" s="193">
        <v>0</v>
      </c>
      <c r="AN11" s="191">
        <v>110</v>
      </c>
      <c r="AO11" s="191">
        <v>102</v>
      </c>
      <c r="AP11" s="191">
        <v>38</v>
      </c>
      <c r="AQ11" s="191">
        <v>8</v>
      </c>
      <c r="AR11" s="191">
        <v>17</v>
      </c>
      <c r="AS11" s="196">
        <v>275</v>
      </c>
      <c r="AT11" s="195">
        <v>311</v>
      </c>
      <c r="AU11" s="190">
        <v>0</v>
      </c>
      <c r="AV11" s="191">
        <v>0</v>
      </c>
      <c r="AW11" s="196">
        <v>0</v>
      </c>
      <c r="AX11" s="193">
        <v>0</v>
      </c>
      <c r="AY11" s="191">
        <v>253</v>
      </c>
      <c r="AZ11" s="191">
        <v>294</v>
      </c>
      <c r="BA11" s="191">
        <v>144</v>
      </c>
      <c r="BB11" s="191">
        <v>55</v>
      </c>
      <c r="BC11" s="191">
        <v>50</v>
      </c>
      <c r="BD11" s="194">
        <v>796</v>
      </c>
      <c r="BE11" s="195">
        <v>796</v>
      </c>
      <c r="BF11" s="190">
        <v>0</v>
      </c>
      <c r="BG11" s="191">
        <v>0</v>
      </c>
      <c r="BH11" s="196">
        <v>0</v>
      </c>
      <c r="BI11" s="193">
        <v>0</v>
      </c>
      <c r="BJ11" s="191">
        <v>122</v>
      </c>
      <c r="BK11" s="191">
        <v>58</v>
      </c>
      <c r="BL11" s="191">
        <v>95</v>
      </c>
      <c r="BM11" s="191">
        <v>64</v>
      </c>
      <c r="BN11" s="191">
        <v>20</v>
      </c>
      <c r="BO11" s="196">
        <v>359</v>
      </c>
      <c r="BP11" s="195">
        <v>359</v>
      </c>
      <c r="BQ11" s="190">
        <v>0</v>
      </c>
      <c r="BR11" s="191">
        <v>0</v>
      </c>
      <c r="BS11" s="196">
        <v>0</v>
      </c>
      <c r="BT11" s="193">
        <v>0</v>
      </c>
      <c r="BU11" s="191">
        <v>55</v>
      </c>
      <c r="BV11" s="191">
        <v>96</v>
      </c>
      <c r="BW11" s="191">
        <v>166</v>
      </c>
      <c r="BX11" s="191">
        <v>16</v>
      </c>
      <c r="BY11" s="191">
        <v>67</v>
      </c>
      <c r="BZ11" s="196">
        <v>400</v>
      </c>
      <c r="CA11" s="195">
        <v>400</v>
      </c>
      <c r="CB11" s="190">
        <v>0</v>
      </c>
      <c r="CC11" s="191">
        <v>0</v>
      </c>
      <c r="CD11" s="196">
        <v>0</v>
      </c>
      <c r="CE11" s="193">
        <v>0</v>
      </c>
      <c r="CF11" s="191">
        <v>0</v>
      </c>
      <c r="CG11" s="191">
        <v>0</v>
      </c>
      <c r="CH11" s="191">
        <v>0</v>
      </c>
      <c r="CI11" s="191">
        <v>33</v>
      </c>
      <c r="CJ11" s="191">
        <v>7</v>
      </c>
      <c r="CK11" s="196">
        <v>40</v>
      </c>
      <c r="CL11" s="195">
        <v>40</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6">
        <v>0</v>
      </c>
      <c r="E12" s="207">
        <v>0</v>
      </c>
      <c r="F12" s="193">
        <v>0</v>
      </c>
      <c r="G12" s="191">
        <v>753</v>
      </c>
      <c r="H12" s="191">
        <v>516</v>
      </c>
      <c r="I12" s="191">
        <v>1371</v>
      </c>
      <c r="J12" s="191">
        <v>1604</v>
      </c>
      <c r="K12" s="191">
        <v>1007</v>
      </c>
      <c r="L12" s="194">
        <v>5251</v>
      </c>
      <c r="M12" s="195">
        <v>5251</v>
      </c>
      <c r="N12" s="190">
        <v>0</v>
      </c>
      <c r="O12" s="191">
        <v>0</v>
      </c>
      <c r="P12" s="196">
        <v>0</v>
      </c>
      <c r="Q12" s="193">
        <v>0</v>
      </c>
      <c r="R12" s="191">
        <v>3</v>
      </c>
      <c r="S12" s="191">
        <v>2</v>
      </c>
      <c r="T12" s="191">
        <v>5</v>
      </c>
      <c r="U12" s="191">
        <v>31</v>
      </c>
      <c r="V12" s="191">
        <v>47</v>
      </c>
      <c r="W12" s="196">
        <v>88</v>
      </c>
      <c r="X12" s="195">
        <v>88</v>
      </c>
      <c r="Y12" s="190">
        <v>97</v>
      </c>
      <c r="Z12" s="191">
        <v>139</v>
      </c>
      <c r="AA12" s="196">
        <v>236</v>
      </c>
      <c r="AB12" s="193">
        <v>0</v>
      </c>
      <c r="AC12" s="191">
        <v>495</v>
      </c>
      <c r="AD12" s="191">
        <v>580</v>
      </c>
      <c r="AE12" s="191">
        <v>320</v>
      </c>
      <c r="AF12" s="191">
        <v>350</v>
      </c>
      <c r="AG12" s="191">
        <v>239</v>
      </c>
      <c r="AH12" s="196">
        <v>1984</v>
      </c>
      <c r="AI12" s="195">
        <v>2220</v>
      </c>
      <c r="AJ12" s="190">
        <v>4</v>
      </c>
      <c r="AK12" s="191">
        <v>10</v>
      </c>
      <c r="AL12" s="196">
        <v>14</v>
      </c>
      <c r="AM12" s="193">
        <v>0</v>
      </c>
      <c r="AN12" s="191">
        <v>28</v>
      </c>
      <c r="AO12" s="191">
        <v>115</v>
      </c>
      <c r="AP12" s="191">
        <v>52</v>
      </c>
      <c r="AQ12" s="191">
        <v>83</v>
      </c>
      <c r="AR12" s="191">
        <v>44</v>
      </c>
      <c r="AS12" s="196">
        <v>322</v>
      </c>
      <c r="AT12" s="195">
        <v>336</v>
      </c>
      <c r="AU12" s="190">
        <v>0</v>
      </c>
      <c r="AV12" s="191">
        <v>0</v>
      </c>
      <c r="AW12" s="196">
        <v>0</v>
      </c>
      <c r="AX12" s="193">
        <v>0</v>
      </c>
      <c r="AY12" s="191">
        <v>497</v>
      </c>
      <c r="AZ12" s="191">
        <v>270</v>
      </c>
      <c r="BA12" s="191">
        <v>194</v>
      </c>
      <c r="BB12" s="191">
        <v>108</v>
      </c>
      <c r="BC12" s="191">
        <v>21</v>
      </c>
      <c r="BD12" s="194">
        <v>1090</v>
      </c>
      <c r="BE12" s="195">
        <v>1090</v>
      </c>
      <c r="BF12" s="190">
        <v>0</v>
      </c>
      <c r="BG12" s="191">
        <v>0</v>
      </c>
      <c r="BH12" s="196">
        <v>0</v>
      </c>
      <c r="BI12" s="193">
        <v>0</v>
      </c>
      <c r="BJ12" s="191">
        <v>125</v>
      </c>
      <c r="BK12" s="191">
        <v>93</v>
      </c>
      <c r="BL12" s="191">
        <v>104</v>
      </c>
      <c r="BM12" s="191">
        <v>50</v>
      </c>
      <c r="BN12" s="191">
        <v>35</v>
      </c>
      <c r="BO12" s="196">
        <v>407</v>
      </c>
      <c r="BP12" s="195">
        <v>407</v>
      </c>
      <c r="BQ12" s="190">
        <v>0</v>
      </c>
      <c r="BR12" s="191">
        <v>0</v>
      </c>
      <c r="BS12" s="196">
        <v>0</v>
      </c>
      <c r="BT12" s="193">
        <v>0</v>
      </c>
      <c r="BU12" s="191">
        <v>72</v>
      </c>
      <c r="BV12" s="191">
        <v>75</v>
      </c>
      <c r="BW12" s="191">
        <v>150</v>
      </c>
      <c r="BX12" s="191">
        <v>70</v>
      </c>
      <c r="BY12" s="191">
        <v>58</v>
      </c>
      <c r="BZ12" s="196">
        <v>425</v>
      </c>
      <c r="CA12" s="195">
        <v>425</v>
      </c>
      <c r="CB12" s="190">
        <v>0</v>
      </c>
      <c r="CC12" s="191">
        <v>0</v>
      </c>
      <c r="CD12" s="196">
        <v>0</v>
      </c>
      <c r="CE12" s="193">
        <v>0</v>
      </c>
      <c r="CF12" s="191">
        <v>0</v>
      </c>
      <c r="CG12" s="191">
        <v>0</v>
      </c>
      <c r="CH12" s="191">
        <v>33</v>
      </c>
      <c r="CI12" s="191">
        <v>58</v>
      </c>
      <c r="CJ12" s="191">
        <v>0</v>
      </c>
      <c r="CK12" s="196">
        <v>91</v>
      </c>
      <c r="CL12" s="195">
        <v>91</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6">
        <v>0</v>
      </c>
      <c r="E13" s="207">
        <v>0</v>
      </c>
      <c r="F13" s="193">
        <v>0</v>
      </c>
      <c r="G13" s="191">
        <v>1215</v>
      </c>
      <c r="H13" s="191">
        <v>1704</v>
      </c>
      <c r="I13" s="191">
        <v>2294</v>
      </c>
      <c r="J13" s="191">
        <v>2155</v>
      </c>
      <c r="K13" s="191">
        <v>1089</v>
      </c>
      <c r="L13" s="194">
        <v>8457</v>
      </c>
      <c r="M13" s="195">
        <v>8457</v>
      </c>
      <c r="N13" s="190">
        <v>0</v>
      </c>
      <c r="O13" s="191">
        <v>0</v>
      </c>
      <c r="P13" s="196">
        <v>0</v>
      </c>
      <c r="Q13" s="193">
        <v>0</v>
      </c>
      <c r="R13" s="191">
        <v>0</v>
      </c>
      <c r="S13" s="191">
        <v>15</v>
      </c>
      <c r="T13" s="191">
        <v>21</v>
      </c>
      <c r="U13" s="191">
        <v>37</v>
      </c>
      <c r="V13" s="191">
        <v>31</v>
      </c>
      <c r="W13" s="196">
        <v>104</v>
      </c>
      <c r="X13" s="195">
        <v>104</v>
      </c>
      <c r="Y13" s="190">
        <v>132</v>
      </c>
      <c r="Z13" s="191">
        <v>273</v>
      </c>
      <c r="AA13" s="196">
        <v>405</v>
      </c>
      <c r="AB13" s="193">
        <v>0</v>
      </c>
      <c r="AC13" s="191">
        <v>648</v>
      </c>
      <c r="AD13" s="191">
        <v>598</v>
      </c>
      <c r="AE13" s="191">
        <v>256</v>
      </c>
      <c r="AF13" s="191">
        <v>420</v>
      </c>
      <c r="AG13" s="191">
        <v>181</v>
      </c>
      <c r="AH13" s="196">
        <v>2103</v>
      </c>
      <c r="AI13" s="195">
        <v>2508</v>
      </c>
      <c r="AJ13" s="190">
        <v>6</v>
      </c>
      <c r="AK13" s="191">
        <v>38</v>
      </c>
      <c r="AL13" s="196">
        <v>44</v>
      </c>
      <c r="AM13" s="193">
        <v>0</v>
      </c>
      <c r="AN13" s="191">
        <v>115</v>
      </c>
      <c r="AO13" s="191">
        <v>84</v>
      </c>
      <c r="AP13" s="191">
        <v>35</v>
      </c>
      <c r="AQ13" s="191">
        <v>8</v>
      </c>
      <c r="AR13" s="191">
        <v>24</v>
      </c>
      <c r="AS13" s="196">
        <v>266</v>
      </c>
      <c r="AT13" s="195">
        <v>310</v>
      </c>
      <c r="AU13" s="190">
        <v>0</v>
      </c>
      <c r="AV13" s="191">
        <v>0</v>
      </c>
      <c r="AW13" s="196">
        <v>0</v>
      </c>
      <c r="AX13" s="193">
        <v>0</v>
      </c>
      <c r="AY13" s="191">
        <v>896</v>
      </c>
      <c r="AZ13" s="191">
        <v>502</v>
      </c>
      <c r="BA13" s="191">
        <v>350</v>
      </c>
      <c r="BB13" s="191">
        <v>171</v>
      </c>
      <c r="BC13" s="191">
        <v>75</v>
      </c>
      <c r="BD13" s="194">
        <v>1994</v>
      </c>
      <c r="BE13" s="195">
        <v>1994</v>
      </c>
      <c r="BF13" s="190">
        <v>0</v>
      </c>
      <c r="BG13" s="191">
        <v>0</v>
      </c>
      <c r="BH13" s="196">
        <v>0</v>
      </c>
      <c r="BI13" s="193">
        <v>0</v>
      </c>
      <c r="BJ13" s="191">
        <v>136</v>
      </c>
      <c r="BK13" s="191">
        <v>135</v>
      </c>
      <c r="BL13" s="191">
        <v>111</v>
      </c>
      <c r="BM13" s="191">
        <v>23</v>
      </c>
      <c r="BN13" s="191">
        <v>9</v>
      </c>
      <c r="BO13" s="196">
        <v>414</v>
      </c>
      <c r="BP13" s="195">
        <v>414</v>
      </c>
      <c r="BQ13" s="190">
        <v>0</v>
      </c>
      <c r="BR13" s="191">
        <v>10</v>
      </c>
      <c r="BS13" s="196">
        <v>10</v>
      </c>
      <c r="BT13" s="193">
        <v>0</v>
      </c>
      <c r="BU13" s="191">
        <v>112</v>
      </c>
      <c r="BV13" s="191">
        <v>84</v>
      </c>
      <c r="BW13" s="191">
        <v>136</v>
      </c>
      <c r="BX13" s="191">
        <v>138</v>
      </c>
      <c r="BY13" s="191">
        <v>26</v>
      </c>
      <c r="BZ13" s="196">
        <v>496</v>
      </c>
      <c r="CA13" s="195">
        <v>506</v>
      </c>
      <c r="CB13" s="190">
        <v>0</v>
      </c>
      <c r="CC13" s="191">
        <v>0</v>
      </c>
      <c r="CD13" s="196">
        <v>0</v>
      </c>
      <c r="CE13" s="193">
        <v>0</v>
      </c>
      <c r="CF13" s="191">
        <v>0</v>
      </c>
      <c r="CG13" s="191">
        <v>2</v>
      </c>
      <c r="CH13" s="191">
        <v>11</v>
      </c>
      <c r="CI13" s="191">
        <v>1</v>
      </c>
      <c r="CJ13" s="191">
        <v>4</v>
      </c>
      <c r="CK13" s="196">
        <v>18</v>
      </c>
      <c r="CL13" s="195">
        <v>18</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6">
        <v>0</v>
      </c>
      <c r="E14" s="207">
        <v>0</v>
      </c>
      <c r="F14" s="193">
        <v>0</v>
      </c>
      <c r="G14" s="191">
        <v>184</v>
      </c>
      <c r="H14" s="191">
        <v>194</v>
      </c>
      <c r="I14" s="191">
        <v>244</v>
      </c>
      <c r="J14" s="191">
        <v>223</v>
      </c>
      <c r="K14" s="191">
        <v>283</v>
      </c>
      <c r="L14" s="194">
        <v>1128</v>
      </c>
      <c r="M14" s="195">
        <v>1128</v>
      </c>
      <c r="N14" s="190">
        <v>0</v>
      </c>
      <c r="O14" s="191">
        <v>0</v>
      </c>
      <c r="P14" s="196">
        <v>0</v>
      </c>
      <c r="Q14" s="193">
        <v>0</v>
      </c>
      <c r="R14" s="191">
        <v>0</v>
      </c>
      <c r="S14" s="191">
        <v>2</v>
      </c>
      <c r="T14" s="191">
        <v>5</v>
      </c>
      <c r="U14" s="191">
        <v>21</v>
      </c>
      <c r="V14" s="191">
        <v>5</v>
      </c>
      <c r="W14" s="196">
        <v>33</v>
      </c>
      <c r="X14" s="195">
        <v>33</v>
      </c>
      <c r="Y14" s="190">
        <v>16</v>
      </c>
      <c r="Z14" s="191">
        <v>35</v>
      </c>
      <c r="AA14" s="196">
        <v>51</v>
      </c>
      <c r="AB14" s="193">
        <v>0</v>
      </c>
      <c r="AC14" s="191">
        <v>378</v>
      </c>
      <c r="AD14" s="191">
        <v>258</v>
      </c>
      <c r="AE14" s="191">
        <v>95</v>
      </c>
      <c r="AF14" s="191">
        <v>150</v>
      </c>
      <c r="AG14" s="191">
        <v>54</v>
      </c>
      <c r="AH14" s="196">
        <v>935</v>
      </c>
      <c r="AI14" s="195">
        <v>986</v>
      </c>
      <c r="AJ14" s="190">
        <v>0</v>
      </c>
      <c r="AK14" s="191">
        <v>6</v>
      </c>
      <c r="AL14" s="196">
        <v>6</v>
      </c>
      <c r="AM14" s="193">
        <v>0</v>
      </c>
      <c r="AN14" s="191">
        <v>8</v>
      </c>
      <c r="AO14" s="191">
        <v>55</v>
      </c>
      <c r="AP14" s="191">
        <v>24</v>
      </c>
      <c r="AQ14" s="191">
        <v>12</v>
      </c>
      <c r="AR14" s="191">
        <v>21</v>
      </c>
      <c r="AS14" s="196">
        <v>120</v>
      </c>
      <c r="AT14" s="195">
        <v>126</v>
      </c>
      <c r="AU14" s="190">
        <v>0</v>
      </c>
      <c r="AV14" s="191">
        <v>0</v>
      </c>
      <c r="AW14" s="196">
        <v>0</v>
      </c>
      <c r="AX14" s="193">
        <v>0</v>
      </c>
      <c r="AY14" s="191">
        <v>168</v>
      </c>
      <c r="AZ14" s="191">
        <v>141</v>
      </c>
      <c r="BA14" s="191">
        <v>113</v>
      </c>
      <c r="BB14" s="191">
        <v>57</v>
      </c>
      <c r="BC14" s="191">
        <v>21</v>
      </c>
      <c r="BD14" s="194">
        <v>500</v>
      </c>
      <c r="BE14" s="195">
        <v>500</v>
      </c>
      <c r="BF14" s="190">
        <v>0</v>
      </c>
      <c r="BG14" s="191">
        <v>0</v>
      </c>
      <c r="BH14" s="196">
        <v>0</v>
      </c>
      <c r="BI14" s="193">
        <v>0</v>
      </c>
      <c r="BJ14" s="191">
        <v>79</v>
      </c>
      <c r="BK14" s="191">
        <v>58</v>
      </c>
      <c r="BL14" s="191">
        <v>74</v>
      </c>
      <c r="BM14" s="191">
        <v>10</v>
      </c>
      <c r="BN14" s="191">
        <v>5</v>
      </c>
      <c r="BO14" s="196">
        <v>226</v>
      </c>
      <c r="BP14" s="195">
        <v>226</v>
      </c>
      <c r="BQ14" s="190">
        <v>0</v>
      </c>
      <c r="BR14" s="191">
        <v>0</v>
      </c>
      <c r="BS14" s="196">
        <v>0</v>
      </c>
      <c r="BT14" s="193">
        <v>0</v>
      </c>
      <c r="BU14" s="191">
        <v>17</v>
      </c>
      <c r="BV14" s="191">
        <v>23</v>
      </c>
      <c r="BW14" s="191">
        <v>2</v>
      </c>
      <c r="BX14" s="191">
        <v>10</v>
      </c>
      <c r="BY14" s="191">
        <v>20</v>
      </c>
      <c r="BZ14" s="196">
        <v>72</v>
      </c>
      <c r="CA14" s="195">
        <v>72</v>
      </c>
      <c r="CB14" s="190">
        <v>0</v>
      </c>
      <c r="CC14" s="191">
        <v>0</v>
      </c>
      <c r="CD14" s="196">
        <v>0</v>
      </c>
      <c r="CE14" s="193">
        <v>0</v>
      </c>
      <c r="CF14" s="191">
        <v>0</v>
      </c>
      <c r="CG14" s="191">
        <v>0</v>
      </c>
      <c r="CH14" s="191">
        <v>15</v>
      </c>
      <c r="CI14" s="191">
        <v>5</v>
      </c>
      <c r="CJ14" s="191">
        <v>25</v>
      </c>
      <c r="CK14" s="196">
        <v>45</v>
      </c>
      <c r="CL14" s="195">
        <v>45</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6">
        <v>0</v>
      </c>
      <c r="E15" s="207">
        <v>0</v>
      </c>
      <c r="F15" s="193">
        <v>0</v>
      </c>
      <c r="G15" s="191">
        <v>486</v>
      </c>
      <c r="H15" s="191">
        <v>909</v>
      </c>
      <c r="I15" s="191">
        <v>644</v>
      </c>
      <c r="J15" s="191">
        <v>890</v>
      </c>
      <c r="K15" s="191">
        <v>758</v>
      </c>
      <c r="L15" s="194">
        <v>3687</v>
      </c>
      <c r="M15" s="195">
        <v>3687</v>
      </c>
      <c r="N15" s="190">
        <v>0</v>
      </c>
      <c r="O15" s="191">
        <v>0</v>
      </c>
      <c r="P15" s="196">
        <v>0</v>
      </c>
      <c r="Q15" s="193">
        <v>0</v>
      </c>
      <c r="R15" s="191">
        <v>0</v>
      </c>
      <c r="S15" s="191">
        <v>5</v>
      </c>
      <c r="T15" s="191">
        <v>4</v>
      </c>
      <c r="U15" s="191">
        <v>22</v>
      </c>
      <c r="V15" s="191">
        <v>8</v>
      </c>
      <c r="W15" s="196">
        <v>39</v>
      </c>
      <c r="X15" s="195">
        <v>39</v>
      </c>
      <c r="Y15" s="190">
        <v>63</v>
      </c>
      <c r="Z15" s="191">
        <v>202</v>
      </c>
      <c r="AA15" s="196">
        <v>265</v>
      </c>
      <c r="AB15" s="193">
        <v>0</v>
      </c>
      <c r="AC15" s="191">
        <v>183</v>
      </c>
      <c r="AD15" s="191">
        <v>322</v>
      </c>
      <c r="AE15" s="191">
        <v>131</v>
      </c>
      <c r="AF15" s="191">
        <v>255</v>
      </c>
      <c r="AG15" s="191">
        <v>100</v>
      </c>
      <c r="AH15" s="196">
        <v>991</v>
      </c>
      <c r="AI15" s="195">
        <v>1256</v>
      </c>
      <c r="AJ15" s="190">
        <v>12</v>
      </c>
      <c r="AK15" s="191">
        <v>26</v>
      </c>
      <c r="AL15" s="196">
        <v>38</v>
      </c>
      <c r="AM15" s="193">
        <v>0</v>
      </c>
      <c r="AN15" s="191">
        <v>8</v>
      </c>
      <c r="AO15" s="191">
        <v>21</v>
      </c>
      <c r="AP15" s="191">
        <v>0</v>
      </c>
      <c r="AQ15" s="191">
        <v>34</v>
      </c>
      <c r="AR15" s="191">
        <v>0</v>
      </c>
      <c r="AS15" s="196">
        <v>63</v>
      </c>
      <c r="AT15" s="195">
        <v>101</v>
      </c>
      <c r="AU15" s="190">
        <v>0</v>
      </c>
      <c r="AV15" s="191">
        <v>0</v>
      </c>
      <c r="AW15" s="196">
        <v>0</v>
      </c>
      <c r="AX15" s="193">
        <v>0</v>
      </c>
      <c r="AY15" s="191">
        <v>374</v>
      </c>
      <c r="AZ15" s="191">
        <v>331</v>
      </c>
      <c r="BA15" s="191">
        <v>126</v>
      </c>
      <c r="BB15" s="191">
        <v>103</v>
      </c>
      <c r="BC15" s="191">
        <v>63</v>
      </c>
      <c r="BD15" s="194">
        <v>997</v>
      </c>
      <c r="BE15" s="195">
        <v>997</v>
      </c>
      <c r="BF15" s="190">
        <v>0</v>
      </c>
      <c r="BG15" s="191">
        <v>0</v>
      </c>
      <c r="BH15" s="196">
        <v>0</v>
      </c>
      <c r="BI15" s="193">
        <v>0</v>
      </c>
      <c r="BJ15" s="191">
        <v>65</v>
      </c>
      <c r="BK15" s="191">
        <v>65</v>
      </c>
      <c r="BL15" s="191">
        <v>57</v>
      </c>
      <c r="BM15" s="191">
        <v>57</v>
      </c>
      <c r="BN15" s="191">
        <v>9</v>
      </c>
      <c r="BO15" s="196">
        <v>253</v>
      </c>
      <c r="BP15" s="195">
        <v>253</v>
      </c>
      <c r="BQ15" s="190">
        <v>0</v>
      </c>
      <c r="BR15" s="191">
        <v>0</v>
      </c>
      <c r="BS15" s="196">
        <v>0</v>
      </c>
      <c r="BT15" s="193">
        <v>0</v>
      </c>
      <c r="BU15" s="191">
        <v>64</v>
      </c>
      <c r="BV15" s="191">
        <v>80</v>
      </c>
      <c r="BW15" s="191">
        <v>68</v>
      </c>
      <c r="BX15" s="191">
        <v>139</v>
      </c>
      <c r="BY15" s="191">
        <v>2</v>
      </c>
      <c r="BZ15" s="196">
        <v>353</v>
      </c>
      <c r="CA15" s="195">
        <v>353</v>
      </c>
      <c r="CB15" s="190">
        <v>0</v>
      </c>
      <c r="CC15" s="191">
        <v>0</v>
      </c>
      <c r="CD15" s="196">
        <v>0</v>
      </c>
      <c r="CE15" s="193">
        <v>0</v>
      </c>
      <c r="CF15" s="191">
        <v>21</v>
      </c>
      <c r="CG15" s="191">
        <v>0</v>
      </c>
      <c r="CH15" s="191">
        <v>2</v>
      </c>
      <c r="CI15" s="191">
        <v>4</v>
      </c>
      <c r="CJ15" s="191">
        <v>0</v>
      </c>
      <c r="CK15" s="196">
        <v>27</v>
      </c>
      <c r="CL15" s="195">
        <v>27</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6">
        <v>0</v>
      </c>
      <c r="E16" s="207">
        <v>0</v>
      </c>
      <c r="F16" s="193">
        <v>0</v>
      </c>
      <c r="G16" s="191">
        <v>282</v>
      </c>
      <c r="H16" s="191">
        <v>637</v>
      </c>
      <c r="I16" s="191">
        <v>301</v>
      </c>
      <c r="J16" s="191">
        <v>385</v>
      </c>
      <c r="K16" s="191">
        <v>1089</v>
      </c>
      <c r="L16" s="194">
        <v>2694</v>
      </c>
      <c r="M16" s="195">
        <v>2694</v>
      </c>
      <c r="N16" s="190">
        <v>0</v>
      </c>
      <c r="O16" s="191">
        <v>0</v>
      </c>
      <c r="P16" s="196">
        <v>0</v>
      </c>
      <c r="Q16" s="193">
        <v>0</v>
      </c>
      <c r="R16" s="191">
        <v>0</v>
      </c>
      <c r="S16" s="191">
        <v>5</v>
      </c>
      <c r="T16" s="191">
        <v>0</v>
      </c>
      <c r="U16" s="191">
        <v>4</v>
      </c>
      <c r="V16" s="191">
        <v>14</v>
      </c>
      <c r="W16" s="196">
        <v>23</v>
      </c>
      <c r="X16" s="195">
        <v>23</v>
      </c>
      <c r="Y16" s="190">
        <v>11</v>
      </c>
      <c r="Z16" s="191">
        <v>21</v>
      </c>
      <c r="AA16" s="196">
        <v>32</v>
      </c>
      <c r="AB16" s="193">
        <v>0</v>
      </c>
      <c r="AC16" s="191">
        <v>230</v>
      </c>
      <c r="AD16" s="191">
        <v>226</v>
      </c>
      <c r="AE16" s="191">
        <v>184</v>
      </c>
      <c r="AF16" s="191">
        <v>38</v>
      </c>
      <c r="AG16" s="191">
        <v>50</v>
      </c>
      <c r="AH16" s="196">
        <v>728</v>
      </c>
      <c r="AI16" s="195">
        <v>760</v>
      </c>
      <c r="AJ16" s="190">
        <v>0</v>
      </c>
      <c r="AK16" s="191">
        <v>0</v>
      </c>
      <c r="AL16" s="196">
        <v>0</v>
      </c>
      <c r="AM16" s="193">
        <v>0</v>
      </c>
      <c r="AN16" s="191">
        <v>8</v>
      </c>
      <c r="AO16" s="191">
        <v>15</v>
      </c>
      <c r="AP16" s="191">
        <v>12</v>
      </c>
      <c r="AQ16" s="191">
        <v>4</v>
      </c>
      <c r="AR16" s="191">
        <v>51</v>
      </c>
      <c r="AS16" s="196">
        <v>90</v>
      </c>
      <c r="AT16" s="195">
        <v>90</v>
      </c>
      <c r="AU16" s="190">
        <v>0</v>
      </c>
      <c r="AV16" s="191">
        <v>0</v>
      </c>
      <c r="AW16" s="196">
        <v>0</v>
      </c>
      <c r="AX16" s="193">
        <v>0</v>
      </c>
      <c r="AY16" s="191">
        <v>137</v>
      </c>
      <c r="AZ16" s="191">
        <v>124</v>
      </c>
      <c r="BA16" s="191">
        <v>56</v>
      </c>
      <c r="BB16" s="191">
        <v>15</v>
      </c>
      <c r="BC16" s="191">
        <v>0</v>
      </c>
      <c r="BD16" s="194">
        <v>332</v>
      </c>
      <c r="BE16" s="195">
        <v>332</v>
      </c>
      <c r="BF16" s="190">
        <v>0</v>
      </c>
      <c r="BG16" s="191">
        <v>0</v>
      </c>
      <c r="BH16" s="196">
        <v>0</v>
      </c>
      <c r="BI16" s="193">
        <v>0</v>
      </c>
      <c r="BJ16" s="191">
        <v>17</v>
      </c>
      <c r="BK16" s="191">
        <v>45</v>
      </c>
      <c r="BL16" s="191">
        <v>18</v>
      </c>
      <c r="BM16" s="191">
        <v>49</v>
      </c>
      <c r="BN16" s="191">
        <v>6</v>
      </c>
      <c r="BO16" s="196">
        <v>135</v>
      </c>
      <c r="BP16" s="195">
        <v>135</v>
      </c>
      <c r="BQ16" s="190">
        <v>0</v>
      </c>
      <c r="BR16" s="191">
        <v>0</v>
      </c>
      <c r="BS16" s="196">
        <v>0</v>
      </c>
      <c r="BT16" s="193">
        <v>0</v>
      </c>
      <c r="BU16" s="191">
        <v>0</v>
      </c>
      <c r="BV16" s="191">
        <v>25</v>
      </c>
      <c r="BW16" s="191">
        <v>0</v>
      </c>
      <c r="BX16" s="191">
        <v>28</v>
      </c>
      <c r="BY16" s="191">
        <v>0</v>
      </c>
      <c r="BZ16" s="196">
        <v>53</v>
      </c>
      <c r="CA16" s="195">
        <v>53</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6">
        <v>0</v>
      </c>
      <c r="E17" s="207">
        <v>0</v>
      </c>
      <c r="F17" s="193">
        <v>0</v>
      </c>
      <c r="G17" s="191">
        <v>59</v>
      </c>
      <c r="H17" s="191">
        <v>97</v>
      </c>
      <c r="I17" s="191">
        <v>9</v>
      </c>
      <c r="J17" s="191">
        <v>169</v>
      </c>
      <c r="K17" s="191">
        <v>22</v>
      </c>
      <c r="L17" s="194">
        <v>356</v>
      </c>
      <c r="M17" s="195">
        <v>356</v>
      </c>
      <c r="N17" s="190">
        <v>0</v>
      </c>
      <c r="O17" s="191">
        <v>0</v>
      </c>
      <c r="P17" s="196">
        <v>0</v>
      </c>
      <c r="Q17" s="193">
        <v>0</v>
      </c>
      <c r="R17" s="191">
        <v>1</v>
      </c>
      <c r="S17" s="191">
        <v>0</v>
      </c>
      <c r="T17" s="191">
        <v>5</v>
      </c>
      <c r="U17" s="191">
        <v>2</v>
      </c>
      <c r="V17" s="191">
        <v>14</v>
      </c>
      <c r="W17" s="196">
        <v>22</v>
      </c>
      <c r="X17" s="195">
        <v>22</v>
      </c>
      <c r="Y17" s="190">
        <v>0</v>
      </c>
      <c r="Z17" s="191">
        <v>20</v>
      </c>
      <c r="AA17" s="196">
        <v>20</v>
      </c>
      <c r="AB17" s="193">
        <v>0</v>
      </c>
      <c r="AC17" s="191">
        <v>48</v>
      </c>
      <c r="AD17" s="191">
        <v>28</v>
      </c>
      <c r="AE17" s="191">
        <v>-44</v>
      </c>
      <c r="AF17" s="191">
        <v>27</v>
      </c>
      <c r="AG17" s="191">
        <v>49</v>
      </c>
      <c r="AH17" s="196">
        <v>108</v>
      </c>
      <c r="AI17" s="195">
        <v>128</v>
      </c>
      <c r="AJ17" s="190">
        <v>0</v>
      </c>
      <c r="AK17" s="191">
        <v>0</v>
      </c>
      <c r="AL17" s="196">
        <v>0</v>
      </c>
      <c r="AM17" s="193">
        <v>0</v>
      </c>
      <c r="AN17" s="191">
        <v>12</v>
      </c>
      <c r="AO17" s="191">
        <v>15</v>
      </c>
      <c r="AP17" s="191">
        <v>0</v>
      </c>
      <c r="AQ17" s="191">
        <v>0</v>
      </c>
      <c r="AR17" s="191">
        <v>15</v>
      </c>
      <c r="AS17" s="196">
        <v>42</v>
      </c>
      <c r="AT17" s="195">
        <v>42</v>
      </c>
      <c r="AU17" s="190">
        <v>0</v>
      </c>
      <c r="AV17" s="191">
        <v>0</v>
      </c>
      <c r="AW17" s="196">
        <v>0</v>
      </c>
      <c r="AX17" s="193">
        <v>0</v>
      </c>
      <c r="AY17" s="191">
        <v>15</v>
      </c>
      <c r="AZ17" s="191">
        <v>20</v>
      </c>
      <c r="BA17" s="191">
        <v>42</v>
      </c>
      <c r="BB17" s="191">
        <v>4</v>
      </c>
      <c r="BC17" s="191">
        <v>0</v>
      </c>
      <c r="BD17" s="194">
        <v>81</v>
      </c>
      <c r="BE17" s="195">
        <v>81</v>
      </c>
      <c r="BF17" s="190">
        <v>0</v>
      </c>
      <c r="BG17" s="191">
        <v>0</v>
      </c>
      <c r="BH17" s="196">
        <v>0</v>
      </c>
      <c r="BI17" s="193">
        <v>0</v>
      </c>
      <c r="BJ17" s="191">
        <v>0</v>
      </c>
      <c r="BK17" s="191">
        <v>16</v>
      </c>
      <c r="BL17" s="191">
        <v>17</v>
      </c>
      <c r="BM17" s="191">
        <v>8</v>
      </c>
      <c r="BN17" s="191">
        <v>9</v>
      </c>
      <c r="BO17" s="196">
        <v>50</v>
      </c>
      <c r="BP17" s="195">
        <v>50</v>
      </c>
      <c r="BQ17" s="190">
        <v>0</v>
      </c>
      <c r="BR17" s="191">
        <v>0</v>
      </c>
      <c r="BS17" s="196">
        <v>0</v>
      </c>
      <c r="BT17" s="193">
        <v>0</v>
      </c>
      <c r="BU17" s="191">
        <v>0</v>
      </c>
      <c r="BV17" s="191">
        <v>12</v>
      </c>
      <c r="BW17" s="191">
        <v>18</v>
      </c>
      <c r="BX17" s="191">
        <v>32</v>
      </c>
      <c r="BY17" s="191">
        <v>7</v>
      </c>
      <c r="BZ17" s="196">
        <v>69</v>
      </c>
      <c r="CA17" s="195">
        <v>69</v>
      </c>
      <c r="CB17" s="190">
        <v>0</v>
      </c>
      <c r="CC17" s="191">
        <v>0</v>
      </c>
      <c r="CD17" s="196">
        <v>0</v>
      </c>
      <c r="CE17" s="193">
        <v>0</v>
      </c>
      <c r="CF17" s="191">
        <v>0</v>
      </c>
      <c r="CG17" s="191">
        <v>5</v>
      </c>
      <c r="CH17" s="191">
        <v>0</v>
      </c>
      <c r="CI17" s="191">
        <v>0</v>
      </c>
      <c r="CJ17" s="191">
        <v>0</v>
      </c>
      <c r="CK17" s="196">
        <v>5</v>
      </c>
      <c r="CL17" s="195">
        <v>5</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6">
        <v>0</v>
      </c>
      <c r="E18" s="207">
        <v>0</v>
      </c>
      <c r="F18" s="193">
        <v>0</v>
      </c>
      <c r="G18" s="191">
        <v>38</v>
      </c>
      <c r="H18" s="191">
        <v>475</v>
      </c>
      <c r="I18" s="191">
        <v>228</v>
      </c>
      <c r="J18" s="191">
        <v>141</v>
      </c>
      <c r="K18" s="191">
        <v>84</v>
      </c>
      <c r="L18" s="194">
        <v>966</v>
      </c>
      <c r="M18" s="195">
        <v>966</v>
      </c>
      <c r="N18" s="190">
        <v>0</v>
      </c>
      <c r="O18" s="191">
        <v>0</v>
      </c>
      <c r="P18" s="196">
        <v>0</v>
      </c>
      <c r="Q18" s="193">
        <v>0</v>
      </c>
      <c r="R18" s="191">
        <v>0</v>
      </c>
      <c r="S18" s="191">
        <v>0</v>
      </c>
      <c r="T18" s="191">
        <v>0</v>
      </c>
      <c r="U18" s="191">
        <v>4</v>
      </c>
      <c r="V18" s="191">
        <v>9</v>
      </c>
      <c r="W18" s="196">
        <v>13</v>
      </c>
      <c r="X18" s="195">
        <v>13</v>
      </c>
      <c r="Y18" s="190">
        <v>5</v>
      </c>
      <c r="Z18" s="191">
        <v>27</v>
      </c>
      <c r="AA18" s="196">
        <v>32</v>
      </c>
      <c r="AB18" s="193">
        <v>0</v>
      </c>
      <c r="AC18" s="191">
        <v>30</v>
      </c>
      <c r="AD18" s="191">
        <v>142</v>
      </c>
      <c r="AE18" s="191">
        <v>105</v>
      </c>
      <c r="AF18" s="191">
        <v>97</v>
      </c>
      <c r="AG18" s="191">
        <v>31</v>
      </c>
      <c r="AH18" s="196">
        <v>405</v>
      </c>
      <c r="AI18" s="195">
        <v>437</v>
      </c>
      <c r="AJ18" s="190">
        <v>12</v>
      </c>
      <c r="AK18" s="191">
        <v>0</v>
      </c>
      <c r="AL18" s="196">
        <v>12</v>
      </c>
      <c r="AM18" s="193">
        <v>0</v>
      </c>
      <c r="AN18" s="191">
        <v>0</v>
      </c>
      <c r="AO18" s="191">
        <v>0</v>
      </c>
      <c r="AP18" s="191">
        <v>0</v>
      </c>
      <c r="AQ18" s="191">
        <v>0</v>
      </c>
      <c r="AR18" s="191">
        <v>9</v>
      </c>
      <c r="AS18" s="196">
        <v>9</v>
      </c>
      <c r="AT18" s="195">
        <v>21</v>
      </c>
      <c r="AU18" s="190">
        <v>0</v>
      </c>
      <c r="AV18" s="191">
        <v>0</v>
      </c>
      <c r="AW18" s="196">
        <v>0</v>
      </c>
      <c r="AX18" s="193">
        <v>0</v>
      </c>
      <c r="AY18" s="191">
        <v>182</v>
      </c>
      <c r="AZ18" s="191">
        <v>229</v>
      </c>
      <c r="BA18" s="191">
        <v>53</v>
      </c>
      <c r="BB18" s="191">
        <v>103</v>
      </c>
      <c r="BC18" s="191">
        <v>13</v>
      </c>
      <c r="BD18" s="194">
        <v>580</v>
      </c>
      <c r="BE18" s="195">
        <v>580</v>
      </c>
      <c r="BF18" s="190">
        <v>0</v>
      </c>
      <c r="BG18" s="191">
        <v>0</v>
      </c>
      <c r="BH18" s="196">
        <v>0</v>
      </c>
      <c r="BI18" s="193">
        <v>0</v>
      </c>
      <c r="BJ18" s="191">
        <v>58</v>
      </c>
      <c r="BK18" s="191">
        <v>133</v>
      </c>
      <c r="BL18" s="191">
        <v>46</v>
      </c>
      <c r="BM18" s="191">
        <v>30</v>
      </c>
      <c r="BN18" s="191">
        <v>9</v>
      </c>
      <c r="BO18" s="196">
        <v>276</v>
      </c>
      <c r="BP18" s="195">
        <v>276</v>
      </c>
      <c r="BQ18" s="190">
        <v>0</v>
      </c>
      <c r="BR18" s="191">
        <v>2</v>
      </c>
      <c r="BS18" s="196">
        <v>2</v>
      </c>
      <c r="BT18" s="193">
        <v>0</v>
      </c>
      <c r="BU18" s="191">
        <v>4</v>
      </c>
      <c r="BV18" s="191">
        <v>24</v>
      </c>
      <c r="BW18" s="191">
        <v>0</v>
      </c>
      <c r="BX18" s="191">
        <v>11</v>
      </c>
      <c r="BY18" s="191">
        <v>0</v>
      </c>
      <c r="BZ18" s="196">
        <v>39</v>
      </c>
      <c r="CA18" s="195">
        <v>41</v>
      </c>
      <c r="CB18" s="190">
        <v>0</v>
      </c>
      <c r="CC18" s="191">
        <v>0</v>
      </c>
      <c r="CD18" s="196">
        <v>0</v>
      </c>
      <c r="CE18" s="193">
        <v>0</v>
      </c>
      <c r="CF18" s="191">
        <v>0</v>
      </c>
      <c r="CG18" s="191">
        <v>0</v>
      </c>
      <c r="CH18" s="191">
        <v>0</v>
      </c>
      <c r="CI18" s="191">
        <v>0</v>
      </c>
      <c r="CJ18" s="191">
        <v>0</v>
      </c>
      <c r="CK18" s="196">
        <v>0</v>
      </c>
      <c r="CL18" s="195">
        <v>0</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6">
        <v>0</v>
      </c>
      <c r="E19" s="207">
        <v>0</v>
      </c>
      <c r="F19" s="193">
        <v>0</v>
      </c>
      <c r="G19" s="191">
        <v>119</v>
      </c>
      <c r="H19" s="191">
        <v>457</v>
      </c>
      <c r="I19" s="191">
        <v>430</v>
      </c>
      <c r="J19" s="191">
        <v>190</v>
      </c>
      <c r="K19" s="191">
        <v>293</v>
      </c>
      <c r="L19" s="194">
        <v>1489</v>
      </c>
      <c r="M19" s="195">
        <v>1489</v>
      </c>
      <c r="N19" s="190">
        <v>0</v>
      </c>
      <c r="O19" s="191">
        <v>0</v>
      </c>
      <c r="P19" s="196">
        <v>0</v>
      </c>
      <c r="Q19" s="193">
        <v>0</v>
      </c>
      <c r="R19" s="191">
        <v>0</v>
      </c>
      <c r="S19" s="191">
        <v>0</v>
      </c>
      <c r="T19" s="191">
        <v>4</v>
      </c>
      <c r="U19" s="191">
        <v>20</v>
      </c>
      <c r="V19" s="191">
        <v>7</v>
      </c>
      <c r="W19" s="196">
        <v>31</v>
      </c>
      <c r="X19" s="195">
        <v>31</v>
      </c>
      <c r="Y19" s="190">
        <v>44</v>
      </c>
      <c r="Z19" s="191">
        <v>31</v>
      </c>
      <c r="AA19" s="196">
        <v>75</v>
      </c>
      <c r="AB19" s="193">
        <v>0</v>
      </c>
      <c r="AC19" s="191">
        <v>79</v>
      </c>
      <c r="AD19" s="191">
        <v>307</v>
      </c>
      <c r="AE19" s="191">
        <v>236</v>
      </c>
      <c r="AF19" s="191">
        <v>95</v>
      </c>
      <c r="AG19" s="191">
        <v>34</v>
      </c>
      <c r="AH19" s="196">
        <v>751</v>
      </c>
      <c r="AI19" s="195">
        <v>826</v>
      </c>
      <c r="AJ19" s="190">
        <v>21</v>
      </c>
      <c r="AK19" s="191">
        <v>0</v>
      </c>
      <c r="AL19" s="196">
        <v>21</v>
      </c>
      <c r="AM19" s="193">
        <v>0</v>
      </c>
      <c r="AN19" s="191">
        <v>24</v>
      </c>
      <c r="AO19" s="191">
        <v>40</v>
      </c>
      <c r="AP19" s="191">
        <v>45</v>
      </c>
      <c r="AQ19" s="191">
        <v>31</v>
      </c>
      <c r="AR19" s="191">
        <v>0</v>
      </c>
      <c r="AS19" s="196">
        <v>140</v>
      </c>
      <c r="AT19" s="195">
        <v>161</v>
      </c>
      <c r="AU19" s="190">
        <v>0</v>
      </c>
      <c r="AV19" s="191">
        <v>0</v>
      </c>
      <c r="AW19" s="196">
        <v>0</v>
      </c>
      <c r="AX19" s="193">
        <v>0</v>
      </c>
      <c r="AY19" s="191">
        <v>112</v>
      </c>
      <c r="AZ19" s="191">
        <v>228</v>
      </c>
      <c r="BA19" s="191">
        <v>165</v>
      </c>
      <c r="BB19" s="191">
        <v>121</v>
      </c>
      <c r="BC19" s="191">
        <v>22</v>
      </c>
      <c r="BD19" s="194">
        <v>648</v>
      </c>
      <c r="BE19" s="195">
        <v>648</v>
      </c>
      <c r="BF19" s="190">
        <v>0</v>
      </c>
      <c r="BG19" s="191">
        <v>0</v>
      </c>
      <c r="BH19" s="196">
        <v>0</v>
      </c>
      <c r="BI19" s="193">
        <v>0</v>
      </c>
      <c r="BJ19" s="191">
        <v>29</v>
      </c>
      <c r="BK19" s="191">
        <v>93</v>
      </c>
      <c r="BL19" s="191">
        <v>55</v>
      </c>
      <c r="BM19" s="191">
        <v>50</v>
      </c>
      <c r="BN19" s="191">
        <v>9</v>
      </c>
      <c r="BO19" s="196">
        <v>236</v>
      </c>
      <c r="BP19" s="195">
        <v>236</v>
      </c>
      <c r="BQ19" s="190">
        <v>0</v>
      </c>
      <c r="BR19" s="191">
        <v>0</v>
      </c>
      <c r="BS19" s="196">
        <v>0</v>
      </c>
      <c r="BT19" s="193">
        <v>0</v>
      </c>
      <c r="BU19" s="191">
        <v>7</v>
      </c>
      <c r="BV19" s="191">
        <v>91</v>
      </c>
      <c r="BW19" s="191">
        <v>44</v>
      </c>
      <c r="BX19" s="191">
        <v>53</v>
      </c>
      <c r="BY19" s="191">
        <v>15</v>
      </c>
      <c r="BZ19" s="196">
        <v>210</v>
      </c>
      <c r="CA19" s="195">
        <v>210</v>
      </c>
      <c r="CB19" s="190">
        <v>0</v>
      </c>
      <c r="CC19" s="191">
        <v>0</v>
      </c>
      <c r="CD19" s="196">
        <v>0</v>
      </c>
      <c r="CE19" s="193">
        <v>0</v>
      </c>
      <c r="CF19" s="191">
        <v>0</v>
      </c>
      <c r="CG19" s="191">
        <v>8</v>
      </c>
      <c r="CH19" s="191">
        <v>0</v>
      </c>
      <c r="CI19" s="191">
        <v>0</v>
      </c>
      <c r="CJ19" s="191">
        <v>0</v>
      </c>
      <c r="CK19" s="196">
        <v>8</v>
      </c>
      <c r="CL19" s="195">
        <v>8</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6">
        <v>0</v>
      </c>
      <c r="E20" s="207">
        <v>0</v>
      </c>
      <c r="F20" s="193">
        <v>0</v>
      </c>
      <c r="G20" s="191">
        <v>359</v>
      </c>
      <c r="H20" s="191">
        <v>362</v>
      </c>
      <c r="I20" s="191">
        <v>1010</v>
      </c>
      <c r="J20" s="191">
        <v>1234</v>
      </c>
      <c r="K20" s="191">
        <v>766</v>
      </c>
      <c r="L20" s="194">
        <v>3731</v>
      </c>
      <c r="M20" s="195">
        <v>3731</v>
      </c>
      <c r="N20" s="190">
        <v>0</v>
      </c>
      <c r="O20" s="191">
        <v>0</v>
      </c>
      <c r="P20" s="196">
        <v>0</v>
      </c>
      <c r="Q20" s="193">
        <v>0</v>
      </c>
      <c r="R20" s="191">
        <v>0</v>
      </c>
      <c r="S20" s="191">
        <v>0</v>
      </c>
      <c r="T20" s="191">
        <v>6</v>
      </c>
      <c r="U20" s="191">
        <v>20</v>
      </c>
      <c r="V20" s="191">
        <v>17</v>
      </c>
      <c r="W20" s="196">
        <v>43</v>
      </c>
      <c r="X20" s="195">
        <v>43</v>
      </c>
      <c r="Y20" s="190">
        <v>41</v>
      </c>
      <c r="Z20" s="191">
        <v>14</v>
      </c>
      <c r="AA20" s="196">
        <v>55</v>
      </c>
      <c r="AB20" s="193">
        <v>0</v>
      </c>
      <c r="AC20" s="191">
        <v>309</v>
      </c>
      <c r="AD20" s="191">
        <v>292</v>
      </c>
      <c r="AE20" s="191">
        <v>331</v>
      </c>
      <c r="AF20" s="191">
        <v>295</v>
      </c>
      <c r="AG20" s="191">
        <v>75</v>
      </c>
      <c r="AH20" s="196">
        <v>1302</v>
      </c>
      <c r="AI20" s="195">
        <v>1357</v>
      </c>
      <c r="AJ20" s="190">
        <v>27</v>
      </c>
      <c r="AK20" s="191">
        <v>10</v>
      </c>
      <c r="AL20" s="196">
        <v>37</v>
      </c>
      <c r="AM20" s="193">
        <v>0</v>
      </c>
      <c r="AN20" s="191">
        <v>11</v>
      </c>
      <c r="AO20" s="191">
        <v>49</v>
      </c>
      <c r="AP20" s="191">
        <v>84</v>
      </c>
      <c r="AQ20" s="191">
        <v>27</v>
      </c>
      <c r="AR20" s="191">
        <v>16</v>
      </c>
      <c r="AS20" s="196">
        <v>187</v>
      </c>
      <c r="AT20" s="195">
        <v>224</v>
      </c>
      <c r="AU20" s="190">
        <v>0</v>
      </c>
      <c r="AV20" s="191">
        <v>0</v>
      </c>
      <c r="AW20" s="196">
        <v>0</v>
      </c>
      <c r="AX20" s="193">
        <v>0</v>
      </c>
      <c r="AY20" s="191">
        <v>282</v>
      </c>
      <c r="AZ20" s="191">
        <v>445</v>
      </c>
      <c r="BA20" s="191">
        <v>254</v>
      </c>
      <c r="BB20" s="191">
        <v>129</v>
      </c>
      <c r="BC20" s="191">
        <v>62</v>
      </c>
      <c r="BD20" s="194">
        <v>1172</v>
      </c>
      <c r="BE20" s="195">
        <v>1172</v>
      </c>
      <c r="BF20" s="190">
        <v>0</v>
      </c>
      <c r="BG20" s="191">
        <v>0</v>
      </c>
      <c r="BH20" s="196">
        <v>0</v>
      </c>
      <c r="BI20" s="193">
        <v>0</v>
      </c>
      <c r="BJ20" s="191">
        <v>90</v>
      </c>
      <c r="BK20" s="191">
        <v>114</v>
      </c>
      <c r="BL20" s="191">
        <v>72</v>
      </c>
      <c r="BM20" s="191">
        <v>45</v>
      </c>
      <c r="BN20" s="191">
        <v>14</v>
      </c>
      <c r="BO20" s="196">
        <v>335</v>
      </c>
      <c r="BP20" s="195">
        <v>335</v>
      </c>
      <c r="BQ20" s="190">
        <v>0</v>
      </c>
      <c r="BR20" s="191">
        <v>0</v>
      </c>
      <c r="BS20" s="196">
        <v>0</v>
      </c>
      <c r="BT20" s="193">
        <v>0</v>
      </c>
      <c r="BU20" s="191">
        <v>22</v>
      </c>
      <c r="BV20" s="191">
        <v>103</v>
      </c>
      <c r="BW20" s="191">
        <v>157</v>
      </c>
      <c r="BX20" s="191">
        <v>98</v>
      </c>
      <c r="BY20" s="191">
        <v>110</v>
      </c>
      <c r="BZ20" s="196">
        <v>490</v>
      </c>
      <c r="CA20" s="195">
        <v>490</v>
      </c>
      <c r="CB20" s="190">
        <v>0</v>
      </c>
      <c r="CC20" s="191">
        <v>0</v>
      </c>
      <c r="CD20" s="196">
        <v>0</v>
      </c>
      <c r="CE20" s="193">
        <v>0</v>
      </c>
      <c r="CF20" s="191">
        <v>0</v>
      </c>
      <c r="CG20" s="191">
        <v>16</v>
      </c>
      <c r="CH20" s="191">
        <v>17</v>
      </c>
      <c r="CI20" s="191">
        <v>0</v>
      </c>
      <c r="CJ20" s="191">
        <v>0</v>
      </c>
      <c r="CK20" s="196">
        <v>33</v>
      </c>
      <c r="CL20" s="195">
        <v>33</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6">
        <v>0</v>
      </c>
      <c r="E21" s="207">
        <v>0</v>
      </c>
      <c r="F21" s="193">
        <v>0</v>
      </c>
      <c r="G21" s="191">
        <v>77</v>
      </c>
      <c r="H21" s="191">
        <v>225</v>
      </c>
      <c r="I21" s="191">
        <v>164</v>
      </c>
      <c r="J21" s="191">
        <v>115</v>
      </c>
      <c r="K21" s="191">
        <v>201</v>
      </c>
      <c r="L21" s="194">
        <v>782</v>
      </c>
      <c r="M21" s="195">
        <v>782</v>
      </c>
      <c r="N21" s="190">
        <v>0</v>
      </c>
      <c r="O21" s="191">
        <v>0</v>
      </c>
      <c r="P21" s="196">
        <v>0</v>
      </c>
      <c r="Q21" s="193">
        <v>0</v>
      </c>
      <c r="R21" s="191">
        <v>0</v>
      </c>
      <c r="S21" s="191">
        <v>4</v>
      </c>
      <c r="T21" s="191">
        <v>4</v>
      </c>
      <c r="U21" s="191">
        <v>0</v>
      </c>
      <c r="V21" s="191">
        <v>0</v>
      </c>
      <c r="W21" s="196">
        <v>8</v>
      </c>
      <c r="X21" s="195">
        <v>8</v>
      </c>
      <c r="Y21" s="190">
        <v>22</v>
      </c>
      <c r="Z21" s="191">
        <v>22</v>
      </c>
      <c r="AA21" s="196">
        <v>44</v>
      </c>
      <c r="AB21" s="193">
        <v>0</v>
      </c>
      <c r="AC21" s="191">
        <v>163</v>
      </c>
      <c r="AD21" s="191">
        <v>100</v>
      </c>
      <c r="AE21" s="191">
        <v>75</v>
      </c>
      <c r="AF21" s="191">
        <v>57</v>
      </c>
      <c r="AG21" s="191">
        <v>52</v>
      </c>
      <c r="AH21" s="196">
        <v>447</v>
      </c>
      <c r="AI21" s="195">
        <v>491</v>
      </c>
      <c r="AJ21" s="190">
        <v>0</v>
      </c>
      <c r="AK21" s="191">
        <v>0</v>
      </c>
      <c r="AL21" s="196">
        <v>0</v>
      </c>
      <c r="AM21" s="193">
        <v>0</v>
      </c>
      <c r="AN21" s="191">
        <v>31</v>
      </c>
      <c r="AO21" s="191">
        <v>0</v>
      </c>
      <c r="AP21" s="191">
        <v>0</v>
      </c>
      <c r="AQ21" s="191">
        <v>30</v>
      </c>
      <c r="AR21" s="191">
        <v>0</v>
      </c>
      <c r="AS21" s="196">
        <v>61</v>
      </c>
      <c r="AT21" s="195">
        <v>61</v>
      </c>
      <c r="AU21" s="190">
        <v>0</v>
      </c>
      <c r="AV21" s="191">
        <v>0</v>
      </c>
      <c r="AW21" s="196">
        <v>0</v>
      </c>
      <c r="AX21" s="193">
        <v>0</v>
      </c>
      <c r="AY21" s="191">
        <v>118</v>
      </c>
      <c r="AZ21" s="191">
        <v>88</v>
      </c>
      <c r="BA21" s="191">
        <v>20</v>
      </c>
      <c r="BB21" s="191">
        <v>2</v>
      </c>
      <c r="BC21" s="191">
        <v>46</v>
      </c>
      <c r="BD21" s="194">
        <v>274</v>
      </c>
      <c r="BE21" s="195">
        <v>274</v>
      </c>
      <c r="BF21" s="190">
        <v>0</v>
      </c>
      <c r="BG21" s="191">
        <v>0</v>
      </c>
      <c r="BH21" s="196">
        <v>0</v>
      </c>
      <c r="BI21" s="193">
        <v>0</v>
      </c>
      <c r="BJ21" s="191">
        <v>103</v>
      </c>
      <c r="BK21" s="191">
        <v>56</v>
      </c>
      <c r="BL21" s="191">
        <v>32</v>
      </c>
      <c r="BM21" s="191">
        <v>33</v>
      </c>
      <c r="BN21" s="191">
        <v>12</v>
      </c>
      <c r="BO21" s="196">
        <v>236</v>
      </c>
      <c r="BP21" s="195">
        <v>236</v>
      </c>
      <c r="BQ21" s="190">
        <v>0</v>
      </c>
      <c r="BR21" s="191">
        <v>0</v>
      </c>
      <c r="BS21" s="196">
        <v>0</v>
      </c>
      <c r="BT21" s="193">
        <v>0</v>
      </c>
      <c r="BU21" s="191">
        <v>29</v>
      </c>
      <c r="BV21" s="191">
        <v>8</v>
      </c>
      <c r="BW21" s="191">
        <v>6</v>
      </c>
      <c r="BX21" s="191">
        <v>24</v>
      </c>
      <c r="BY21" s="191">
        <v>0</v>
      </c>
      <c r="BZ21" s="196">
        <v>67</v>
      </c>
      <c r="CA21" s="195">
        <v>67</v>
      </c>
      <c r="CB21" s="190">
        <v>0</v>
      </c>
      <c r="CC21" s="191">
        <v>0</v>
      </c>
      <c r="CD21" s="196">
        <v>0</v>
      </c>
      <c r="CE21" s="193">
        <v>0</v>
      </c>
      <c r="CF21" s="191">
        <v>15</v>
      </c>
      <c r="CG21" s="191">
        <v>0</v>
      </c>
      <c r="CH21" s="191">
        <v>4</v>
      </c>
      <c r="CI21" s="191">
        <v>21</v>
      </c>
      <c r="CJ21" s="191">
        <v>0</v>
      </c>
      <c r="CK21" s="196">
        <v>40</v>
      </c>
      <c r="CL21" s="195">
        <v>40</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6">
        <v>0</v>
      </c>
      <c r="E22" s="207">
        <v>0</v>
      </c>
      <c r="F22" s="193">
        <v>0</v>
      </c>
      <c r="G22" s="191">
        <v>160</v>
      </c>
      <c r="H22" s="191">
        <v>244</v>
      </c>
      <c r="I22" s="191">
        <v>119</v>
      </c>
      <c r="J22" s="191">
        <v>367</v>
      </c>
      <c r="K22" s="191">
        <v>369</v>
      </c>
      <c r="L22" s="194">
        <v>1259</v>
      </c>
      <c r="M22" s="195">
        <v>1259</v>
      </c>
      <c r="N22" s="190">
        <v>0</v>
      </c>
      <c r="O22" s="191">
        <v>0</v>
      </c>
      <c r="P22" s="196">
        <v>0</v>
      </c>
      <c r="Q22" s="193">
        <v>0</v>
      </c>
      <c r="R22" s="191">
        <v>0</v>
      </c>
      <c r="S22" s="191">
        <v>0</v>
      </c>
      <c r="T22" s="191">
        <v>0</v>
      </c>
      <c r="U22" s="191">
        <v>27</v>
      </c>
      <c r="V22" s="191">
        <v>12</v>
      </c>
      <c r="W22" s="196">
        <v>39</v>
      </c>
      <c r="X22" s="195">
        <v>39</v>
      </c>
      <c r="Y22" s="190">
        <v>46</v>
      </c>
      <c r="Z22" s="191">
        <v>28</v>
      </c>
      <c r="AA22" s="196">
        <v>74</v>
      </c>
      <c r="AB22" s="193">
        <v>0</v>
      </c>
      <c r="AC22" s="191">
        <v>139</v>
      </c>
      <c r="AD22" s="191">
        <v>164</v>
      </c>
      <c r="AE22" s="191">
        <v>159</v>
      </c>
      <c r="AF22" s="191">
        <v>112</v>
      </c>
      <c r="AG22" s="191">
        <v>4</v>
      </c>
      <c r="AH22" s="196">
        <v>578</v>
      </c>
      <c r="AI22" s="195">
        <v>652</v>
      </c>
      <c r="AJ22" s="190">
        <v>0</v>
      </c>
      <c r="AK22" s="191">
        <v>46</v>
      </c>
      <c r="AL22" s="196">
        <v>46</v>
      </c>
      <c r="AM22" s="193">
        <v>0</v>
      </c>
      <c r="AN22" s="191">
        <v>60</v>
      </c>
      <c r="AO22" s="191">
        <v>49</v>
      </c>
      <c r="AP22" s="191">
        <v>0</v>
      </c>
      <c r="AQ22" s="191">
        <v>24</v>
      </c>
      <c r="AR22" s="191">
        <v>20</v>
      </c>
      <c r="AS22" s="196">
        <v>153</v>
      </c>
      <c r="AT22" s="195">
        <v>199</v>
      </c>
      <c r="AU22" s="190">
        <v>0</v>
      </c>
      <c r="AV22" s="191">
        <v>0</v>
      </c>
      <c r="AW22" s="196">
        <v>0</v>
      </c>
      <c r="AX22" s="193">
        <v>0</v>
      </c>
      <c r="AY22" s="191">
        <v>137</v>
      </c>
      <c r="AZ22" s="191">
        <v>137</v>
      </c>
      <c r="BA22" s="191">
        <v>154</v>
      </c>
      <c r="BB22" s="191">
        <v>34</v>
      </c>
      <c r="BC22" s="191">
        <v>47</v>
      </c>
      <c r="BD22" s="194">
        <v>509</v>
      </c>
      <c r="BE22" s="195">
        <v>509</v>
      </c>
      <c r="BF22" s="190">
        <v>0</v>
      </c>
      <c r="BG22" s="191">
        <v>0</v>
      </c>
      <c r="BH22" s="196">
        <v>0</v>
      </c>
      <c r="BI22" s="193">
        <v>0</v>
      </c>
      <c r="BJ22" s="191">
        <v>36</v>
      </c>
      <c r="BK22" s="191">
        <v>72</v>
      </c>
      <c r="BL22" s="191">
        <v>33</v>
      </c>
      <c r="BM22" s="191">
        <v>43</v>
      </c>
      <c r="BN22" s="191">
        <v>0</v>
      </c>
      <c r="BO22" s="196">
        <v>184</v>
      </c>
      <c r="BP22" s="195">
        <v>184</v>
      </c>
      <c r="BQ22" s="190">
        <v>0</v>
      </c>
      <c r="BR22" s="191">
        <v>0</v>
      </c>
      <c r="BS22" s="196">
        <v>0</v>
      </c>
      <c r="BT22" s="193">
        <v>0</v>
      </c>
      <c r="BU22" s="191">
        <v>15</v>
      </c>
      <c r="BV22" s="191">
        <v>57</v>
      </c>
      <c r="BW22" s="191">
        <v>38</v>
      </c>
      <c r="BX22" s="191">
        <v>18</v>
      </c>
      <c r="BY22" s="191">
        <v>3</v>
      </c>
      <c r="BZ22" s="196">
        <v>131</v>
      </c>
      <c r="CA22" s="195">
        <v>131</v>
      </c>
      <c r="CB22" s="190">
        <v>0</v>
      </c>
      <c r="CC22" s="191">
        <v>0</v>
      </c>
      <c r="CD22" s="196">
        <v>0</v>
      </c>
      <c r="CE22" s="193">
        <v>0</v>
      </c>
      <c r="CF22" s="191">
        <v>3</v>
      </c>
      <c r="CG22" s="191">
        <v>13</v>
      </c>
      <c r="CH22" s="191">
        <v>0</v>
      </c>
      <c r="CI22" s="191">
        <v>0</v>
      </c>
      <c r="CJ22" s="191">
        <v>0</v>
      </c>
      <c r="CK22" s="196">
        <v>16</v>
      </c>
      <c r="CL22" s="195">
        <v>16</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6">
        <v>0</v>
      </c>
      <c r="E23" s="207">
        <v>0</v>
      </c>
      <c r="F23" s="193">
        <v>0</v>
      </c>
      <c r="G23" s="191">
        <v>138</v>
      </c>
      <c r="H23" s="191">
        <v>343</v>
      </c>
      <c r="I23" s="191">
        <v>41</v>
      </c>
      <c r="J23" s="191">
        <v>250</v>
      </c>
      <c r="K23" s="191">
        <v>35</v>
      </c>
      <c r="L23" s="194">
        <v>807</v>
      </c>
      <c r="M23" s="195">
        <v>807</v>
      </c>
      <c r="N23" s="190">
        <v>0</v>
      </c>
      <c r="O23" s="191">
        <v>0</v>
      </c>
      <c r="P23" s="196">
        <v>0</v>
      </c>
      <c r="Q23" s="193">
        <v>0</v>
      </c>
      <c r="R23" s="191">
        <v>0</v>
      </c>
      <c r="S23" s="191">
        <v>0</v>
      </c>
      <c r="T23" s="191">
        <v>0</v>
      </c>
      <c r="U23" s="191">
        <v>6</v>
      </c>
      <c r="V23" s="191">
        <v>19</v>
      </c>
      <c r="W23" s="196">
        <v>25</v>
      </c>
      <c r="X23" s="195">
        <v>25</v>
      </c>
      <c r="Y23" s="190">
        <v>7</v>
      </c>
      <c r="Z23" s="191">
        <v>0</v>
      </c>
      <c r="AA23" s="196">
        <v>7</v>
      </c>
      <c r="AB23" s="193">
        <v>0</v>
      </c>
      <c r="AC23" s="191">
        <v>86</v>
      </c>
      <c r="AD23" s="191">
        <v>109</v>
      </c>
      <c r="AE23" s="191">
        <v>34</v>
      </c>
      <c r="AF23" s="191">
        <v>58</v>
      </c>
      <c r="AG23" s="191">
        <v>84</v>
      </c>
      <c r="AH23" s="196">
        <v>371</v>
      </c>
      <c r="AI23" s="195">
        <v>378</v>
      </c>
      <c r="AJ23" s="190">
        <v>0</v>
      </c>
      <c r="AK23" s="191">
        <v>27</v>
      </c>
      <c r="AL23" s="196">
        <v>27</v>
      </c>
      <c r="AM23" s="193">
        <v>0</v>
      </c>
      <c r="AN23" s="191">
        <v>12</v>
      </c>
      <c r="AO23" s="191">
        <v>0</v>
      </c>
      <c r="AP23" s="191">
        <v>18</v>
      </c>
      <c r="AQ23" s="191">
        <v>0</v>
      </c>
      <c r="AR23" s="191">
        <v>8</v>
      </c>
      <c r="AS23" s="196">
        <v>38</v>
      </c>
      <c r="AT23" s="195">
        <v>65</v>
      </c>
      <c r="AU23" s="190">
        <v>0</v>
      </c>
      <c r="AV23" s="191">
        <v>0</v>
      </c>
      <c r="AW23" s="196">
        <v>0</v>
      </c>
      <c r="AX23" s="193">
        <v>0</v>
      </c>
      <c r="AY23" s="191">
        <v>201</v>
      </c>
      <c r="AZ23" s="191">
        <v>108</v>
      </c>
      <c r="BA23" s="191">
        <v>51</v>
      </c>
      <c r="BB23" s="191">
        <v>31</v>
      </c>
      <c r="BC23" s="191">
        <v>13</v>
      </c>
      <c r="BD23" s="194">
        <v>404</v>
      </c>
      <c r="BE23" s="195">
        <v>404</v>
      </c>
      <c r="BF23" s="190">
        <v>0</v>
      </c>
      <c r="BG23" s="191">
        <v>0</v>
      </c>
      <c r="BH23" s="196">
        <v>0</v>
      </c>
      <c r="BI23" s="193">
        <v>0</v>
      </c>
      <c r="BJ23" s="191">
        <v>20</v>
      </c>
      <c r="BK23" s="191">
        <v>23</v>
      </c>
      <c r="BL23" s="191">
        <v>13</v>
      </c>
      <c r="BM23" s="191">
        <v>0</v>
      </c>
      <c r="BN23" s="191">
        <v>13</v>
      </c>
      <c r="BO23" s="196">
        <v>69</v>
      </c>
      <c r="BP23" s="195">
        <v>69</v>
      </c>
      <c r="BQ23" s="190">
        <v>0</v>
      </c>
      <c r="BR23" s="191">
        <v>0</v>
      </c>
      <c r="BS23" s="196">
        <v>0</v>
      </c>
      <c r="BT23" s="193">
        <v>0</v>
      </c>
      <c r="BU23" s="191">
        <v>18</v>
      </c>
      <c r="BV23" s="191">
        <v>5</v>
      </c>
      <c r="BW23" s="191">
        <v>38</v>
      </c>
      <c r="BX23" s="191">
        <v>0</v>
      </c>
      <c r="BY23" s="191">
        <v>0</v>
      </c>
      <c r="BZ23" s="196">
        <v>61</v>
      </c>
      <c r="CA23" s="195">
        <v>61</v>
      </c>
      <c r="CB23" s="190">
        <v>0</v>
      </c>
      <c r="CC23" s="191">
        <v>0</v>
      </c>
      <c r="CD23" s="196">
        <v>0</v>
      </c>
      <c r="CE23" s="193">
        <v>0</v>
      </c>
      <c r="CF23" s="191">
        <v>0</v>
      </c>
      <c r="CG23" s="191">
        <v>0</v>
      </c>
      <c r="CH23" s="191">
        <v>9</v>
      </c>
      <c r="CI23" s="191">
        <v>0</v>
      </c>
      <c r="CJ23" s="191">
        <v>0</v>
      </c>
      <c r="CK23" s="196">
        <v>9</v>
      </c>
      <c r="CL23" s="195">
        <v>9</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6">
        <v>0</v>
      </c>
      <c r="E24" s="207">
        <v>0</v>
      </c>
      <c r="F24" s="193">
        <v>0</v>
      </c>
      <c r="G24" s="191">
        <v>28</v>
      </c>
      <c r="H24" s="191">
        <v>14</v>
      </c>
      <c r="I24" s="191">
        <v>24</v>
      </c>
      <c r="J24" s="191">
        <v>7</v>
      </c>
      <c r="K24" s="191">
        <v>265</v>
      </c>
      <c r="L24" s="194">
        <v>338</v>
      </c>
      <c r="M24" s="195">
        <v>338</v>
      </c>
      <c r="N24" s="190">
        <v>0</v>
      </c>
      <c r="O24" s="191">
        <v>0</v>
      </c>
      <c r="P24" s="196">
        <v>0</v>
      </c>
      <c r="Q24" s="193">
        <v>0</v>
      </c>
      <c r="R24" s="191">
        <v>0</v>
      </c>
      <c r="S24" s="191">
        <v>0</v>
      </c>
      <c r="T24" s="191">
        <v>0</v>
      </c>
      <c r="U24" s="191">
        <v>0</v>
      </c>
      <c r="V24" s="191">
        <v>40</v>
      </c>
      <c r="W24" s="196">
        <v>40</v>
      </c>
      <c r="X24" s="195">
        <v>40</v>
      </c>
      <c r="Y24" s="190">
        <v>0</v>
      </c>
      <c r="Z24" s="191">
        <v>0</v>
      </c>
      <c r="AA24" s="196">
        <v>0</v>
      </c>
      <c r="AB24" s="193">
        <v>0</v>
      </c>
      <c r="AC24" s="191">
        <v>31</v>
      </c>
      <c r="AD24" s="191">
        <v>26</v>
      </c>
      <c r="AE24" s="191">
        <v>4</v>
      </c>
      <c r="AF24" s="191">
        <v>1</v>
      </c>
      <c r="AG24" s="191">
        <v>88</v>
      </c>
      <c r="AH24" s="196">
        <v>150</v>
      </c>
      <c r="AI24" s="195">
        <v>150</v>
      </c>
      <c r="AJ24" s="190">
        <v>0</v>
      </c>
      <c r="AK24" s="191">
        <v>0</v>
      </c>
      <c r="AL24" s="196">
        <v>0</v>
      </c>
      <c r="AM24" s="193">
        <v>0</v>
      </c>
      <c r="AN24" s="191">
        <v>27</v>
      </c>
      <c r="AO24" s="191">
        <v>12</v>
      </c>
      <c r="AP24" s="191">
        <v>0</v>
      </c>
      <c r="AQ24" s="191">
        <v>16</v>
      </c>
      <c r="AR24" s="191">
        <v>0</v>
      </c>
      <c r="AS24" s="196">
        <v>55</v>
      </c>
      <c r="AT24" s="195">
        <v>55</v>
      </c>
      <c r="AU24" s="190">
        <v>0</v>
      </c>
      <c r="AV24" s="191">
        <v>0</v>
      </c>
      <c r="AW24" s="196">
        <v>0</v>
      </c>
      <c r="AX24" s="193">
        <v>0</v>
      </c>
      <c r="AY24" s="191">
        <v>29</v>
      </c>
      <c r="AZ24" s="191">
        <v>55</v>
      </c>
      <c r="BA24" s="191">
        <v>30</v>
      </c>
      <c r="BB24" s="191">
        <v>70</v>
      </c>
      <c r="BC24" s="191">
        <v>19</v>
      </c>
      <c r="BD24" s="194">
        <v>203</v>
      </c>
      <c r="BE24" s="195">
        <v>203</v>
      </c>
      <c r="BF24" s="190">
        <v>0</v>
      </c>
      <c r="BG24" s="191">
        <v>0</v>
      </c>
      <c r="BH24" s="196">
        <v>0</v>
      </c>
      <c r="BI24" s="193">
        <v>0</v>
      </c>
      <c r="BJ24" s="191">
        <v>19</v>
      </c>
      <c r="BK24" s="191">
        <v>40</v>
      </c>
      <c r="BL24" s="191">
        <v>0</v>
      </c>
      <c r="BM24" s="191">
        <v>0</v>
      </c>
      <c r="BN24" s="191">
        <v>0</v>
      </c>
      <c r="BO24" s="196">
        <v>59</v>
      </c>
      <c r="BP24" s="195">
        <v>59</v>
      </c>
      <c r="BQ24" s="190">
        <v>0</v>
      </c>
      <c r="BR24" s="191">
        <v>0</v>
      </c>
      <c r="BS24" s="196">
        <v>0</v>
      </c>
      <c r="BT24" s="193">
        <v>0</v>
      </c>
      <c r="BU24" s="191">
        <v>0</v>
      </c>
      <c r="BV24" s="191">
        <v>13</v>
      </c>
      <c r="BW24" s="191">
        <v>30</v>
      </c>
      <c r="BX24" s="191">
        <v>20</v>
      </c>
      <c r="BY24" s="191">
        <v>0</v>
      </c>
      <c r="BZ24" s="196">
        <v>63</v>
      </c>
      <c r="CA24" s="195">
        <v>63</v>
      </c>
      <c r="CB24" s="190">
        <v>0</v>
      </c>
      <c r="CC24" s="191">
        <v>0</v>
      </c>
      <c r="CD24" s="196">
        <v>0</v>
      </c>
      <c r="CE24" s="193">
        <v>0</v>
      </c>
      <c r="CF24" s="191">
        <v>0</v>
      </c>
      <c r="CG24" s="191">
        <v>0</v>
      </c>
      <c r="CH24" s="191">
        <v>1</v>
      </c>
      <c r="CI24" s="191">
        <v>0</v>
      </c>
      <c r="CJ24" s="191">
        <v>0</v>
      </c>
      <c r="CK24" s="196">
        <v>1</v>
      </c>
      <c r="CL24" s="195">
        <v>1</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6">
        <v>0</v>
      </c>
      <c r="E25" s="207">
        <v>0</v>
      </c>
      <c r="F25" s="193">
        <v>0</v>
      </c>
      <c r="G25" s="191">
        <v>0</v>
      </c>
      <c r="H25" s="191">
        <v>75</v>
      </c>
      <c r="I25" s="191">
        <v>306</v>
      </c>
      <c r="J25" s="191">
        <v>21</v>
      </c>
      <c r="K25" s="191">
        <v>112</v>
      </c>
      <c r="L25" s="194">
        <v>514</v>
      </c>
      <c r="M25" s="195">
        <v>514</v>
      </c>
      <c r="N25" s="190">
        <v>0</v>
      </c>
      <c r="O25" s="191">
        <v>0</v>
      </c>
      <c r="P25" s="196">
        <v>0</v>
      </c>
      <c r="Q25" s="193">
        <v>0</v>
      </c>
      <c r="R25" s="191">
        <v>0</v>
      </c>
      <c r="S25" s="191">
        <v>9</v>
      </c>
      <c r="T25" s="191">
        <v>5</v>
      </c>
      <c r="U25" s="191">
        <v>5</v>
      </c>
      <c r="V25" s="191">
        <v>0</v>
      </c>
      <c r="W25" s="196">
        <v>19</v>
      </c>
      <c r="X25" s="195">
        <v>19</v>
      </c>
      <c r="Y25" s="190">
        <v>22</v>
      </c>
      <c r="Z25" s="191">
        <v>22</v>
      </c>
      <c r="AA25" s="196">
        <v>44</v>
      </c>
      <c r="AB25" s="193">
        <v>0</v>
      </c>
      <c r="AC25" s="191">
        <v>47</v>
      </c>
      <c r="AD25" s="191">
        <v>127</v>
      </c>
      <c r="AE25" s="191">
        <v>129</v>
      </c>
      <c r="AF25" s="191">
        <v>43</v>
      </c>
      <c r="AG25" s="191">
        <v>28</v>
      </c>
      <c r="AH25" s="196">
        <v>374</v>
      </c>
      <c r="AI25" s="195">
        <v>418</v>
      </c>
      <c r="AJ25" s="190">
        <v>4</v>
      </c>
      <c r="AK25" s="191">
        <v>12</v>
      </c>
      <c r="AL25" s="196">
        <v>16</v>
      </c>
      <c r="AM25" s="193">
        <v>0</v>
      </c>
      <c r="AN25" s="191">
        <v>0</v>
      </c>
      <c r="AO25" s="191">
        <v>24</v>
      </c>
      <c r="AP25" s="191">
        <v>0</v>
      </c>
      <c r="AQ25" s="191">
        <v>0</v>
      </c>
      <c r="AR25" s="191">
        <v>0</v>
      </c>
      <c r="AS25" s="196">
        <v>24</v>
      </c>
      <c r="AT25" s="195">
        <v>40</v>
      </c>
      <c r="AU25" s="190">
        <v>0</v>
      </c>
      <c r="AV25" s="191">
        <v>0</v>
      </c>
      <c r="AW25" s="196">
        <v>0</v>
      </c>
      <c r="AX25" s="193">
        <v>0</v>
      </c>
      <c r="AY25" s="191">
        <v>90</v>
      </c>
      <c r="AZ25" s="191">
        <v>137</v>
      </c>
      <c r="BA25" s="191">
        <v>51</v>
      </c>
      <c r="BB25" s="191">
        <v>14</v>
      </c>
      <c r="BC25" s="191">
        <v>20</v>
      </c>
      <c r="BD25" s="194">
        <v>312</v>
      </c>
      <c r="BE25" s="195">
        <v>312</v>
      </c>
      <c r="BF25" s="190">
        <v>0</v>
      </c>
      <c r="BG25" s="191">
        <v>0</v>
      </c>
      <c r="BH25" s="196">
        <v>0</v>
      </c>
      <c r="BI25" s="193">
        <v>0</v>
      </c>
      <c r="BJ25" s="191">
        <v>8</v>
      </c>
      <c r="BK25" s="191">
        <v>0</v>
      </c>
      <c r="BL25" s="191">
        <v>21</v>
      </c>
      <c r="BM25" s="191">
        <v>9</v>
      </c>
      <c r="BN25" s="191">
        <v>0</v>
      </c>
      <c r="BO25" s="196">
        <v>38</v>
      </c>
      <c r="BP25" s="195">
        <v>38</v>
      </c>
      <c r="BQ25" s="190">
        <v>0</v>
      </c>
      <c r="BR25" s="191">
        <v>0</v>
      </c>
      <c r="BS25" s="196">
        <v>0</v>
      </c>
      <c r="BT25" s="193">
        <v>0</v>
      </c>
      <c r="BU25" s="191">
        <v>18</v>
      </c>
      <c r="BV25" s="191">
        <v>65</v>
      </c>
      <c r="BW25" s="191">
        <v>28</v>
      </c>
      <c r="BX25" s="191">
        <v>0</v>
      </c>
      <c r="BY25" s="191">
        <v>0</v>
      </c>
      <c r="BZ25" s="196">
        <v>111</v>
      </c>
      <c r="CA25" s="195">
        <v>111</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6">
        <v>0</v>
      </c>
      <c r="E26" s="207">
        <v>0</v>
      </c>
      <c r="F26" s="193">
        <v>0</v>
      </c>
      <c r="G26" s="191">
        <v>79</v>
      </c>
      <c r="H26" s="191">
        <v>116</v>
      </c>
      <c r="I26" s="191">
        <v>14</v>
      </c>
      <c r="J26" s="191">
        <v>20</v>
      </c>
      <c r="K26" s="191">
        <v>206</v>
      </c>
      <c r="L26" s="194">
        <v>435</v>
      </c>
      <c r="M26" s="195">
        <v>435</v>
      </c>
      <c r="N26" s="190">
        <v>0</v>
      </c>
      <c r="O26" s="191">
        <v>0</v>
      </c>
      <c r="P26" s="196">
        <v>0</v>
      </c>
      <c r="Q26" s="193">
        <v>0</v>
      </c>
      <c r="R26" s="191">
        <v>0</v>
      </c>
      <c r="S26" s="191">
        <v>0</v>
      </c>
      <c r="T26" s="191">
        <v>0</v>
      </c>
      <c r="U26" s="191">
        <v>4</v>
      </c>
      <c r="V26" s="191">
        <v>8</v>
      </c>
      <c r="W26" s="196">
        <v>12</v>
      </c>
      <c r="X26" s="195">
        <v>12</v>
      </c>
      <c r="Y26" s="190">
        <v>15</v>
      </c>
      <c r="Z26" s="191">
        <v>37</v>
      </c>
      <c r="AA26" s="196">
        <v>52</v>
      </c>
      <c r="AB26" s="193">
        <v>0</v>
      </c>
      <c r="AC26" s="191">
        <v>34</v>
      </c>
      <c r="AD26" s="191">
        <v>99</v>
      </c>
      <c r="AE26" s="191">
        <v>23</v>
      </c>
      <c r="AF26" s="191">
        <v>95</v>
      </c>
      <c r="AG26" s="191">
        <v>40</v>
      </c>
      <c r="AH26" s="196">
        <v>291</v>
      </c>
      <c r="AI26" s="195">
        <v>343</v>
      </c>
      <c r="AJ26" s="190">
        <v>0</v>
      </c>
      <c r="AK26" s="191">
        <v>0</v>
      </c>
      <c r="AL26" s="196">
        <v>0</v>
      </c>
      <c r="AM26" s="193">
        <v>0</v>
      </c>
      <c r="AN26" s="191">
        <v>0</v>
      </c>
      <c r="AO26" s="191">
        <v>0</v>
      </c>
      <c r="AP26" s="191">
        <v>0</v>
      </c>
      <c r="AQ26" s="191">
        <v>0</v>
      </c>
      <c r="AR26" s="191">
        <v>8</v>
      </c>
      <c r="AS26" s="196">
        <v>8</v>
      </c>
      <c r="AT26" s="195">
        <v>8</v>
      </c>
      <c r="AU26" s="190">
        <v>0</v>
      </c>
      <c r="AV26" s="191">
        <v>0</v>
      </c>
      <c r="AW26" s="196">
        <v>0</v>
      </c>
      <c r="AX26" s="193">
        <v>0</v>
      </c>
      <c r="AY26" s="191">
        <v>70</v>
      </c>
      <c r="AZ26" s="191">
        <v>49</v>
      </c>
      <c r="BA26" s="191">
        <v>14</v>
      </c>
      <c r="BB26" s="191">
        <v>16</v>
      </c>
      <c r="BC26" s="191">
        <v>0</v>
      </c>
      <c r="BD26" s="194">
        <v>149</v>
      </c>
      <c r="BE26" s="195">
        <v>149</v>
      </c>
      <c r="BF26" s="190">
        <v>0</v>
      </c>
      <c r="BG26" s="191">
        <v>0</v>
      </c>
      <c r="BH26" s="196">
        <v>0</v>
      </c>
      <c r="BI26" s="193">
        <v>0</v>
      </c>
      <c r="BJ26" s="191">
        <v>45</v>
      </c>
      <c r="BK26" s="191">
        <v>24</v>
      </c>
      <c r="BL26" s="191">
        <v>14</v>
      </c>
      <c r="BM26" s="191">
        <v>0</v>
      </c>
      <c r="BN26" s="191">
        <v>18</v>
      </c>
      <c r="BO26" s="196">
        <v>101</v>
      </c>
      <c r="BP26" s="195">
        <v>101</v>
      </c>
      <c r="BQ26" s="190">
        <v>0</v>
      </c>
      <c r="BR26" s="191">
        <v>0</v>
      </c>
      <c r="BS26" s="196">
        <v>0</v>
      </c>
      <c r="BT26" s="193">
        <v>0</v>
      </c>
      <c r="BU26" s="191">
        <v>0</v>
      </c>
      <c r="BV26" s="191">
        <v>0</v>
      </c>
      <c r="BW26" s="191">
        <v>3</v>
      </c>
      <c r="BX26" s="191">
        <v>0</v>
      </c>
      <c r="BY26" s="191">
        <v>10</v>
      </c>
      <c r="BZ26" s="196">
        <v>13</v>
      </c>
      <c r="CA26" s="195">
        <v>13</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6">
        <v>0</v>
      </c>
      <c r="E27" s="207">
        <v>0</v>
      </c>
      <c r="F27" s="193">
        <v>0</v>
      </c>
      <c r="G27" s="191">
        <v>39</v>
      </c>
      <c r="H27" s="191">
        <v>0</v>
      </c>
      <c r="I27" s="191">
        <v>21</v>
      </c>
      <c r="J27" s="191">
        <v>226</v>
      </c>
      <c r="K27" s="191">
        <v>0</v>
      </c>
      <c r="L27" s="194">
        <v>286</v>
      </c>
      <c r="M27" s="195">
        <v>286</v>
      </c>
      <c r="N27" s="190">
        <v>0</v>
      </c>
      <c r="O27" s="191">
        <v>0</v>
      </c>
      <c r="P27" s="196">
        <v>0</v>
      </c>
      <c r="Q27" s="193">
        <v>0</v>
      </c>
      <c r="R27" s="191">
        <v>3</v>
      </c>
      <c r="S27" s="191">
        <v>0</v>
      </c>
      <c r="T27" s="191">
        <v>9</v>
      </c>
      <c r="U27" s="191">
        <v>0</v>
      </c>
      <c r="V27" s="191">
        <v>9</v>
      </c>
      <c r="W27" s="196">
        <v>21</v>
      </c>
      <c r="X27" s="195">
        <v>21</v>
      </c>
      <c r="Y27" s="190">
        <v>21</v>
      </c>
      <c r="Z27" s="191">
        <v>36</v>
      </c>
      <c r="AA27" s="196">
        <v>57</v>
      </c>
      <c r="AB27" s="193">
        <v>0</v>
      </c>
      <c r="AC27" s="191">
        <v>1</v>
      </c>
      <c r="AD27" s="191">
        <v>0</v>
      </c>
      <c r="AE27" s="191">
        <v>24</v>
      </c>
      <c r="AF27" s="191">
        <v>0</v>
      </c>
      <c r="AG27" s="191">
        <v>28</v>
      </c>
      <c r="AH27" s="196">
        <v>53</v>
      </c>
      <c r="AI27" s="195">
        <v>110</v>
      </c>
      <c r="AJ27" s="190">
        <v>0</v>
      </c>
      <c r="AK27" s="191">
        <v>0</v>
      </c>
      <c r="AL27" s="196">
        <v>0</v>
      </c>
      <c r="AM27" s="193">
        <v>0</v>
      </c>
      <c r="AN27" s="191">
        <v>0</v>
      </c>
      <c r="AO27" s="191">
        <v>0</v>
      </c>
      <c r="AP27" s="191">
        <v>0</v>
      </c>
      <c r="AQ27" s="191">
        <v>0</v>
      </c>
      <c r="AR27" s="191">
        <v>0</v>
      </c>
      <c r="AS27" s="196">
        <v>0</v>
      </c>
      <c r="AT27" s="195">
        <v>0</v>
      </c>
      <c r="AU27" s="190">
        <v>0</v>
      </c>
      <c r="AV27" s="191">
        <v>0</v>
      </c>
      <c r="AW27" s="196">
        <v>0</v>
      </c>
      <c r="AX27" s="193">
        <v>0</v>
      </c>
      <c r="AY27" s="191">
        <v>13</v>
      </c>
      <c r="AZ27" s="191">
        <v>31</v>
      </c>
      <c r="BA27" s="191">
        <v>9</v>
      </c>
      <c r="BB27" s="191">
        <v>0</v>
      </c>
      <c r="BC27" s="191">
        <v>2</v>
      </c>
      <c r="BD27" s="194">
        <v>55</v>
      </c>
      <c r="BE27" s="195">
        <v>55</v>
      </c>
      <c r="BF27" s="190">
        <v>0</v>
      </c>
      <c r="BG27" s="191">
        <v>0</v>
      </c>
      <c r="BH27" s="196">
        <v>0</v>
      </c>
      <c r="BI27" s="193">
        <v>0</v>
      </c>
      <c r="BJ27" s="191">
        <v>30</v>
      </c>
      <c r="BK27" s="191">
        <v>17</v>
      </c>
      <c r="BL27" s="191">
        <v>14</v>
      </c>
      <c r="BM27" s="191">
        <v>0</v>
      </c>
      <c r="BN27" s="191">
        <v>0</v>
      </c>
      <c r="BO27" s="196">
        <v>61</v>
      </c>
      <c r="BP27" s="195">
        <v>61</v>
      </c>
      <c r="BQ27" s="190">
        <v>0</v>
      </c>
      <c r="BR27" s="191">
        <v>0</v>
      </c>
      <c r="BS27" s="196">
        <v>0</v>
      </c>
      <c r="BT27" s="193">
        <v>0</v>
      </c>
      <c r="BU27" s="191">
        <v>14</v>
      </c>
      <c r="BV27" s="191">
        <v>0</v>
      </c>
      <c r="BW27" s="191">
        <v>23</v>
      </c>
      <c r="BX27" s="191">
        <v>22</v>
      </c>
      <c r="BY27" s="191">
        <v>0</v>
      </c>
      <c r="BZ27" s="196">
        <v>59</v>
      </c>
      <c r="CA27" s="195">
        <v>59</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6">
        <v>0</v>
      </c>
      <c r="E28" s="207">
        <v>0</v>
      </c>
      <c r="F28" s="193">
        <v>0</v>
      </c>
      <c r="G28" s="191">
        <v>10</v>
      </c>
      <c r="H28" s="191">
        <v>56</v>
      </c>
      <c r="I28" s="191">
        <v>35</v>
      </c>
      <c r="J28" s="191">
        <v>0</v>
      </c>
      <c r="K28" s="191">
        <v>131</v>
      </c>
      <c r="L28" s="194">
        <v>232</v>
      </c>
      <c r="M28" s="195">
        <v>232</v>
      </c>
      <c r="N28" s="190">
        <v>0</v>
      </c>
      <c r="O28" s="191">
        <v>0</v>
      </c>
      <c r="P28" s="196">
        <v>0</v>
      </c>
      <c r="Q28" s="193">
        <v>0</v>
      </c>
      <c r="R28" s="191">
        <v>0</v>
      </c>
      <c r="S28" s="191">
        <v>0</v>
      </c>
      <c r="T28" s="191">
        <v>0</v>
      </c>
      <c r="U28" s="191">
        <v>0</v>
      </c>
      <c r="V28" s="191">
        <v>0</v>
      </c>
      <c r="W28" s="196">
        <v>0</v>
      </c>
      <c r="X28" s="195">
        <v>0</v>
      </c>
      <c r="Y28" s="190">
        <v>0</v>
      </c>
      <c r="Z28" s="191">
        <v>10</v>
      </c>
      <c r="AA28" s="196">
        <v>10</v>
      </c>
      <c r="AB28" s="193">
        <v>0</v>
      </c>
      <c r="AC28" s="191">
        <v>47</v>
      </c>
      <c r="AD28" s="191">
        <v>60</v>
      </c>
      <c r="AE28" s="191">
        <v>47</v>
      </c>
      <c r="AF28" s="191">
        <v>0</v>
      </c>
      <c r="AG28" s="191">
        <v>23</v>
      </c>
      <c r="AH28" s="196">
        <v>177</v>
      </c>
      <c r="AI28" s="195">
        <v>187</v>
      </c>
      <c r="AJ28" s="190">
        <v>12</v>
      </c>
      <c r="AK28" s="191">
        <v>0</v>
      </c>
      <c r="AL28" s="196">
        <v>12</v>
      </c>
      <c r="AM28" s="193">
        <v>0</v>
      </c>
      <c r="AN28" s="191">
        <v>9</v>
      </c>
      <c r="AO28" s="191">
        <v>0</v>
      </c>
      <c r="AP28" s="191">
        <v>12</v>
      </c>
      <c r="AQ28" s="191">
        <v>0</v>
      </c>
      <c r="AR28" s="191">
        <v>0</v>
      </c>
      <c r="AS28" s="196">
        <v>21</v>
      </c>
      <c r="AT28" s="195">
        <v>33</v>
      </c>
      <c r="AU28" s="190">
        <v>0</v>
      </c>
      <c r="AV28" s="191">
        <v>0</v>
      </c>
      <c r="AW28" s="196">
        <v>0</v>
      </c>
      <c r="AX28" s="193">
        <v>0</v>
      </c>
      <c r="AY28" s="191">
        <v>64</v>
      </c>
      <c r="AZ28" s="191">
        <v>17</v>
      </c>
      <c r="BA28" s="191">
        <v>20</v>
      </c>
      <c r="BB28" s="191">
        <v>0</v>
      </c>
      <c r="BC28" s="191">
        <v>7</v>
      </c>
      <c r="BD28" s="194">
        <v>108</v>
      </c>
      <c r="BE28" s="195">
        <v>108</v>
      </c>
      <c r="BF28" s="190">
        <v>0</v>
      </c>
      <c r="BG28" s="191">
        <v>0</v>
      </c>
      <c r="BH28" s="196">
        <v>0</v>
      </c>
      <c r="BI28" s="193">
        <v>0</v>
      </c>
      <c r="BJ28" s="191">
        <v>0</v>
      </c>
      <c r="BK28" s="191">
        <v>27</v>
      </c>
      <c r="BL28" s="191">
        <v>8</v>
      </c>
      <c r="BM28" s="191">
        <v>0</v>
      </c>
      <c r="BN28" s="191">
        <v>0</v>
      </c>
      <c r="BO28" s="196">
        <v>35</v>
      </c>
      <c r="BP28" s="195">
        <v>35</v>
      </c>
      <c r="BQ28" s="190">
        <v>0</v>
      </c>
      <c r="BR28" s="191">
        <v>0</v>
      </c>
      <c r="BS28" s="196">
        <v>0</v>
      </c>
      <c r="BT28" s="193">
        <v>0</v>
      </c>
      <c r="BU28" s="191">
        <v>34</v>
      </c>
      <c r="BV28" s="191">
        <v>15</v>
      </c>
      <c r="BW28" s="191">
        <v>37</v>
      </c>
      <c r="BX28" s="191">
        <v>62</v>
      </c>
      <c r="BY28" s="191">
        <v>0</v>
      </c>
      <c r="BZ28" s="196">
        <v>148</v>
      </c>
      <c r="CA28" s="195">
        <v>148</v>
      </c>
      <c r="CB28" s="190">
        <v>0</v>
      </c>
      <c r="CC28" s="191">
        <v>0</v>
      </c>
      <c r="CD28" s="196">
        <v>0</v>
      </c>
      <c r="CE28" s="193">
        <v>0</v>
      </c>
      <c r="CF28" s="191">
        <v>0</v>
      </c>
      <c r="CG28" s="191">
        <v>0</v>
      </c>
      <c r="CH28" s="191">
        <v>0</v>
      </c>
      <c r="CI28" s="191">
        <v>0</v>
      </c>
      <c r="CJ28" s="191">
        <v>4</v>
      </c>
      <c r="CK28" s="196">
        <v>4</v>
      </c>
      <c r="CL28" s="195">
        <v>4</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6">
        <v>0</v>
      </c>
      <c r="E29" s="207">
        <v>0</v>
      </c>
      <c r="F29" s="193">
        <v>0</v>
      </c>
      <c r="G29" s="191">
        <v>9</v>
      </c>
      <c r="H29" s="191">
        <v>185</v>
      </c>
      <c r="I29" s="191">
        <v>151</v>
      </c>
      <c r="J29" s="191">
        <v>68</v>
      </c>
      <c r="K29" s="191">
        <v>17</v>
      </c>
      <c r="L29" s="194">
        <v>430</v>
      </c>
      <c r="M29" s="195">
        <v>430</v>
      </c>
      <c r="N29" s="190">
        <v>0</v>
      </c>
      <c r="O29" s="191">
        <v>0</v>
      </c>
      <c r="P29" s="196">
        <v>0</v>
      </c>
      <c r="Q29" s="193">
        <v>0</v>
      </c>
      <c r="R29" s="191">
        <v>0</v>
      </c>
      <c r="S29" s="191">
        <v>0</v>
      </c>
      <c r="T29" s="191">
        <v>0</v>
      </c>
      <c r="U29" s="191">
        <v>5</v>
      </c>
      <c r="V29" s="191">
        <v>2</v>
      </c>
      <c r="W29" s="196">
        <v>7</v>
      </c>
      <c r="X29" s="195">
        <v>7</v>
      </c>
      <c r="Y29" s="190">
        <v>5</v>
      </c>
      <c r="Z29" s="191">
        <v>41</v>
      </c>
      <c r="AA29" s="196">
        <v>46</v>
      </c>
      <c r="AB29" s="193">
        <v>0</v>
      </c>
      <c r="AC29" s="191">
        <v>0</v>
      </c>
      <c r="AD29" s="191">
        <v>43</v>
      </c>
      <c r="AE29" s="191">
        <v>28</v>
      </c>
      <c r="AF29" s="191">
        <v>39</v>
      </c>
      <c r="AG29" s="191">
        <v>0</v>
      </c>
      <c r="AH29" s="196">
        <v>110</v>
      </c>
      <c r="AI29" s="195">
        <v>156</v>
      </c>
      <c r="AJ29" s="190">
        <v>0</v>
      </c>
      <c r="AK29" s="191">
        <v>0</v>
      </c>
      <c r="AL29" s="196">
        <v>0</v>
      </c>
      <c r="AM29" s="193">
        <v>0</v>
      </c>
      <c r="AN29" s="191">
        <v>0</v>
      </c>
      <c r="AO29" s="191">
        <v>0</v>
      </c>
      <c r="AP29" s="191">
        <v>0</v>
      </c>
      <c r="AQ29" s="191">
        <v>0</v>
      </c>
      <c r="AR29" s="191">
        <v>0</v>
      </c>
      <c r="AS29" s="196">
        <v>0</v>
      </c>
      <c r="AT29" s="195">
        <v>0</v>
      </c>
      <c r="AU29" s="190">
        <v>0</v>
      </c>
      <c r="AV29" s="191">
        <v>0</v>
      </c>
      <c r="AW29" s="196">
        <v>0</v>
      </c>
      <c r="AX29" s="193">
        <v>0</v>
      </c>
      <c r="AY29" s="191">
        <v>20</v>
      </c>
      <c r="AZ29" s="191">
        <v>34</v>
      </c>
      <c r="BA29" s="191">
        <v>17</v>
      </c>
      <c r="BB29" s="191">
        <v>54</v>
      </c>
      <c r="BC29" s="191">
        <v>0</v>
      </c>
      <c r="BD29" s="194">
        <v>125</v>
      </c>
      <c r="BE29" s="195">
        <v>125</v>
      </c>
      <c r="BF29" s="190">
        <v>0</v>
      </c>
      <c r="BG29" s="191">
        <v>0</v>
      </c>
      <c r="BH29" s="196">
        <v>0</v>
      </c>
      <c r="BI29" s="193">
        <v>0</v>
      </c>
      <c r="BJ29" s="191">
        <v>16</v>
      </c>
      <c r="BK29" s="191">
        <v>17</v>
      </c>
      <c r="BL29" s="191">
        <v>9</v>
      </c>
      <c r="BM29" s="191">
        <v>0</v>
      </c>
      <c r="BN29" s="191">
        <v>0</v>
      </c>
      <c r="BO29" s="196">
        <v>42</v>
      </c>
      <c r="BP29" s="195">
        <v>42</v>
      </c>
      <c r="BQ29" s="190">
        <v>0</v>
      </c>
      <c r="BR29" s="191">
        <v>0</v>
      </c>
      <c r="BS29" s="196">
        <v>0</v>
      </c>
      <c r="BT29" s="193">
        <v>0</v>
      </c>
      <c r="BU29" s="191">
        <v>24</v>
      </c>
      <c r="BV29" s="191">
        <v>0</v>
      </c>
      <c r="BW29" s="191">
        <v>13</v>
      </c>
      <c r="BX29" s="191">
        <v>4</v>
      </c>
      <c r="BY29" s="191">
        <v>7</v>
      </c>
      <c r="BZ29" s="196">
        <v>48</v>
      </c>
      <c r="CA29" s="195">
        <v>48</v>
      </c>
      <c r="CB29" s="190">
        <v>0</v>
      </c>
      <c r="CC29" s="191">
        <v>0</v>
      </c>
      <c r="CD29" s="196">
        <v>0</v>
      </c>
      <c r="CE29" s="193">
        <v>0</v>
      </c>
      <c r="CF29" s="191">
        <v>3</v>
      </c>
      <c r="CG29" s="191">
        <v>0</v>
      </c>
      <c r="CH29" s="191">
        <v>0</v>
      </c>
      <c r="CI29" s="191">
        <v>0</v>
      </c>
      <c r="CJ29" s="191">
        <v>0</v>
      </c>
      <c r="CK29" s="196">
        <v>3</v>
      </c>
      <c r="CL29" s="195">
        <v>3</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6">
        <v>0</v>
      </c>
      <c r="E30" s="207">
        <v>0</v>
      </c>
      <c r="F30" s="193">
        <v>0</v>
      </c>
      <c r="G30" s="191">
        <v>9</v>
      </c>
      <c r="H30" s="191">
        <v>13</v>
      </c>
      <c r="I30" s="191">
        <v>0</v>
      </c>
      <c r="J30" s="191">
        <v>30</v>
      </c>
      <c r="K30" s="191">
        <v>0</v>
      </c>
      <c r="L30" s="194">
        <v>52</v>
      </c>
      <c r="M30" s="195">
        <v>52</v>
      </c>
      <c r="N30" s="190">
        <v>0</v>
      </c>
      <c r="O30" s="191">
        <v>0</v>
      </c>
      <c r="P30" s="196">
        <v>0</v>
      </c>
      <c r="Q30" s="193">
        <v>0</v>
      </c>
      <c r="R30" s="191">
        <v>0</v>
      </c>
      <c r="S30" s="191">
        <v>0</v>
      </c>
      <c r="T30" s="191">
        <v>0</v>
      </c>
      <c r="U30" s="191">
        <v>0</v>
      </c>
      <c r="V30" s="191">
        <v>1</v>
      </c>
      <c r="W30" s="196">
        <v>1</v>
      </c>
      <c r="X30" s="195">
        <v>1</v>
      </c>
      <c r="Y30" s="190">
        <v>0</v>
      </c>
      <c r="Z30" s="191">
        <v>0</v>
      </c>
      <c r="AA30" s="196">
        <v>0</v>
      </c>
      <c r="AB30" s="193">
        <v>0</v>
      </c>
      <c r="AC30" s="191">
        <v>0</v>
      </c>
      <c r="AD30" s="191">
        <v>14</v>
      </c>
      <c r="AE30" s="191">
        <v>2</v>
      </c>
      <c r="AF30" s="191">
        <v>0</v>
      </c>
      <c r="AG30" s="191">
        <v>0</v>
      </c>
      <c r="AH30" s="196">
        <v>16</v>
      </c>
      <c r="AI30" s="195">
        <v>16</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10</v>
      </c>
      <c r="BA30" s="191">
        <v>30</v>
      </c>
      <c r="BB30" s="191">
        <v>0</v>
      </c>
      <c r="BC30" s="191">
        <v>0</v>
      </c>
      <c r="BD30" s="194">
        <v>40</v>
      </c>
      <c r="BE30" s="195">
        <v>40</v>
      </c>
      <c r="BF30" s="190">
        <v>0</v>
      </c>
      <c r="BG30" s="191">
        <v>0</v>
      </c>
      <c r="BH30" s="196">
        <v>0</v>
      </c>
      <c r="BI30" s="193">
        <v>0</v>
      </c>
      <c r="BJ30" s="191">
        <v>0</v>
      </c>
      <c r="BK30" s="191">
        <v>0</v>
      </c>
      <c r="BL30" s="191">
        <v>9</v>
      </c>
      <c r="BM30" s="191">
        <v>0</v>
      </c>
      <c r="BN30" s="191">
        <v>0</v>
      </c>
      <c r="BO30" s="196">
        <v>9</v>
      </c>
      <c r="BP30" s="195">
        <v>9</v>
      </c>
      <c r="BQ30" s="190">
        <v>0</v>
      </c>
      <c r="BR30" s="191">
        <v>0</v>
      </c>
      <c r="BS30" s="196">
        <v>0</v>
      </c>
      <c r="BT30" s="193">
        <v>0</v>
      </c>
      <c r="BU30" s="191">
        <v>0</v>
      </c>
      <c r="BV30" s="191">
        <v>0</v>
      </c>
      <c r="BW30" s="191">
        <v>10</v>
      </c>
      <c r="BX30" s="191">
        <v>0</v>
      </c>
      <c r="BY30" s="191">
        <v>0</v>
      </c>
      <c r="BZ30" s="196">
        <v>10</v>
      </c>
      <c r="CA30" s="195">
        <v>10</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6">
        <v>0</v>
      </c>
      <c r="E31" s="207">
        <v>0</v>
      </c>
      <c r="F31" s="193">
        <v>0</v>
      </c>
      <c r="G31" s="191">
        <v>18</v>
      </c>
      <c r="H31" s="191">
        <v>59</v>
      </c>
      <c r="I31" s="191">
        <v>0</v>
      </c>
      <c r="J31" s="191">
        <v>31</v>
      </c>
      <c r="K31" s="191">
        <v>0</v>
      </c>
      <c r="L31" s="194">
        <v>108</v>
      </c>
      <c r="M31" s="195">
        <v>108</v>
      </c>
      <c r="N31" s="190">
        <v>0</v>
      </c>
      <c r="O31" s="191">
        <v>0</v>
      </c>
      <c r="P31" s="196">
        <v>0</v>
      </c>
      <c r="Q31" s="193">
        <v>0</v>
      </c>
      <c r="R31" s="191">
        <v>0</v>
      </c>
      <c r="S31" s="191">
        <v>0</v>
      </c>
      <c r="T31" s="191">
        <v>0</v>
      </c>
      <c r="U31" s="191">
        <v>0</v>
      </c>
      <c r="V31" s="191">
        <v>0</v>
      </c>
      <c r="W31" s="196">
        <v>0</v>
      </c>
      <c r="X31" s="195">
        <v>0</v>
      </c>
      <c r="Y31" s="190">
        <v>5</v>
      </c>
      <c r="Z31" s="191">
        <v>9</v>
      </c>
      <c r="AA31" s="196">
        <v>14</v>
      </c>
      <c r="AB31" s="193">
        <v>0</v>
      </c>
      <c r="AC31" s="191">
        <v>19</v>
      </c>
      <c r="AD31" s="191">
        <v>23</v>
      </c>
      <c r="AE31" s="191">
        <v>51</v>
      </c>
      <c r="AF31" s="191">
        <v>0</v>
      </c>
      <c r="AG31" s="191">
        <v>0</v>
      </c>
      <c r="AH31" s="196">
        <v>93</v>
      </c>
      <c r="AI31" s="195">
        <v>107</v>
      </c>
      <c r="AJ31" s="190">
        <v>0</v>
      </c>
      <c r="AK31" s="191">
        <v>12</v>
      </c>
      <c r="AL31" s="196">
        <v>12</v>
      </c>
      <c r="AM31" s="193">
        <v>0</v>
      </c>
      <c r="AN31" s="191">
        <v>0</v>
      </c>
      <c r="AO31" s="191">
        <v>0</v>
      </c>
      <c r="AP31" s="191">
        <v>0</v>
      </c>
      <c r="AQ31" s="191">
        <v>34</v>
      </c>
      <c r="AR31" s="191">
        <v>0</v>
      </c>
      <c r="AS31" s="196">
        <v>34</v>
      </c>
      <c r="AT31" s="195">
        <v>46</v>
      </c>
      <c r="AU31" s="190">
        <v>0</v>
      </c>
      <c r="AV31" s="191">
        <v>0</v>
      </c>
      <c r="AW31" s="196">
        <v>0</v>
      </c>
      <c r="AX31" s="193">
        <v>0</v>
      </c>
      <c r="AY31" s="191">
        <v>26</v>
      </c>
      <c r="AZ31" s="191">
        <v>3</v>
      </c>
      <c r="BA31" s="191">
        <v>0</v>
      </c>
      <c r="BB31" s="191">
        <v>0</v>
      </c>
      <c r="BC31" s="191">
        <v>0</v>
      </c>
      <c r="BD31" s="194">
        <v>29</v>
      </c>
      <c r="BE31" s="195">
        <v>29</v>
      </c>
      <c r="BF31" s="190">
        <v>0</v>
      </c>
      <c r="BG31" s="191">
        <v>0</v>
      </c>
      <c r="BH31" s="196">
        <v>0</v>
      </c>
      <c r="BI31" s="193">
        <v>0</v>
      </c>
      <c r="BJ31" s="191">
        <v>9</v>
      </c>
      <c r="BK31" s="191">
        <v>0</v>
      </c>
      <c r="BL31" s="191">
        <v>14</v>
      </c>
      <c r="BM31" s="191">
        <v>9</v>
      </c>
      <c r="BN31" s="191">
        <v>0</v>
      </c>
      <c r="BO31" s="196">
        <v>32</v>
      </c>
      <c r="BP31" s="195">
        <v>32</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0</v>
      </c>
      <c r="CI31" s="191">
        <v>0</v>
      </c>
      <c r="CJ31" s="191">
        <v>0</v>
      </c>
      <c r="CK31" s="196">
        <v>0</v>
      </c>
      <c r="CL31" s="195">
        <v>0</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6">
        <v>0</v>
      </c>
      <c r="E32" s="207">
        <v>0</v>
      </c>
      <c r="F32" s="193">
        <v>0</v>
      </c>
      <c r="G32" s="191">
        <v>12</v>
      </c>
      <c r="H32" s="191">
        <v>17</v>
      </c>
      <c r="I32" s="191">
        <v>58</v>
      </c>
      <c r="J32" s="191">
        <v>0</v>
      </c>
      <c r="K32" s="191">
        <v>0</v>
      </c>
      <c r="L32" s="194">
        <v>87</v>
      </c>
      <c r="M32" s="195">
        <v>87</v>
      </c>
      <c r="N32" s="190">
        <v>0</v>
      </c>
      <c r="O32" s="191">
        <v>0</v>
      </c>
      <c r="P32" s="196">
        <v>0</v>
      </c>
      <c r="Q32" s="193">
        <v>0</v>
      </c>
      <c r="R32" s="191">
        <v>0</v>
      </c>
      <c r="S32" s="191">
        <v>0</v>
      </c>
      <c r="T32" s="191">
        <v>5</v>
      </c>
      <c r="U32" s="191">
        <v>0</v>
      </c>
      <c r="V32" s="191">
        <v>0</v>
      </c>
      <c r="W32" s="196">
        <v>5</v>
      </c>
      <c r="X32" s="195">
        <v>5</v>
      </c>
      <c r="Y32" s="190">
        <v>0</v>
      </c>
      <c r="Z32" s="191">
        <v>0</v>
      </c>
      <c r="AA32" s="196">
        <v>0</v>
      </c>
      <c r="AB32" s="193">
        <v>0</v>
      </c>
      <c r="AC32" s="191">
        <v>30</v>
      </c>
      <c r="AD32" s="191">
        <v>12</v>
      </c>
      <c r="AE32" s="191">
        <v>5</v>
      </c>
      <c r="AF32" s="191">
        <v>0</v>
      </c>
      <c r="AG32" s="191">
        <v>0</v>
      </c>
      <c r="AH32" s="196">
        <v>47</v>
      </c>
      <c r="AI32" s="195">
        <v>47</v>
      </c>
      <c r="AJ32" s="190">
        <v>0</v>
      </c>
      <c r="AK32" s="191">
        <v>0</v>
      </c>
      <c r="AL32" s="196">
        <v>0</v>
      </c>
      <c r="AM32" s="193">
        <v>0</v>
      </c>
      <c r="AN32" s="191">
        <v>0</v>
      </c>
      <c r="AO32" s="191">
        <v>16</v>
      </c>
      <c r="AP32" s="191">
        <v>0</v>
      </c>
      <c r="AQ32" s="191">
        <v>0</v>
      </c>
      <c r="AR32" s="191">
        <v>0</v>
      </c>
      <c r="AS32" s="196">
        <v>16</v>
      </c>
      <c r="AT32" s="195">
        <v>16</v>
      </c>
      <c r="AU32" s="190">
        <v>0</v>
      </c>
      <c r="AV32" s="191">
        <v>0</v>
      </c>
      <c r="AW32" s="196">
        <v>0</v>
      </c>
      <c r="AX32" s="193">
        <v>0</v>
      </c>
      <c r="AY32" s="191">
        <v>5</v>
      </c>
      <c r="AZ32" s="191">
        <v>3</v>
      </c>
      <c r="BA32" s="191">
        <v>4</v>
      </c>
      <c r="BB32" s="191">
        <v>0</v>
      </c>
      <c r="BC32" s="191">
        <v>0</v>
      </c>
      <c r="BD32" s="194">
        <v>12</v>
      </c>
      <c r="BE32" s="195">
        <v>12</v>
      </c>
      <c r="BF32" s="190">
        <v>0</v>
      </c>
      <c r="BG32" s="191">
        <v>0</v>
      </c>
      <c r="BH32" s="196">
        <v>0</v>
      </c>
      <c r="BI32" s="193">
        <v>0</v>
      </c>
      <c r="BJ32" s="191">
        <v>8</v>
      </c>
      <c r="BK32" s="191">
        <v>0</v>
      </c>
      <c r="BL32" s="191">
        <v>0</v>
      </c>
      <c r="BM32" s="191">
        <v>2</v>
      </c>
      <c r="BN32" s="191">
        <v>0</v>
      </c>
      <c r="BO32" s="196">
        <v>10</v>
      </c>
      <c r="BP32" s="195">
        <v>10</v>
      </c>
      <c r="BQ32" s="190">
        <v>0</v>
      </c>
      <c r="BR32" s="191">
        <v>0</v>
      </c>
      <c r="BS32" s="196">
        <v>0</v>
      </c>
      <c r="BT32" s="193">
        <v>0</v>
      </c>
      <c r="BU32" s="191">
        <v>0</v>
      </c>
      <c r="BV32" s="191">
        <v>2</v>
      </c>
      <c r="BW32" s="191">
        <v>0</v>
      </c>
      <c r="BX32" s="191">
        <v>0</v>
      </c>
      <c r="BY32" s="191">
        <v>0</v>
      </c>
      <c r="BZ32" s="196">
        <v>2</v>
      </c>
      <c r="CA32" s="195">
        <v>2</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6">
        <v>0</v>
      </c>
      <c r="E33" s="207">
        <v>0</v>
      </c>
      <c r="F33" s="193">
        <v>0</v>
      </c>
      <c r="G33" s="191">
        <v>4</v>
      </c>
      <c r="H33" s="191">
        <v>0</v>
      </c>
      <c r="I33" s="191">
        <v>0</v>
      </c>
      <c r="J33" s="191">
        <v>0</v>
      </c>
      <c r="K33" s="191">
        <v>0</v>
      </c>
      <c r="L33" s="194">
        <v>4</v>
      </c>
      <c r="M33" s="195">
        <v>4</v>
      </c>
      <c r="N33" s="190">
        <v>0</v>
      </c>
      <c r="O33" s="191">
        <v>0</v>
      </c>
      <c r="P33" s="196">
        <v>0</v>
      </c>
      <c r="Q33" s="193">
        <v>0</v>
      </c>
      <c r="R33" s="191">
        <v>0</v>
      </c>
      <c r="S33" s="191">
        <v>0</v>
      </c>
      <c r="T33" s="191">
        <v>0</v>
      </c>
      <c r="U33" s="191">
        <v>0</v>
      </c>
      <c r="V33" s="191">
        <v>13</v>
      </c>
      <c r="W33" s="196">
        <v>13</v>
      </c>
      <c r="X33" s="195">
        <v>13</v>
      </c>
      <c r="Y33" s="190">
        <v>0</v>
      </c>
      <c r="Z33" s="191">
        <v>0</v>
      </c>
      <c r="AA33" s="196">
        <v>0</v>
      </c>
      <c r="AB33" s="193">
        <v>0</v>
      </c>
      <c r="AC33" s="191">
        <v>25</v>
      </c>
      <c r="AD33" s="191">
        <v>0</v>
      </c>
      <c r="AE33" s="191">
        <v>22</v>
      </c>
      <c r="AF33" s="191">
        <v>0</v>
      </c>
      <c r="AG33" s="191">
        <v>30</v>
      </c>
      <c r="AH33" s="196">
        <v>77</v>
      </c>
      <c r="AI33" s="195">
        <v>77</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16</v>
      </c>
      <c r="AZ33" s="191">
        <v>18</v>
      </c>
      <c r="BA33" s="191">
        <v>29</v>
      </c>
      <c r="BB33" s="191">
        <v>0</v>
      </c>
      <c r="BC33" s="191">
        <v>0</v>
      </c>
      <c r="BD33" s="194">
        <v>63</v>
      </c>
      <c r="BE33" s="195">
        <v>63</v>
      </c>
      <c r="BF33" s="190">
        <v>0</v>
      </c>
      <c r="BG33" s="191">
        <v>0</v>
      </c>
      <c r="BH33" s="196">
        <v>0</v>
      </c>
      <c r="BI33" s="193">
        <v>0</v>
      </c>
      <c r="BJ33" s="191">
        <v>5</v>
      </c>
      <c r="BK33" s="191">
        <v>0</v>
      </c>
      <c r="BL33" s="191">
        <v>12</v>
      </c>
      <c r="BM33" s="191">
        <v>0</v>
      </c>
      <c r="BN33" s="191">
        <v>0</v>
      </c>
      <c r="BO33" s="196">
        <v>17</v>
      </c>
      <c r="BP33" s="195">
        <v>17</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6">
        <v>0</v>
      </c>
      <c r="E34" s="207">
        <v>0</v>
      </c>
      <c r="F34" s="193">
        <v>0</v>
      </c>
      <c r="G34" s="191">
        <v>9</v>
      </c>
      <c r="H34" s="191">
        <v>41</v>
      </c>
      <c r="I34" s="191">
        <v>0</v>
      </c>
      <c r="J34" s="191">
        <v>0</v>
      </c>
      <c r="K34" s="191">
        <v>0</v>
      </c>
      <c r="L34" s="194">
        <v>50</v>
      </c>
      <c r="M34" s="195">
        <v>50</v>
      </c>
      <c r="N34" s="190">
        <v>0</v>
      </c>
      <c r="O34" s="191">
        <v>0</v>
      </c>
      <c r="P34" s="196">
        <v>0</v>
      </c>
      <c r="Q34" s="193">
        <v>0</v>
      </c>
      <c r="R34" s="191">
        <v>0</v>
      </c>
      <c r="S34" s="191">
        <v>0</v>
      </c>
      <c r="T34" s="191">
        <v>0</v>
      </c>
      <c r="U34" s="191">
        <v>0</v>
      </c>
      <c r="V34" s="191">
        <v>0</v>
      </c>
      <c r="W34" s="196">
        <v>0</v>
      </c>
      <c r="X34" s="195">
        <v>0</v>
      </c>
      <c r="Y34" s="190">
        <v>8</v>
      </c>
      <c r="Z34" s="191">
        <v>15</v>
      </c>
      <c r="AA34" s="196">
        <v>23</v>
      </c>
      <c r="AB34" s="193">
        <v>0</v>
      </c>
      <c r="AC34" s="191">
        <v>42</v>
      </c>
      <c r="AD34" s="191">
        <v>0</v>
      </c>
      <c r="AE34" s="191">
        <v>5</v>
      </c>
      <c r="AF34" s="191">
        <v>0</v>
      </c>
      <c r="AG34" s="191">
        <v>17</v>
      </c>
      <c r="AH34" s="196">
        <v>64</v>
      </c>
      <c r="AI34" s="195">
        <v>87</v>
      </c>
      <c r="AJ34" s="190">
        <v>0</v>
      </c>
      <c r="AK34" s="191">
        <v>0</v>
      </c>
      <c r="AL34" s="196">
        <v>0</v>
      </c>
      <c r="AM34" s="193">
        <v>0</v>
      </c>
      <c r="AN34" s="191">
        <v>0</v>
      </c>
      <c r="AO34" s="191">
        <v>27</v>
      </c>
      <c r="AP34" s="191">
        <v>0</v>
      </c>
      <c r="AQ34" s="191">
        <v>24</v>
      </c>
      <c r="AR34" s="191">
        <v>0</v>
      </c>
      <c r="AS34" s="196">
        <v>51</v>
      </c>
      <c r="AT34" s="195">
        <v>51</v>
      </c>
      <c r="AU34" s="190">
        <v>0</v>
      </c>
      <c r="AV34" s="191">
        <v>0</v>
      </c>
      <c r="AW34" s="196">
        <v>0</v>
      </c>
      <c r="AX34" s="193">
        <v>0</v>
      </c>
      <c r="AY34" s="191">
        <v>40</v>
      </c>
      <c r="AZ34" s="191">
        <v>47</v>
      </c>
      <c r="BA34" s="191">
        <v>0</v>
      </c>
      <c r="BB34" s="191">
        <v>15</v>
      </c>
      <c r="BC34" s="191">
        <v>7</v>
      </c>
      <c r="BD34" s="194">
        <v>109</v>
      </c>
      <c r="BE34" s="195">
        <v>109</v>
      </c>
      <c r="BF34" s="190">
        <v>0</v>
      </c>
      <c r="BG34" s="191">
        <v>0</v>
      </c>
      <c r="BH34" s="196">
        <v>0</v>
      </c>
      <c r="BI34" s="193">
        <v>0</v>
      </c>
      <c r="BJ34" s="191">
        <v>3</v>
      </c>
      <c r="BK34" s="191">
        <v>14</v>
      </c>
      <c r="BL34" s="191">
        <v>0</v>
      </c>
      <c r="BM34" s="191">
        <v>11</v>
      </c>
      <c r="BN34" s="191">
        <v>3</v>
      </c>
      <c r="BO34" s="196">
        <v>31</v>
      </c>
      <c r="BP34" s="195">
        <v>31</v>
      </c>
      <c r="BQ34" s="190">
        <v>0</v>
      </c>
      <c r="BR34" s="191">
        <v>0</v>
      </c>
      <c r="BS34" s="196">
        <v>0</v>
      </c>
      <c r="BT34" s="193">
        <v>0</v>
      </c>
      <c r="BU34" s="191">
        <v>0</v>
      </c>
      <c r="BV34" s="191">
        <v>10</v>
      </c>
      <c r="BW34" s="191">
        <v>2</v>
      </c>
      <c r="BX34" s="191">
        <v>7</v>
      </c>
      <c r="BY34" s="191">
        <v>4</v>
      </c>
      <c r="BZ34" s="196">
        <v>23</v>
      </c>
      <c r="CA34" s="195">
        <v>23</v>
      </c>
      <c r="CB34" s="190">
        <v>0</v>
      </c>
      <c r="CC34" s="191">
        <v>0</v>
      </c>
      <c r="CD34" s="196">
        <v>0</v>
      </c>
      <c r="CE34" s="193">
        <v>0</v>
      </c>
      <c r="CF34" s="191">
        <v>0</v>
      </c>
      <c r="CG34" s="191">
        <v>0</v>
      </c>
      <c r="CH34" s="191">
        <v>0</v>
      </c>
      <c r="CI34" s="191">
        <v>0</v>
      </c>
      <c r="CJ34" s="191">
        <v>0</v>
      </c>
      <c r="CK34" s="196">
        <v>0</v>
      </c>
      <c r="CL34" s="195">
        <v>0</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6">
        <v>0</v>
      </c>
      <c r="E35" s="207">
        <v>0</v>
      </c>
      <c r="F35" s="193">
        <v>0</v>
      </c>
      <c r="G35" s="191">
        <v>65</v>
      </c>
      <c r="H35" s="191">
        <v>0</v>
      </c>
      <c r="I35" s="191">
        <v>28</v>
      </c>
      <c r="J35" s="191">
        <v>0</v>
      </c>
      <c r="K35" s="191">
        <v>97</v>
      </c>
      <c r="L35" s="194">
        <v>190</v>
      </c>
      <c r="M35" s="195">
        <v>19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28</v>
      </c>
      <c r="AD35" s="191">
        <v>22</v>
      </c>
      <c r="AE35" s="191">
        <v>0</v>
      </c>
      <c r="AF35" s="191">
        <v>0</v>
      </c>
      <c r="AG35" s="191">
        <v>2</v>
      </c>
      <c r="AH35" s="196">
        <v>52</v>
      </c>
      <c r="AI35" s="195">
        <v>52</v>
      </c>
      <c r="AJ35" s="190">
        <v>0</v>
      </c>
      <c r="AK35" s="191">
        <v>12</v>
      </c>
      <c r="AL35" s="196">
        <v>12</v>
      </c>
      <c r="AM35" s="193">
        <v>0</v>
      </c>
      <c r="AN35" s="191">
        <v>21</v>
      </c>
      <c r="AO35" s="191">
        <v>24</v>
      </c>
      <c r="AP35" s="191">
        <v>33</v>
      </c>
      <c r="AQ35" s="191">
        <v>21</v>
      </c>
      <c r="AR35" s="191">
        <v>0</v>
      </c>
      <c r="AS35" s="196">
        <v>99</v>
      </c>
      <c r="AT35" s="195">
        <v>111</v>
      </c>
      <c r="AU35" s="190">
        <v>0</v>
      </c>
      <c r="AV35" s="191">
        <v>0</v>
      </c>
      <c r="AW35" s="196">
        <v>0</v>
      </c>
      <c r="AX35" s="193">
        <v>0</v>
      </c>
      <c r="AY35" s="191">
        <v>26</v>
      </c>
      <c r="AZ35" s="191">
        <v>0</v>
      </c>
      <c r="BA35" s="191">
        <v>0</v>
      </c>
      <c r="BB35" s="191">
        <v>0</v>
      </c>
      <c r="BC35" s="191">
        <v>14</v>
      </c>
      <c r="BD35" s="194">
        <v>40</v>
      </c>
      <c r="BE35" s="195">
        <v>40</v>
      </c>
      <c r="BF35" s="190">
        <v>0</v>
      </c>
      <c r="BG35" s="191">
        <v>0</v>
      </c>
      <c r="BH35" s="196">
        <v>0</v>
      </c>
      <c r="BI35" s="193">
        <v>0</v>
      </c>
      <c r="BJ35" s="191">
        <v>6</v>
      </c>
      <c r="BK35" s="191">
        <v>0</v>
      </c>
      <c r="BL35" s="191">
        <v>4</v>
      </c>
      <c r="BM35" s="191">
        <v>0</v>
      </c>
      <c r="BN35" s="191">
        <v>0</v>
      </c>
      <c r="BO35" s="196">
        <v>10</v>
      </c>
      <c r="BP35" s="195">
        <v>10</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10</v>
      </c>
      <c r="CG35" s="191">
        <v>0</v>
      </c>
      <c r="CH35" s="191">
        <v>0</v>
      </c>
      <c r="CI35" s="191">
        <v>0</v>
      </c>
      <c r="CJ35" s="191">
        <v>0</v>
      </c>
      <c r="CK35" s="196">
        <v>10</v>
      </c>
      <c r="CL35" s="195">
        <v>10</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0</v>
      </c>
      <c r="DC35" s="191">
        <v>0</v>
      </c>
      <c r="DD35" s="191">
        <v>0</v>
      </c>
      <c r="DE35" s="191">
        <v>0</v>
      </c>
      <c r="DF35" s="191">
        <v>0</v>
      </c>
      <c r="DG35" s="196">
        <v>0</v>
      </c>
      <c r="DH35" s="195">
        <v>0</v>
      </c>
    </row>
    <row r="36" spans="2:112" ht="21" customHeight="1" x14ac:dyDescent="0.2">
      <c r="B36" s="106" t="s">
        <v>34</v>
      </c>
      <c r="C36" s="190">
        <v>0</v>
      </c>
      <c r="D36" s="196">
        <v>0</v>
      </c>
      <c r="E36" s="207">
        <v>0</v>
      </c>
      <c r="F36" s="193">
        <v>0</v>
      </c>
      <c r="G36" s="191">
        <v>11</v>
      </c>
      <c r="H36" s="191">
        <v>6</v>
      </c>
      <c r="I36" s="191">
        <v>0</v>
      </c>
      <c r="J36" s="191">
        <v>0</v>
      </c>
      <c r="K36" s="191">
        <v>0</v>
      </c>
      <c r="L36" s="194">
        <v>17</v>
      </c>
      <c r="M36" s="195">
        <v>17</v>
      </c>
      <c r="N36" s="190">
        <v>0</v>
      </c>
      <c r="O36" s="191">
        <v>0</v>
      </c>
      <c r="P36" s="196">
        <v>0</v>
      </c>
      <c r="Q36" s="193">
        <v>0</v>
      </c>
      <c r="R36" s="191">
        <v>0</v>
      </c>
      <c r="S36" s="191">
        <v>0</v>
      </c>
      <c r="T36" s="191">
        <v>0</v>
      </c>
      <c r="U36" s="191">
        <v>0</v>
      </c>
      <c r="V36" s="191">
        <v>0</v>
      </c>
      <c r="W36" s="196">
        <v>0</v>
      </c>
      <c r="X36" s="195">
        <v>0</v>
      </c>
      <c r="Y36" s="190">
        <v>0</v>
      </c>
      <c r="Z36" s="191">
        <v>17</v>
      </c>
      <c r="AA36" s="196">
        <v>17</v>
      </c>
      <c r="AB36" s="193">
        <v>0</v>
      </c>
      <c r="AC36" s="191">
        <v>13</v>
      </c>
      <c r="AD36" s="191">
        <v>4</v>
      </c>
      <c r="AE36" s="191">
        <v>0</v>
      </c>
      <c r="AF36" s="191">
        <v>0</v>
      </c>
      <c r="AG36" s="191">
        <v>0</v>
      </c>
      <c r="AH36" s="196">
        <v>17</v>
      </c>
      <c r="AI36" s="195">
        <v>34</v>
      </c>
      <c r="AJ36" s="190">
        <v>0</v>
      </c>
      <c r="AK36" s="191">
        <v>0</v>
      </c>
      <c r="AL36" s="196">
        <v>0</v>
      </c>
      <c r="AM36" s="193">
        <v>0</v>
      </c>
      <c r="AN36" s="191">
        <v>0</v>
      </c>
      <c r="AO36" s="191">
        <v>20</v>
      </c>
      <c r="AP36" s="191">
        <v>0</v>
      </c>
      <c r="AQ36" s="191">
        <v>0</v>
      </c>
      <c r="AR36" s="191">
        <v>0</v>
      </c>
      <c r="AS36" s="196">
        <v>20</v>
      </c>
      <c r="AT36" s="195">
        <v>20</v>
      </c>
      <c r="AU36" s="190">
        <v>0</v>
      </c>
      <c r="AV36" s="191">
        <v>0</v>
      </c>
      <c r="AW36" s="196">
        <v>0</v>
      </c>
      <c r="AX36" s="193">
        <v>0</v>
      </c>
      <c r="AY36" s="191">
        <v>0</v>
      </c>
      <c r="AZ36" s="191">
        <v>8</v>
      </c>
      <c r="BA36" s="191">
        <v>25</v>
      </c>
      <c r="BB36" s="191">
        <v>13</v>
      </c>
      <c r="BC36" s="191">
        <v>0</v>
      </c>
      <c r="BD36" s="194">
        <v>46</v>
      </c>
      <c r="BE36" s="195">
        <v>46</v>
      </c>
      <c r="BF36" s="190">
        <v>0</v>
      </c>
      <c r="BG36" s="191">
        <v>0</v>
      </c>
      <c r="BH36" s="196">
        <v>0</v>
      </c>
      <c r="BI36" s="193">
        <v>0</v>
      </c>
      <c r="BJ36" s="191">
        <v>0</v>
      </c>
      <c r="BK36" s="191">
        <v>0</v>
      </c>
      <c r="BL36" s="191">
        <v>0</v>
      </c>
      <c r="BM36" s="191">
        <v>0</v>
      </c>
      <c r="BN36" s="191">
        <v>0</v>
      </c>
      <c r="BO36" s="196">
        <v>0</v>
      </c>
      <c r="BP36" s="195">
        <v>0</v>
      </c>
      <c r="BQ36" s="190">
        <v>0</v>
      </c>
      <c r="BR36" s="191">
        <v>0</v>
      </c>
      <c r="BS36" s="196">
        <v>0</v>
      </c>
      <c r="BT36" s="193">
        <v>0</v>
      </c>
      <c r="BU36" s="191">
        <v>0</v>
      </c>
      <c r="BV36" s="191">
        <v>0</v>
      </c>
      <c r="BW36" s="191">
        <v>2</v>
      </c>
      <c r="BX36" s="191">
        <v>0</v>
      </c>
      <c r="BY36" s="191">
        <v>0</v>
      </c>
      <c r="BZ36" s="196">
        <v>2</v>
      </c>
      <c r="CA36" s="195">
        <v>2</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6">
        <v>0</v>
      </c>
      <c r="E37" s="207">
        <v>0</v>
      </c>
      <c r="F37" s="193">
        <v>0</v>
      </c>
      <c r="G37" s="191">
        <v>19</v>
      </c>
      <c r="H37" s="191">
        <v>49</v>
      </c>
      <c r="I37" s="191">
        <v>11</v>
      </c>
      <c r="J37" s="191">
        <v>0</v>
      </c>
      <c r="K37" s="191">
        <v>0</v>
      </c>
      <c r="L37" s="194">
        <v>79</v>
      </c>
      <c r="M37" s="195">
        <v>79</v>
      </c>
      <c r="N37" s="190">
        <v>0</v>
      </c>
      <c r="O37" s="191">
        <v>0</v>
      </c>
      <c r="P37" s="196">
        <v>0</v>
      </c>
      <c r="Q37" s="193">
        <v>0</v>
      </c>
      <c r="R37" s="191">
        <v>0</v>
      </c>
      <c r="S37" s="191">
        <v>0</v>
      </c>
      <c r="T37" s="191">
        <v>0</v>
      </c>
      <c r="U37" s="191">
        <v>0</v>
      </c>
      <c r="V37" s="191">
        <v>0</v>
      </c>
      <c r="W37" s="196">
        <v>0</v>
      </c>
      <c r="X37" s="195">
        <v>0</v>
      </c>
      <c r="Y37" s="190">
        <v>15</v>
      </c>
      <c r="Z37" s="191">
        <v>11</v>
      </c>
      <c r="AA37" s="196">
        <v>26</v>
      </c>
      <c r="AB37" s="193">
        <v>0</v>
      </c>
      <c r="AC37" s="191">
        <v>15</v>
      </c>
      <c r="AD37" s="191">
        <v>32</v>
      </c>
      <c r="AE37" s="191">
        <v>36</v>
      </c>
      <c r="AF37" s="191">
        <v>0</v>
      </c>
      <c r="AG37" s="191">
        <v>4</v>
      </c>
      <c r="AH37" s="196">
        <v>87</v>
      </c>
      <c r="AI37" s="195">
        <v>113</v>
      </c>
      <c r="AJ37" s="190">
        <v>8</v>
      </c>
      <c r="AK37" s="191">
        <v>27</v>
      </c>
      <c r="AL37" s="196">
        <v>35</v>
      </c>
      <c r="AM37" s="193">
        <v>0</v>
      </c>
      <c r="AN37" s="191">
        <v>0</v>
      </c>
      <c r="AO37" s="191">
        <v>26</v>
      </c>
      <c r="AP37" s="191">
        <v>0</v>
      </c>
      <c r="AQ37" s="191">
        <v>0</v>
      </c>
      <c r="AR37" s="191">
        <v>0</v>
      </c>
      <c r="AS37" s="196">
        <v>26</v>
      </c>
      <c r="AT37" s="195">
        <v>61</v>
      </c>
      <c r="AU37" s="190">
        <v>0</v>
      </c>
      <c r="AV37" s="191">
        <v>0</v>
      </c>
      <c r="AW37" s="196">
        <v>0</v>
      </c>
      <c r="AX37" s="193">
        <v>0</v>
      </c>
      <c r="AY37" s="191">
        <v>22</v>
      </c>
      <c r="AZ37" s="191">
        <v>30</v>
      </c>
      <c r="BA37" s="191">
        <v>0</v>
      </c>
      <c r="BB37" s="191">
        <v>0</v>
      </c>
      <c r="BC37" s="191">
        <v>5</v>
      </c>
      <c r="BD37" s="194">
        <v>57</v>
      </c>
      <c r="BE37" s="195">
        <v>57</v>
      </c>
      <c r="BF37" s="190">
        <v>0</v>
      </c>
      <c r="BG37" s="191">
        <v>0</v>
      </c>
      <c r="BH37" s="196">
        <v>0</v>
      </c>
      <c r="BI37" s="193">
        <v>0</v>
      </c>
      <c r="BJ37" s="191">
        <v>17</v>
      </c>
      <c r="BK37" s="191">
        <v>9</v>
      </c>
      <c r="BL37" s="191">
        <v>21</v>
      </c>
      <c r="BM37" s="191">
        <v>0</v>
      </c>
      <c r="BN37" s="191">
        <v>0</v>
      </c>
      <c r="BO37" s="196">
        <v>47</v>
      </c>
      <c r="BP37" s="195">
        <v>47</v>
      </c>
      <c r="BQ37" s="190">
        <v>0</v>
      </c>
      <c r="BR37" s="191">
        <v>0</v>
      </c>
      <c r="BS37" s="196">
        <v>0</v>
      </c>
      <c r="BT37" s="193">
        <v>0</v>
      </c>
      <c r="BU37" s="191">
        <v>0</v>
      </c>
      <c r="BV37" s="191">
        <v>0</v>
      </c>
      <c r="BW37" s="191">
        <v>3</v>
      </c>
      <c r="BX37" s="191">
        <v>0</v>
      </c>
      <c r="BY37" s="191">
        <v>17</v>
      </c>
      <c r="BZ37" s="196">
        <v>20</v>
      </c>
      <c r="CA37" s="195">
        <v>2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6">
        <v>0</v>
      </c>
      <c r="E38" s="207">
        <v>0</v>
      </c>
      <c r="F38" s="193">
        <v>0</v>
      </c>
      <c r="G38" s="191">
        <v>13</v>
      </c>
      <c r="H38" s="191">
        <v>80</v>
      </c>
      <c r="I38" s="191">
        <v>9</v>
      </c>
      <c r="J38" s="191">
        <v>0</v>
      </c>
      <c r="K38" s="191">
        <v>0</v>
      </c>
      <c r="L38" s="194">
        <v>102</v>
      </c>
      <c r="M38" s="195">
        <v>102</v>
      </c>
      <c r="N38" s="190">
        <v>0</v>
      </c>
      <c r="O38" s="191">
        <v>0</v>
      </c>
      <c r="P38" s="196">
        <v>0</v>
      </c>
      <c r="Q38" s="193">
        <v>0</v>
      </c>
      <c r="R38" s="191">
        <v>0</v>
      </c>
      <c r="S38" s="191">
        <v>0</v>
      </c>
      <c r="T38" s="191">
        <v>0</v>
      </c>
      <c r="U38" s="191">
        <v>0</v>
      </c>
      <c r="V38" s="191">
        <v>0</v>
      </c>
      <c r="W38" s="196">
        <v>0</v>
      </c>
      <c r="X38" s="195">
        <v>0</v>
      </c>
      <c r="Y38" s="190">
        <v>0</v>
      </c>
      <c r="Z38" s="191">
        <v>11</v>
      </c>
      <c r="AA38" s="196">
        <v>11</v>
      </c>
      <c r="AB38" s="193">
        <v>0</v>
      </c>
      <c r="AC38" s="191">
        <v>0</v>
      </c>
      <c r="AD38" s="191">
        <v>12</v>
      </c>
      <c r="AE38" s="191">
        <v>1</v>
      </c>
      <c r="AF38" s="191">
        <v>30</v>
      </c>
      <c r="AG38" s="191">
        <v>0</v>
      </c>
      <c r="AH38" s="196">
        <v>43</v>
      </c>
      <c r="AI38" s="195">
        <v>54</v>
      </c>
      <c r="AJ38" s="190">
        <v>0</v>
      </c>
      <c r="AK38" s="191">
        <v>0</v>
      </c>
      <c r="AL38" s="196">
        <v>0</v>
      </c>
      <c r="AM38" s="193">
        <v>0</v>
      </c>
      <c r="AN38" s="191">
        <v>12</v>
      </c>
      <c r="AO38" s="191">
        <v>10</v>
      </c>
      <c r="AP38" s="191">
        <v>0</v>
      </c>
      <c r="AQ38" s="191">
        <v>0</v>
      </c>
      <c r="AR38" s="191">
        <v>0</v>
      </c>
      <c r="AS38" s="196">
        <v>22</v>
      </c>
      <c r="AT38" s="195">
        <v>22</v>
      </c>
      <c r="AU38" s="190">
        <v>0</v>
      </c>
      <c r="AV38" s="191">
        <v>0</v>
      </c>
      <c r="AW38" s="196">
        <v>0</v>
      </c>
      <c r="AX38" s="193">
        <v>0</v>
      </c>
      <c r="AY38" s="191">
        <v>6</v>
      </c>
      <c r="AZ38" s="191">
        <v>45</v>
      </c>
      <c r="BA38" s="191">
        <v>0</v>
      </c>
      <c r="BB38" s="191">
        <v>25</v>
      </c>
      <c r="BC38" s="191">
        <v>0</v>
      </c>
      <c r="BD38" s="194">
        <v>76</v>
      </c>
      <c r="BE38" s="195">
        <v>76</v>
      </c>
      <c r="BF38" s="190">
        <v>0</v>
      </c>
      <c r="BG38" s="191">
        <v>0</v>
      </c>
      <c r="BH38" s="196">
        <v>0</v>
      </c>
      <c r="BI38" s="193">
        <v>0</v>
      </c>
      <c r="BJ38" s="191">
        <v>0</v>
      </c>
      <c r="BK38" s="191">
        <v>4</v>
      </c>
      <c r="BL38" s="191">
        <v>0</v>
      </c>
      <c r="BM38" s="191">
        <v>13</v>
      </c>
      <c r="BN38" s="191">
        <v>0</v>
      </c>
      <c r="BO38" s="196">
        <v>17</v>
      </c>
      <c r="BP38" s="195">
        <v>17</v>
      </c>
      <c r="BQ38" s="190">
        <v>0</v>
      </c>
      <c r="BR38" s="191">
        <v>0</v>
      </c>
      <c r="BS38" s="196">
        <v>0</v>
      </c>
      <c r="BT38" s="193">
        <v>0</v>
      </c>
      <c r="BU38" s="191">
        <v>0</v>
      </c>
      <c r="BV38" s="191">
        <v>27</v>
      </c>
      <c r="BW38" s="191">
        <v>0</v>
      </c>
      <c r="BX38" s="191">
        <v>8</v>
      </c>
      <c r="BY38" s="191">
        <v>0</v>
      </c>
      <c r="BZ38" s="196">
        <v>35</v>
      </c>
      <c r="CA38" s="195">
        <v>35</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203">
        <v>0</v>
      </c>
      <c r="E39" s="208">
        <v>0</v>
      </c>
      <c r="F39" s="200">
        <v>0</v>
      </c>
      <c r="G39" s="198">
        <v>0</v>
      </c>
      <c r="H39" s="198">
        <v>0</v>
      </c>
      <c r="I39" s="198">
        <v>0</v>
      </c>
      <c r="J39" s="198">
        <v>0</v>
      </c>
      <c r="K39" s="198">
        <v>25</v>
      </c>
      <c r="L39" s="201">
        <v>25</v>
      </c>
      <c r="M39" s="202">
        <v>25</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27</v>
      </c>
      <c r="AE39" s="198">
        <v>0</v>
      </c>
      <c r="AF39" s="198">
        <v>0</v>
      </c>
      <c r="AG39" s="198">
        <v>4</v>
      </c>
      <c r="AH39" s="203">
        <v>31</v>
      </c>
      <c r="AI39" s="202">
        <v>31</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4</v>
      </c>
      <c r="BA39" s="198">
        <v>0</v>
      </c>
      <c r="BB39" s="198">
        <v>0</v>
      </c>
      <c r="BC39" s="198">
        <v>0</v>
      </c>
      <c r="BD39" s="201">
        <v>4</v>
      </c>
      <c r="BE39" s="202">
        <v>4</v>
      </c>
      <c r="BF39" s="197">
        <v>0</v>
      </c>
      <c r="BG39" s="198">
        <v>0</v>
      </c>
      <c r="BH39" s="203">
        <v>0</v>
      </c>
      <c r="BI39" s="200">
        <v>0</v>
      </c>
      <c r="BJ39" s="198">
        <v>0</v>
      </c>
      <c r="BK39" s="198">
        <v>0</v>
      </c>
      <c r="BL39" s="198">
        <v>0</v>
      </c>
      <c r="BM39" s="198">
        <v>0</v>
      </c>
      <c r="BN39" s="198">
        <v>0</v>
      </c>
      <c r="BO39" s="203">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2</v>
      </c>
      <c r="CK39" s="203">
        <v>2</v>
      </c>
      <c r="CL39" s="202">
        <v>2</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tabSelected="1"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5" width="7.77734375" style="70" customWidth="1"/>
    <col min="6" max="6" width="9.109375" style="70" customWidth="1"/>
    <col min="7" max="7" width="9.44140625" style="70" customWidth="1"/>
    <col min="8" max="26" width="7.77734375" style="70" customWidth="1"/>
    <col min="27" max="35" width="7.77734375" style="71" customWidth="1"/>
    <col min="36" max="16384" width="9" style="71"/>
  </cols>
  <sheetData>
    <row r="1" spans="2:35" ht="24" customHeight="1" x14ac:dyDescent="0.2">
      <c r="B1" s="10" t="s">
        <v>126</v>
      </c>
      <c r="F1" s="12"/>
      <c r="H1" s="441">
        <f>第１表!F2</f>
        <v>6</v>
      </c>
      <c r="I1" s="441"/>
      <c r="J1" s="18">
        <f>第１表!G2</f>
        <v>9</v>
      </c>
      <c r="K1" s="445">
        <f>IF(J1&lt;3,J1-2+12,J1-2)</f>
        <v>7</v>
      </c>
      <c r="L1" s="445"/>
    </row>
    <row r="2" spans="2:35" ht="24" customHeight="1" thickBot="1" x14ac:dyDescent="0.25">
      <c r="J2" s="209"/>
      <c r="K2" s="209"/>
      <c r="L2" s="209"/>
      <c r="M2" s="209"/>
      <c r="N2" s="209"/>
      <c r="O2" s="209"/>
      <c r="P2" s="210"/>
      <c r="Q2" s="210"/>
      <c r="R2" s="210"/>
    </row>
    <row r="3" spans="2:35" ht="21" customHeight="1" thickBot="1" x14ac:dyDescent="0.25">
      <c r="B3" s="119"/>
      <c r="C3" s="442" t="s">
        <v>53</v>
      </c>
      <c r="D3" s="443"/>
      <c r="E3" s="443"/>
      <c r="F3" s="443"/>
      <c r="G3" s="443"/>
      <c r="H3" s="443"/>
      <c r="I3" s="443"/>
      <c r="J3" s="443"/>
      <c r="K3" s="443"/>
      <c r="L3" s="443"/>
      <c r="M3" s="444"/>
      <c r="N3" s="442" t="s">
        <v>54</v>
      </c>
      <c r="O3" s="443"/>
      <c r="P3" s="443"/>
      <c r="Q3" s="443"/>
      <c r="R3" s="443"/>
      <c r="S3" s="443"/>
      <c r="T3" s="443"/>
      <c r="U3" s="443"/>
      <c r="V3" s="443"/>
      <c r="W3" s="443"/>
      <c r="X3" s="444"/>
      <c r="Y3" s="442" t="s">
        <v>55</v>
      </c>
      <c r="Z3" s="443"/>
      <c r="AA3" s="443"/>
      <c r="AB3" s="443"/>
      <c r="AC3" s="443"/>
      <c r="AD3" s="443"/>
      <c r="AE3" s="443"/>
      <c r="AF3" s="443"/>
      <c r="AG3" s="443"/>
      <c r="AH3" s="443"/>
      <c r="AI3" s="444"/>
    </row>
    <row r="4" spans="2:35" ht="30" customHeight="1" thickBot="1" x14ac:dyDescent="0.25">
      <c r="B4" s="119" t="s">
        <v>42</v>
      </c>
      <c r="C4" s="120" t="s">
        <v>43</v>
      </c>
      <c r="D4" s="121" t="s">
        <v>44</v>
      </c>
      <c r="E4" s="122" t="s">
        <v>45</v>
      </c>
      <c r="F4" s="123" t="s">
        <v>46</v>
      </c>
      <c r="G4" s="121" t="s">
        <v>47</v>
      </c>
      <c r="H4" s="121" t="s">
        <v>48</v>
      </c>
      <c r="I4" s="121" t="s">
        <v>49</v>
      </c>
      <c r="J4" s="121" t="s">
        <v>50</v>
      </c>
      <c r="K4" s="121" t="s">
        <v>51</v>
      </c>
      <c r="L4" s="122" t="s">
        <v>45</v>
      </c>
      <c r="M4" s="69" t="s">
        <v>52</v>
      </c>
      <c r="N4" s="120" t="s">
        <v>43</v>
      </c>
      <c r="O4" s="121" t="s">
        <v>44</v>
      </c>
      <c r="P4" s="122" t="s">
        <v>45</v>
      </c>
      <c r="Q4" s="123" t="s">
        <v>46</v>
      </c>
      <c r="R4" s="121" t="s">
        <v>47</v>
      </c>
      <c r="S4" s="121" t="s">
        <v>48</v>
      </c>
      <c r="T4" s="121" t="s">
        <v>49</v>
      </c>
      <c r="U4" s="121" t="s">
        <v>50</v>
      </c>
      <c r="V4" s="121" t="s">
        <v>51</v>
      </c>
      <c r="W4" s="122" t="s">
        <v>45</v>
      </c>
      <c r="X4" s="69" t="s">
        <v>52</v>
      </c>
      <c r="Y4" s="120" t="s">
        <v>43</v>
      </c>
      <c r="Z4" s="121" t="s">
        <v>44</v>
      </c>
      <c r="AA4" s="122" t="s">
        <v>45</v>
      </c>
      <c r="AB4" s="123" t="s">
        <v>46</v>
      </c>
      <c r="AC4" s="121" t="s">
        <v>47</v>
      </c>
      <c r="AD4" s="121" t="s">
        <v>48</v>
      </c>
      <c r="AE4" s="121" t="s">
        <v>49</v>
      </c>
      <c r="AF4" s="121" t="s">
        <v>50</v>
      </c>
      <c r="AG4" s="121" t="s">
        <v>51</v>
      </c>
      <c r="AH4" s="122" t="s">
        <v>45</v>
      </c>
      <c r="AI4" s="69" t="s">
        <v>52</v>
      </c>
    </row>
    <row r="5" spans="2:35" ht="21" customHeight="1" x14ac:dyDescent="0.2">
      <c r="B5" s="84" t="s">
        <v>4</v>
      </c>
      <c r="C5" s="211">
        <v>176</v>
      </c>
      <c r="D5" s="212">
        <v>314</v>
      </c>
      <c r="E5" s="213">
        <v>490</v>
      </c>
      <c r="F5" s="214">
        <v>0</v>
      </c>
      <c r="G5" s="212">
        <v>19845</v>
      </c>
      <c r="H5" s="212">
        <v>20178</v>
      </c>
      <c r="I5" s="212">
        <v>13119</v>
      </c>
      <c r="J5" s="212">
        <v>8238</v>
      </c>
      <c r="K5" s="212">
        <v>5015</v>
      </c>
      <c r="L5" s="213">
        <v>66395</v>
      </c>
      <c r="M5" s="215">
        <v>66885</v>
      </c>
      <c r="N5" s="216">
        <v>2</v>
      </c>
      <c r="O5" s="212">
        <v>2</v>
      </c>
      <c r="P5" s="213">
        <v>4</v>
      </c>
      <c r="Q5" s="214">
        <v>0</v>
      </c>
      <c r="R5" s="212">
        <v>212</v>
      </c>
      <c r="S5" s="212">
        <v>387</v>
      </c>
      <c r="T5" s="212">
        <v>235</v>
      </c>
      <c r="U5" s="212">
        <v>158</v>
      </c>
      <c r="V5" s="212">
        <v>155</v>
      </c>
      <c r="W5" s="213">
        <v>1147</v>
      </c>
      <c r="X5" s="215">
        <v>1151</v>
      </c>
      <c r="Y5" s="216">
        <v>178</v>
      </c>
      <c r="Z5" s="212">
        <v>316</v>
      </c>
      <c r="AA5" s="213">
        <v>494</v>
      </c>
      <c r="AB5" s="214">
        <v>0</v>
      </c>
      <c r="AC5" s="212">
        <v>20057</v>
      </c>
      <c r="AD5" s="212">
        <v>20565</v>
      </c>
      <c r="AE5" s="212">
        <v>13354</v>
      </c>
      <c r="AF5" s="212">
        <v>8396</v>
      </c>
      <c r="AG5" s="212">
        <v>5170</v>
      </c>
      <c r="AH5" s="213">
        <v>67542</v>
      </c>
      <c r="AI5" s="215">
        <v>68036</v>
      </c>
    </row>
    <row r="6" spans="2:35" ht="21" customHeight="1" x14ac:dyDescent="0.2">
      <c r="B6" s="95" t="s">
        <v>5</v>
      </c>
      <c r="C6" s="217">
        <v>67</v>
      </c>
      <c r="D6" s="218">
        <v>131</v>
      </c>
      <c r="E6" s="219">
        <v>198</v>
      </c>
      <c r="F6" s="220">
        <v>0</v>
      </c>
      <c r="G6" s="218">
        <v>7438</v>
      </c>
      <c r="H6" s="218">
        <v>9532</v>
      </c>
      <c r="I6" s="218">
        <v>5814</v>
      </c>
      <c r="J6" s="218">
        <v>3615</v>
      </c>
      <c r="K6" s="218">
        <v>2287</v>
      </c>
      <c r="L6" s="219">
        <v>28686</v>
      </c>
      <c r="M6" s="221">
        <v>28884</v>
      </c>
      <c r="N6" s="222">
        <v>1</v>
      </c>
      <c r="O6" s="218">
        <v>1</v>
      </c>
      <c r="P6" s="219">
        <v>2</v>
      </c>
      <c r="Q6" s="220">
        <v>0</v>
      </c>
      <c r="R6" s="218">
        <v>72</v>
      </c>
      <c r="S6" s="218">
        <v>194</v>
      </c>
      <c r="T6" s="218">
        <v>127</v>
      </c>
      <c r="U6" s="218">
        <v>83</v>
      </c>
      <c r="V6" s="218">
        <v>81</v>
      </c>
      <c r="W6" s="219">
        <v>557</v>
      </c>
      <c r="X6" s="221">
        <v>559</v>
      </c>
      <c r="Y6" s="222">
        <v>68</v>
      </c>
      <c r="Z6" s="218">
        <v>132</v>
      </c>
      <c r="AA6" s="219">
        <v>200</v>
      </c>
      <c r="AB6" s="220">
        <v>0</v>
      </c>
      <c r="AC6" s="218">
        <v>7510</v>
      </c>
      <c r="AD6" s="218">
        <v>9726</v>
      </c>
      <c r="AE6" s="218">
        <v>5941</v>
      </c>
      <c r="AF6" s="218">
        <v>3698</v>
      </c>
      <c r="AG6" s="218">
        <v>2368</v>
      </c>
      <c r="AH6" s="219">
        <v>29243</v>
      </c>
      <c r="AI6" s="221">
        <v>29443</v>
      </c>
    </row>
    <row r="7" spans="2:35" ht="21" customHeight="1" x14ac:dyDescent="0.2">
      <c r="B7" s="106" t="s">
        <v>6</v>
      </c>
      <c r="C7" s="217">
        <v>25</v>
      </c>
      <c r="D7" s="218">
        <v>41</v>
      </c>
      <c r="E7" s="219">
        <v>66</v>
      </c>
      <c r="F7" s="220">
        <v>0</v>
      </c>
      <c r="G7" s="218">
        <v>2911</v>
      </c>
      <c r="H7" s="218">
        <v>2696</v>
      </c>
      <c r="I7" s="218">
        <v>1913</v>
      </c>
      <c r="J7" s="218">
        <v>1296</v>
      </c>
      <c r="K7" s="218">
        <v>901</v>
      </c>
      <c r="L7" s="219">
        <v>9717</v>
      </c>
      <c r="M7" s="221">
        <v>9783</v>
      </c>
      <c r="N7" s="222">
        <v>0</v>
      </c>
      <c r="O7" s="218">
        <v>0</v>
      </c>
      <c r="P7" s="219">
        <v>0</v>
      </c>
      <c r="Q7" s="220">
        <v>0</v>
      </c>
      <c r="R7" s="218">
        <v>23</v>
      </c>
      <c r="S7" s="218">
        <v>31</v>
      </c>
      <c r="T7" s="218">
        <v>24</v>
      </c>
      <c r="U7" s="218">
        <v>20</v>
      </c>
      <c r="V7" s="218">
        <v>26</v>
      </c>
      <c r="W7" s="219">
        <v>124</v>
      </c>
      <c r="X7" s="221">
        <v>124</v>
      </c>
      <c r="Y7" s="222">
        <v>25</v>
      </c>
      <c r="Z7" s="218">
        <v>41</v>
      </c>
      <c r="AA7" s="219">
        <v>66</v>
      </c>
      <c r="AB7" s="220">
        <v>0</v>
      </c>
      <c r="AC7" s="218">
        <v>2934</v>
      </c>
      <c r="AD7" s="218">
        <v>2727</v>
      </c>
      <c r="AE7" s="218">
        <v>1937</v>
      </c>
      <c r="AF7" s="218">
        <v>1316</v>
      </c>
      <c r="AG7" s="218">
        <v>927</v>
      </c>
      <c r="AH7" s="219">
        <v>9841</v>
      </c>
      <c r="AI7" s="221">
        <v>9907</v>
      </c>
    </row>
    <row r="8" spans="2:35" ht="21" customHeight="1" x14ac:dyDescent="0.2">
      <c r="B8" s="106" t="s">
        <v>14</v>
      </c>
      <c r="C8" s="217">
        <v>19</v>
      </c>
      <c r="D8" s="218">
        <v>28</v>
      </c>
      <c r="E8" s="219">
        <v>47</v>
      </c>
      <c r="F8" s="220">
        <v>0</v>
      </c>
      <c r="G8" s="218">
        <v>1531</v>
      </c>
      <c r="H8" s="218">
        <v>1710</v>
      </c>
      <c r="I8" s="218">
        <v>1206</v>
      </c>
      <c r="J8" s="218">
        <v>681</v>
      </c>
      <c r="K8" s="218">
        <v>333</v>
      </c>
      <c r="L8" s="219">
        <v>5461</v>
      </c>
      <c r="M8" s="221">
        <v>5508</v>
      </c>
      <c r="N8" s="222">
        <v>0</v>
      </c>
      <c r="O8" s="218">
        <v>0</v>
      </c>
      <c r="P8" s="219">
        <v>0</v>
      </c>
      <c r="Q8" s="220">
        <v>0</v>
      </c>
      <c r="R8" s="218">
        <v>13</v>
      </c>
      <c r="S8" s="218">
        <v>40</v>
      </c>
      <c r="T8" s="218">
        <v>17</v>
      </c>
      <c r="U8" s="218">
        <v>8</v>
      </c>
      <c r="V8" s="218">
        <v>9</v>
      </c>
      <c r="W8" s="219">
        <v>87</v>
      </c>
      <c r="X8" s="221">
        <v>87</v>
      </c>
      <c r="Y8" s="222">
        <v>19</v>
      </c>
      <c r="Z8" s="218">
        <v>28</v>
      </c>
      <c r="AA8" s="219">
        <v>47</v>
      </c>
      <c r="AB8" s="220">
        <v>0</v>
      </c>
      <c r="AC8" s="218">
        <v>1544</v>
      </c>
      <c r="AD8" s="218">
        <v>1750</v>
      </c>
      <c r="AE8" s="218">
        <v>1223</v>
      </c>
      <c r="AF8" s="218">
        <v>689</v>
      </c>
      <c r="AG8" s="218">
        <v>342</v>
      </c>
      <c r="AH8" s="219">
        <v>5548</v>
      </c>
      <c r="AI8" s="221">
        <v>5595</v>
      </c>
    </row>
    <row r="9" spans="2:35" ht="21" customHeight="1" x14ac:dyDescent="0.2">
      <c r="B9" s="106" t="s">
        <v>7</v>
      </c>
      <c r="C9" s="217">
        <v>2</v>
      </c>
      <c r="D9" s="218">
        <v>5</v>
      </c>
      <c r="E9" s="219">
        <v>7</v>
      </c>
      <c r="F9" s="220">
        <v>0</v>
      </c>
      <c r="G9" s="218">
        <v>1499</v>
      </c>
      <c r="H9" s="218">
        <v>1010</v>
      </c>
      <c r="I9" s="218">
        <v>556</v>
      </c>
      <c r="J9" s="218">
        <v>313</v>
      </c>
      <c r="K9" s="218">
        <v>178</v>
      </c>
      <c r="L9" s="219">
        <v>3556</v>
      </c>
      <c r="M9" s="221">
        <v>3563</v>
      </c>
      <c r="N9" s="222">
        <v>0</v>
      </c>
      <c r="O9" s="218">
        <v>0</v>
      </c>
      <c r="P9" s="219">
        <v>0</v>
      </c>
      <c r="Q9" s="220">
        <v>0</v>
      </c>
      <c r="R9" s="218">
        <v>22</v>
      </c>
      <c r="S9" s="218">
        <v>17</v>
      </c>
      <c r="T9" s="218">
        <v>11</v>
      </c>
      <c r="U9" s="218">
        <v>5</v>
      </c>
      <c r="V9" s="218">
        <v>4</v>
      </c>
      <c r="W9" s="219">
        <v>59</v>
      </c>
      <c r="X9" s="221">
        <v>59</v>
      </c>
      <c r="Y9" s="222">
        <v>2</v>
      </c>
      <c r="Z9" s="218">
        <v>5</v>
      </c>
      <c r="AA9" s="219">
        <v>7</v>
      </c>
      <c r="AB9" s="220">
        <v>0</v>
      </c>
      <c r="AC9" s="218">
        <v>1521</v>
      </c>
      <c r="AD9" s="218">
        <v>1027</v>
      </c>
      <c r="AE9" s="218">
        <v>567</v>
      </c>
      <c r="AF9" s="218">
        <v>318</v>
      </c>
      <c r="AG9" s="218">
        <v>182</v>
      </c>
      <c r="AH9" s="219">
        <v>3615</v>
      </c>
      <c r="AI9" s="221">
        <v>3622</v>
      </c>
    </row>
    <row r="10" spans="2:35" ht="21" customHeight="1" x14ac:dyDescent="0.2">
      <c r="B10" s="106" t="s">
        <v>8</v>
      </c>
      <c r="C10" s="217">
        <v>14</v>
      </c>
      <c r="D10" s="218">
        <v>10</v>
      </c>
      <c r="E10" s="219">
        <v>24</v>
      </c>
      <c r="F10" s="220">
        <v>0</v>
      </c>
      <c r="G10" s="218">
        <v>793</v>
      </c>
      <c r="H10" s="218">
        <v>690</v>
      </c>
      <c r="I10" s="218">
        <v>405</v>
      </c>
      <c r="J10" s="218">
        <v>238</v>
      </c>
      <c r="K10" s="218">
        <v>136</v>
      </c>
      <c r="L10" s="219">
        <v>2262</v>
      </c>
      <c r="M10" s="221">
        <v>2286</v>
      </c>
      <c r="N10" s="222">
        <v>0</v>
      </c>
      <c r="O10" s="218">
        <v>0</v>
      </c>
      <c r="P10" s="219">
        <v>0</v>
      </c>
      <c r="Q10" s="220">
        <v>0</v>
      </c>
      <c r="R10" s="218">
        <v>17</v>
      </c>
      <c r="S10" s="218">
        <v>27</v>
      </c>
      <c r="T10" s="218">
        <v>6</v>
      </c>
      <c r="U10" s="218">
        <v>5</v>
      </c>
      <c r="V10" s="218">
        <v>3</v>
      </c>
      <c r="W10" s="219">
        <v>58</v>
      </c>
      <c r="X10" s="221">
        <v>58</v>
      </c>
      <c r="Y10" s="222">
        <v>14</v>
      </c>
      <c r="Z10" s="218">
        <v>10</v>
      </c>
      <c r="AA10" s="219">
        <v>24</v>
      </c>
      <c r="AB10" s="220">
        <v>0</v>
      </c>
      <c r="AC10" s="218">
        <v>810</v>
      </c>
      <c r="AD10" s="218">
        <v>717</v>
      </c>
      <c r="AE10" s="218">
        <v>411</v>
      </c>
      <c r="AF10" s="218">
        <v>243</v>
      </c>
      <c r="AG10" s="218">
        <v>139</v>
      </c>
      <c r="AH10" s="219">
        <v>2320</v>
      </c>
      <c r="AI10" s="221">
        <v>2344</v>
      </c>
    </row>
    <row r="11" spans="2:35" ht="21" customHeight="1" x14ac:dyDescent="0.2">
      <c r="B11" s="106" t="s">
        <v>9</v>
      </c>
      <c r="C11" s="217">
        <v>5</v>
      </c>
      <c r="D11" s="218">
        <v>3</v>
      </c>
      <c r="E11" s="219">
        <v>8</v>
      </c>
      <c r="F11" s="220">
        <v>0</v>
      </c>
      <c r="G11" s="218">
        <v>544</v>
      </c>
      <c r="H11" s="218">
        <v>408</v>
      </c>
      <c r="I11" s="218">
        <v>284</v>
      </c>
      <c r="J11" s="218">
        <v>209</v>
      </c>
      <c r="K11" s="218">
        <v>103</v>
      </c>
      <c r="L11" s="219">
        <v>1548</v>
      </c>
      <c r="M11" s="221">
        <v>1556</v>
      </c>
      <c r="N11" s="222">
        <v>0</v>
      </c>
      <c r="O11" s="218">
        <v>0</v>
      </c>
      <c r="P11" s="219">
        <v>0</v>
      </c>
      <c r="Q11" s="220">
        <v>0</v>
      </c>
      <c r="R11" s="218">
        <v>13</v>
      </c>
      <c r="S11" s="218">
        <v>14</v>
      </c>
      <c r="T11" s="218">
        <v>2</v>
      </c>
      <c r="U11" s="218">
        <v>3</v>
      </c>
      <c r="V11" s="218">
        <v>2</v>
      </c>
      <c r="W11" s="219">
        <v>34</v>
      </c>
      <c r="X11" s="221">
        <v>34</v>
      </c>
      <c r="Y11" s="222">
        <v>5</v>
      </c>
      <c r="Z11" s="218">
        <v>3</v>
      </c>
      <c r="AA11" s="219">
        <v>8</v>
      </c>
      <c r="AB11" s="220">
        <v>0</v>
      </c>
      <c r="AC11" s="218">
        <v>557</v>
      </c>
      <c r="AD11" s="218">
        <v>422</v>
      </c>
      <c r="AE11" s="218">
        <v>286</v>
      </c>
      <c r="AF11" s="218">
        <v>212</v>
      </c>
      <c r="AG11" s="218">
        <v>105</v>
      </c>
      <c r="AH11" s="219">
        <v>1582</v>
      </c>
      <c r="AI11" s="221">
        <v>1590</v>
      </c>
    </row>
    <row r="12" spans="2:35" ht="21" customHeight="1" x14ac:dyDescent="0.2">
      <c r="B12" s="106" t="s">
        <v>10</v>
      </c>
      <c r="C12" s="217">
        <v>13</v>
      </c>
      <c r="D12" s="218">
        <v>18</v>
      </c>
      <c r="E12" s="219">
        <v>31</v>
      </c>
      <c r="F12" s="220">
        <v>0</v>
      </c>
      <c r="G12" s="218">
        <v>899</v>
      </c>
      <c r="H12" s="218">
        <v>502</v>
      </c>
      <c r="I12" s="218">
        <v>413</v>
      </c>
      <c r="J12" s="218">
        <v>330</v>
      </c>
      <c r="K12" s="218">
        <v>231</v>
      </c>
      <c r="L12" s="219">
        <v>2375</v>
      </c>
      <c r="M12" s="221">
        <v>2406</v>
      </c>
      <c r="N12" s="222">
        <v>0</v>
      </c>
      <c r="O12" s="218">
        <v>1</v>
      </c>
      <c r="P12" s="219">
        <v>1</v>
      </c>
      <c r="Q12" s="220">
        <v>0</v>
      </c>
      <c r="R12" s="218">
        <v>10</v>
      </c>
      <c r="S12" s="218">
        <v>8</v>
      </c>
      <c r="T12" s="218">
        <v>7</v>
      </c>
      <c r="U12" s="218">
        <v>7</v>
      </c>
      <c r="V12" s="218">
        <v>4</v>
      </c>
      <c r="W12" s="219">
        <v>36</v>
      </c>
      <c r="X12" s="221">
        <v>37</v>
      </c>
      <c r="Y12" s="222">
        <v>13</v>
      </c>
      <c r="Z12" s="218">
        <v>19</v>
      </c>
      <c r="AA12" s="219">
        <v>32</v>
      </c>
      <c r="AB12" s="220">
        <v>0</v>
      </c>
      <c r="AC12" s="218">
        <v>909</v>
      </c>
      <c r="AD12" s="218">
        <v>510</v>
      </c>
      <c r="AE12" s="218">
        <v>420</v>
      </c>
      <c r="AF12" s="218">
        <v>337</v>
      </c>
      <c r="AG12" s="218">
        <v>235</v>
      </c>
      <c r="AH12" s="219">
        <v>2411</v>
      </c>
      <c r="AI12" s="221">
        <v>2443</v>
      </c>
    </row>
    <row r="13" spans="2:35" ht="21" customHeight="1" x14ac:dyDescent="0.2">
      <c r="B13" s="106" t="s">
        <v>11</v>
      </c>
      <c r="C13" s="217">
        <v>2</v>
      </c>
      <c r="D13" s="218">
        <v>7</v>
      </c>
      <c r="E13" s="219">
        <v>9</v>
      </c>
      <c r="F13" s="220">
        <v>0</v>
      </c>
      <c r="G13" s="218">
        <v>620</v>
      </c>
      <c r="H13" s="218">
        <v>403</v>
      </c>
      <c r="I13" s="218">
        <v>300</v>
      </c>
      <c r="J13" s="218">
        <v>187</v>
      </c>
      <c r="K13" s="218">
        <v>85</v>
      </c>
      <c r="L13" s="219">
        <v>1595</v>
      </c>
      <c r="M13" s="221">
        <v>1604</v>
      </c>
      <c r="N13" s="222">
        <v>1</v>
      </c>
      <c r="O13" s="218">
        <v>0</v>
      </c>
      <c r="P13" s="219">
        <v>1</v>
      </c>
      <c r="Q13" s="220">
        <v>0</v>
      </c>
      <c r="R13" s="218">
        <v>7</v>
      </c>
      <c r="S13" s="218">
        <v>2</v>
      </c>
      <c r="T13" s="218">
        <v>6</v>
      </c>
      <c r="U13" s="218">
        <v>5</v>
      </c>
      <c r="V13" s="218">
        <v>2</v>
      </c>
      <c r="W13" s="219">
        <v>22</v>
      </c>
      <c r="X13" s="221">
        <v>23</v>
      </c>
      <c r="Y13" s="222">
        <v>3</v>
      </c>
      <c r="Z13" s="218">
        <v>7</v>
      </c>
      <c r="AA13" s="219">
        <v>10</v>
      </c>
      <c r="AB13" s="220">
        <v>0</v>
      </c>
      <c r="AC13" s="218">
        <v>627</v>
      </c>
      <c r="AD13" s="218">
        <v>405</v>
      </c>
      <c r="AE13" s="218">
        <v>306</v>
      </c>
      <c r="AF13" s="218">
        <v>192</v>
      </c>
      <c r="AG13" s="218">
        <v>87</v>
      </c>
      <c r="AH13" s="219">
        <v>1617</v>
      </c>
      <c r="AI13" s="221">
        <v>1627</v>
      </c>
    </row>
    <row r="14" spans="2:35" ht="21" customHeight="1" x14ac:dyDescent="0.2">
      <c r="B14" s="106" t="s">
        <v>12</v>
      </c>
      <c r="C14" s="217">
        <v>0</v>
      </c>
      <c r="D14" s="218">
        <v>1</v>
      </c>
      <c r="E14" s="219">
        <v>1</v>
      </c>
      <c r="F14" s="220">
        <v>0</v>
      </c>
      <c r="G14" s="218">
        <v>473</v>
      </c>
      <c r="H14" s="218">
        <v>352</v>
      </c>
      <c r="I14" s="218">
        <v>282</v>
      </c>
      <c r="J14" s="218">
        <v>188</v>
      </c>
      <c r="K14" s="218">
        <v>122</v>
      </c>
      <c r="L14" s="219">
        <v>1417</v>
      </c>
      <c r="M14" s="221">
        <v>1418</v>
      </c>
      <c r="N14" s="222">
        <v>0</v>
      </c>
      <c r="O14" s="218">
        <v>0</v>
      </c>
      <c r="P14" s="219">
        <v>0</v>
      </c>
      <c r="Q14" s="220">
        <v>0</v>
      </c>
      <c r="R14" s="218">
        <v>6</v>
      </c>
      <c r="S14" s="218">
        <v>8</v>
      </c>
      <c r="T14" s="218">
        <v>3</v>
      </c>
      <c r="U14" s="218">
        <v>1</v>
      </c>
      <c r="V14" s="218">
        <v>3</v>
      </c>
      <c r="W14" s="219">
        <v>21</v>
      </c>
      <c r="X14" s="221">
        <v>21</v>
      </c>
      <c r="Y14" s="222">
        <v>0</v>
      </c>
      <c r="Z14" s="218">
        <v>1</v>
      </c>
      <c r="AA14" s="219">
        <v>1</v>
      </c>
      <c r="AB14" s="220">
        <v>0</v>
      </c>
      <c r="AC14" s="218">
        <v>479</v>
      </c>
      <c r="AD14" s="218">
        <v>360</v>
      </c>
      <c r="AE14" s="218">
        <v>285</v>
      </c>
      <c r="AF14" s="218">
        <v>189</v>
      </c>
      <c r="AG14" s="218">
        <v>125</v>
      </c>
      <c r="AH14" s="219">
        <v>1438</v>
      </c>
      <c r="AI14" s="221">
        <v>1439</v>
      </c>
    </row>
    <row r="15" spans="2:35" ht="21" customHeight="1" x14ac:dyDescent="0.2">
      <c r="B15" s="106" t="s">
        <v>13</v>
      </c>
      <c r="C15" s="217">
        <v>3</v>
      </c>
      <c r="D15" s="218">
        <v>1</v>
      </c>
      <c r="E15" s="219">
        <v>4</v>
      </c>
      <c r="F15" s="220">
        <v>0</v>
      </c>
      <c r="G15" s="218">
        <v>195</v>
      </c>
      <c r="H15" s="218">
        <v>198</v>
      </c>
      <c r="I15" s="218">
        <v>103</v>
      </c>
      <c r="J15" s="218">
        <v>68</v>
      </c>
      <c r="K15" s="218">
        <v>38</v>
      </c>
      <c r="L15" s="219">
        <v>602</v>
      </c>
      <c r="M15" s="221">
        <v>606</v>
      </c>
      <c r="N15" s="222">
        <v>0</v>
      </c>
      <c r="O15" s="218">
        <v>0</v>
      </c>
      <c r="P15" s="219">
        <v>0</v>
      </c>
      <c r="Q15" s="220">
        <v>0</v>
      </c>
      <c r="R15" s="218">
        <v>1</v>
      </c>
      <c r="S15" s="218">
        <v>1</v>
      </c>
      <c r="T15" s="218">
        <v>3</v>
      </c>
      <c r="U15" s="218">
        <v>0</v>
      </c>
      <c r="V15" s="218">
        <v>0</v>
      </c>
      <c r="W15" s="219">
        <v>5</v>
      </c>
      <c r="X15" s="221">
        <v>5</v>
      </c>
      <c r="Y15" s="222">
        <v>3</v>
      </c>
      <c r="Z15" s="218">
        <v>1</v>
      </c>
      <c r="AA15" s="219">
        <v>4</v>
      </c>
      <c r="AB15" s="220">
        <v>0</v>
      </c>
      <c r="AC15" s="218">
        <v>196</v>
      </c>
      <c r="AD15" s="218">
        <v>199</v>
      </c>
      <c r="AE15" s="218">
        <v>106</v>
      </c>
      <c r="AF15" s="218">
        <v>68</v>
      </c>
      <c r="AG15" s="218">
        <v>38</v>
      </c>
      <c r="AH15" s="219">
        <v>607</v>
      </c>
      <c r="AI15" s="221">
        <v>611</v>
      </c>
    </row>
    <row r="16" spans="2:35" ht="21" customHeight="1" x14ac:dyDescent="0.2">
      <c r="B16" s="106" t="s">
        <v>15</v>
      </c>
      <c r="C16" s="217">
        <v>2</v>
      </c>
      <c r="D16" s="218">
        <v>13</v>
      </c>
      <c r="E16" s="219">
        <v>15</v>
      </c>
      <c r="F16" s="220">
        <v>0</v>
      </c>
      <c r="G16" s="218">
        <v>274</v>
      </c>
      <c r="H16" s="218">
        <v>276</v>
      </c>
      <c r="I16" s="218">
        <v>136</v>
      </c>
      <c r="J16" s="218">
        <v>82</v>
      </c>
      <c r="K16" s="218">
        <v>59</v>
      </c>
      <c r="L16" s="219">
        <v>827</v>
      </c>
      <c r="M16" s="221">
        <v>842</v>
      </c>
      <c r="N16" s="222">
        <v>0</v>
      </c>
      <c r="O16" s="218">
        <v>0</v>
      </c>
      <c r="P16" s="219">
        <v>0</v>
      </c>
      <c r="Q16" s="220">
        <v>0</v>
      </c>
      <c r="R16" s="218">
        <v>4</v>
      </c>
      <c r="S16" s="218">
        <v>5</v>
      </c>
      <c r="T16" s="218">
        <v>1</v>
      </c>
      <c r="U16" s="218">
        <v>1</v>
      </c>
      <c r="V16" s="218">
        <v>0</v>
      </c>
      <c r="W16" s="219">
        <v>11</v>
      </c>
      <c r="X16" s="221">
        <v>11</v>
      </c>
      <c r="Y16" s="222">
        <v>2</v>
      </c>
      <c r="Z16" s="218">
        <v>13</v>
      </c>
      <c r="AA16" s="219">
        <v>15</v>
      </c>
      <c r="AB16" s="220">
        <v>0</v>
      </c>
      <c r="AC16" s="218">
        <v>278</v>
      </c>
      <c r="AD16" s="218">
        <v>281</v>
      </c>
      <c r="AE16" s="218">
        <v>137</v>
      </c>
      <c r="AF16" s="218">
        <v>83</v>
      </c>
      <c r="AG16" s="218">
        <v>59</v>
      </c>
      <c r="AH16" s="219">
        <v>838</v>
      </c>
      <c r="AI16" s="221">
        <v>853</v>
      </c>
    </row>
    <row r="17" spans="2:35" ht="21" customHeight="1" x14ac:dyDescent="0.2">
      <c r="B17" s="106" t="s">
        <v>16</v>
      </c>
      <c r="C17" s="217">
        <v>3</v>
      </c>
      <c r="D17" s="218">
        <v>3</v>
      </c>
      <c r="E17" s="219">
        <v>6</v>
      </c>
      <c r="F17" s="220">
        <v>0</v>
      </c>
      <c r="G17" s="218">
        <v>206</v>
      </c>
      <c r="H17" s="218">
        <v>292</v>
      </c>
      <c r="I17" s="218">
        <v>171</v>
      </c>
      <c r="J17" s="218">
        <v>127</v>
      </c>
      <c r="K17" s="218">
        <v>72</v>
      </c>
      <c r="L17" s="219">
        <v>868</v>
      </c>
      <c r="M17" s="221">
        <v>874</v>
      </c>
      <c r="N17" s="222">
        <v>0</v>
      </c>
      <c r="O17" s="218">
        <v>0</v>
      </c>
      <c r="P17" s="219">
        <v>0</v>
      </c>
      <c r="Q17" s="220">
        <v>0</v>
      </c>
      <c r="R17" s="218">
        <v>4</v>
      </c>
      <c r="S17" s="218">
        <v>2</v>
      </c>
      <c r="T17" s="218">
        <v>6</v>
      </c>
      <c r="U17" s="218">
        <v>3</v>
      </c>
      <c r="V17" s="218">
        <v>2</v>
      </c>
      <c r="W17" s="219">
        <v>17</v>
      </c>
      <c r="X17" s="221">
        <v>17</v>
      </c>
      <c r="Y17" s="222">
        <v>3</v>
      </c>
      <c r="Z17" s="218">
        <v>3</v>
      </c>
      <c r="AA17" s="219">
        <v>6</v>
      </c>
      <c r="AB17" s="220">
        <v>0</v>
      </c>
      <c r="AC17" s="218">
        <v>210</v>
      </c>
      <c r="AD17" s="218">
        <v>294</v>
      </c>
      <c r="AE17" s="218">
        <v>177</v>
      </c>
      <c r="AF17" s="218">
        <v>130</v>
      </c>
      <c r="AG17" s="218">
        <v>74</v>
      </c>
      <c r="AH17" s="219">
        <v>885</v>
      </c>
      <c r="AI17" s="221">
        <v>891</v>
      </c>
    </row>
    <row r="18" spans="2:35" ht="21" customHeight="1" x14ac:dyDescent="0.2">
      <c r="B18" s="106" t="s">
        <v>17</v>
      </c>
      <c r="C18" s="217">
        <v>5</v>
      </c>
      <c r="D18" s="218">
        <v>5</v>
      </c>
      <c r="E18" s="219">
        <v>10</v>
      </c>
      <c r="F18" s="220">
        <v>0</v>
      </c>
      <c r="G18" s="218">
        <v>336</v>
      </c>
      <c r="H18" s="218">
        <v>456</v>
      </c>
      <c r="I18" s="218">
        <v>324</v>
      </c>
      <c r="J18" s="218">
        <v>216</v>
      </c>
      <c r="K18" s="218">
        <v>121</v>
      </c>
      <c r="L18" s="219">
        <v>1453</v>
      </c>
      <c r="M18" s="221">
        <v>1463</v>
      </c>
      <c r="N18" s="222">
        <v>0</v>
      </c>
      <c r="O18" s="218">
        <v>0</v>
      </c>
      <c r="P18" s="219">
        <v>0</v>
      </c>
      <c r="Q18" s="220">
        <v>0</v>
      </c>
      <c r="R18" s="218">
        <v>4</v>
      </c>
      <c r="S18" s="218">
        <v>14</v>
      </c>
      <c r="T18" s="218">
        <v>4</v>
      </c>
      <c r="U18" s="218">
        <v>7</v>
      </c>
      <c r="V18" s="218">
        <v>6</v>
      </c>
      <c r="W18" s="219">
        <v>35</v>
      </c>
      <c r="X18" s="221">
        <v>35</v>
      </c>
      <c r="Y18" s="222">
        <v>5</v>
      </c>
      <c r="Z18" s="218">
        <v>5</v>
      </c>
      <c r="AA18" s="219">
        <v>10</v>
      </c>
      <c r="AB18" s="220">
        <v>0</v>
      </c>
      <c r="AC18" s="218">
        <v>340</v>
      </c>
      <c r="AD18" s="218">
        <v>470</v>
      </c>
      <c r="AE18" s="218">
        <v>328</v>
      </c>
      <c r="AF18" s="218">
        <v>223</v>
      </c>
      <c r="AG18" s="218">
        <v>127</v>
      </c>
      <c r="AH18" s="219">
        <v>1488</v>
      </c>
      <c r="AI18" s="221">
        <v>1498</v>
      </c>
    </row>
    <row r="19" spans="2:35" ht="21" customHeight="1" x14ac:dyDescent="0.2">
      <c r="B19" s="106" t="s">
        <v>18</v>
      </c>
      <c r="C19" s="217">
        <v>4</v>
      </c>
      <c r="D19" s="218">
        <v>18</v>
      </c>
      <c r="E19" s="219">
        <v>22</v>
      </c>
      <c r="F19" s="220">
        <v>0</v>
      </c>
      <c r="G19" s="218">
        <v>433</v>
      </c>
      <c r="H19" s="218">
        <v>344</v>
      </c>
      <c r="I19" s="218">
        <v>281</v>
      </c>
      <c r="J19" s="218">
        <v>177</v>
      </c>
      <c r="K19" s="218">
        <v>82</v>
      </c>
      <c r="L19" s="219">
        <v>1317</v>
      </c>
      <c r="M19" s="221">
        <v>1339</v>
      </c>
      <c r="N19" s="222">
        <v>0</v>
      </c>
      <c r="O19" s="218">
        <v>0</v>
      </c>
      <c r="P19" s="219">
        <v>0</v>
      </c>
      <c r="Q19" s="220">
        <v>0</v>
      </c>
      <c r="R19" s="218">
        <v>4</v>
      </c>
      <c r="S19" s="218">
        <v>6</v>
      </c>
      <c r="T19" s="218">
        <v>3</v>
      </c>
      <c r="U19" s="218">
        <v>5</v>
      </c>
      <c r="V19" s="218">
        <v>5</v>
      </c>
      <c r="W19" s="219">
        <v>23</v>
      </c>
      <c r="X19" s="221">
        <v>23</v>
      </c>
      <c r="Y19" s="222">
        <v>4</v>
      </c>
      <c r="Z19" s="218">
        <v>18</v>
      </c>
      <c r="AA19" s="219">
        <v>22</v>
      </c>
      <c r="AB19" s="220">
        <v>0</v>
      </c>
      <c r="AC19" s="218">
        <v>437</v>
      </c>
      <c r="AD19" s="218">
        <v>350</v>
      </c>
      <c r="AE19" s="218">
        <v>284</v>
      </c>
      <c r="AF19" s="218">
        <v>182</v>
      </c>
      <c r="AG19" s="218">
        <v>87</v>
      </c>
      <c r="AH19" s="219">
        <v>1340</v>
      </c>
      <c r="AI19" s="221">
        <v>1362</v>
      </c>
    </row>
    <row r="20" spans="2:35" ht="21" customHeight="1" x14ac:dyDescent="0.2">
      <c r="B20" s="106" t="s">
        <v>19</v>
      </c>
      <c r="C20" s="217">
        <v>1</v>
      </c>
      <c r="D20" s="218">
        <v>4</v>
      </c>
      <c r="E20" s="219">
        <v>5</v>
      </c>
      <c r="F20" s="220">
        <v>0</v>
      </c>
      <c r="G20" s="218">
        <v>198</v>
      </c>
      <c r="H20" s="218">
        <v>177</v>
      </c>
      <c r="I20" s="218">
        <v>136</v>
      </c>
      <c r="J20" s="218">
        <v>67</v>
      </c>
      <c r="K20" s="218">
        <v>48</v>
      </c>
      <c r="L20" s="219">
        <v>626</v>
      </c>
      <c r="M20" s="221">
        <v>631</v>
      </c>
      <c r="N20" s="222">
        <v>0</v>
      </c>
      <c r="O20" s="218">
        <v>0</v>
      </c>
      <c r="P20" s="219">
        <v>0</v>
      </c>
      <c r="Q20" s="220">
        <v>0</v>
      </c>
      <c r="R20" s="218">
        <v>2</v>
      </c>
      <c r="S20" s="218">
        <v>2</v>
      </c>
      <c r="T20" s="218">
        <v>0</v>
      </c>
      <c r="U20" s="218">
        <v>3</v>
      </c>
      <c r="V20" s="218">
        <v>1</v>
      </c>
      <c r="W20" s="219">
        <v>8</v>
      </c>
      <c r="X20" s="221">
        <v>8</v>
      </c>
      <c r="Y20" s="222">
        <v>1</v>
      </c>
      <c r="Z20" s="218">
        <v>4</v>
      </c>
      <c r="AA20" s="219">
        <v>5</v>
      </c>
      <c r="AB20" s="220">
        <v>0</v>
      </c>
      <c r="AC20" s="218">
        <v>200</v>
      </c>
      <c r="AD20" s="218">
        <v>179</v>
      </c>
      <c r="AE20" s="218">
        <v>136</v>
      </c>
      <c r="AF20" s="218">
        <v>70</v>
      </c>
      <c r="AG20" s="218">
        <v>49</v>
      </c>
      <c r="AH20" s="219">
        <v>634</v>
      </c>
      <c r="AI20" s="221">
        <v>639</v>
      </c>
    </row>
    <row r="21" spans="2:35" ht="21" customHeight="1" x14ac:dyDescent="0.2">
      <c r="B21" s="106" t="s">
        <v>20</v>
      </c>
      <c r="C21" s="217">
        <v>0</v>
      </c>
      <c r="D21" s="218">
        <v>1</v>
      </c>
      <c r="E21" s="219">
        <v>1</v>
      </c>
      <c r="F21" s="220">
        <v>0</v>
      </c>
      <c r="G21" s="218">
        <v>243</v>
      </c>
      <c r="H21" s="218">
        <v>145</v>
      </c>
      <c r="I21" s="218">
        <v>112</v>
      </c>
      <c r="J21" s="218">
        <v>43</v>
      </c>
      <c r="K21" s="218">
        <v>26</v>
      </c>
      <c r="L21" s="219">
        <v>569</v>
      </c>
      <c r="M21" s="221">
        <v>570</v>
      </c>
      <c r="N21" s="222">
        <v>0</v>
      </c>
      <c r="O21" s="218">
        <v>0</v>
      </c>
      <c r="P21" s="219">
        <v>0</v>
      </c>
      <c r="Q21" s="220">
        <v>0</v>
      </c>
      <c r="R21" s="218">
        <v>5</v>
      </c>
      <c r="S21" s="218">
        <v>3</v>
      </c>
      <c r="T21" s="218">
        <v>2</v>
      </c>
      <c r="U21" s="218">
        <v>0</v>
      </c>
      <c r="V21" s="218">
        <v>2</v>
      </c>
      <c r="W21" s="219">
        <v>12</v>
      </c>
      <c r="X21" s="221">
        <v>12</v>
      </c>
      <c r="Y21" s="222">
        <v>0</v>
      </c>
      <c r="Z21" s="218">
        <v>1</v>
      </c>
      <c r="AA21" s="219">
        <v>1</v>
      </c>
      <c r="AB21" s="220">
        <v>0</v>
      </c>
      <c r="AC21" s="218">
        <v>248</v>
      </c>
      <c r="AD21" s="218">
        <v>148</v>
      </c>
      <c r="AE21" s="218">
        <v>114</v>
      </c>
      <c r="AF21" s="218">
        <v>43</v>
      </c>
      <c r="AG21" s="218">
        <v>28</v>
      </c>
      <c r="AH21" s="219">
        <v>581</v>
      </c>
      <c r="AI21" s="221">
        <v>582</v>
      </c>
    </row>
    <row r="22" spans="2:35" ht="21" customHeight="1" x14ac:dyDescent="0.2">
      <c r="B22" s="106" t="s">
        <v>21</v>
      </c>
      <c r="C22" s="217">
        <v>0</v>
      </c>
      <c r="D22" s="218">
        <v>0</v>
      </c>
      <c r="E22" s="219">
        <v>0</v>
      </c>
      <c r="F22" s="220">
        <v>0</v>
      </c>
      <c r="G22" s="218">
        <v>286</v>
      </c>
      <c r="H22" s="218">
        <v>255</v>
      </c>
      <c r="I22" s="218">
        <v>142</v>
      </c>
      <c r="J22" s="218">
        <v>66</v>
      </c>
      <c r="K22" s="218">
        <v>36</v>
      </c>
      <c r="L22" s="219">
        <v>785</v>
      </c>
      <c r="M22" s="221">
        <v>785</v>
      </c>
      <c r="N22" s="222">
        <v>0</v>
      </c>
      <c r="O22" s="218">
        <v>0</v>
      </c>
      <c r="P22" s="219">
        <v>0</v>
      </c>
      <c r="Q22" s="220">
        <v>0</v>
      </c>
      <c r="R22" s="218">
        <v>1</v>
      </c>
      <c r="S22" s="218">
        <v>7</v>
      </c>
      <c r="T22" s="218">
        <v>4</v>
      </c>
      <c r="U22" s="218">
        <v>0</v>
      </c>
      <c r="V22" s="218">
        <v>1</v>
      </c>
      <c r="W22" s="219">
        <v>13</v>
      </c>
      <c r="X22" s="221">
        <v>13</v>
      </c>
      <c r="Y22" s="222">
        <v>0</v>
      </c>
      <c r="Z22" s="218">
        <v>0</v>
      </c>
      <c r="AA22" s="219">
        <v>0</v>
      </c>
      <c r="AB22" s="220">
        <v>0</v>
      </c>
      <c r="AC22" s="218">
        <v>287</v>
      </c>
      <c r="AD22" s="218">
        <v>262</v>
      </c>
      <c r="AE22" s="218">
        <v>146</v>
      </c>
      <c r="AF22" s="218">
        <v>66</v>
      </c>
      <c r="AG22" s="218">
        <v>37</v>
      </c>
      <c r="AH22" s="219">
        <v>798</v>
      </c>
      <c r="AI22" s="221">
        <v>798</v>
      </c>
    </row>
    <row r="23" spans="2:35" ht="21" customHeight="1" x14ac:dyDescent="0.2">
      <c r="B23" s="106" t="s">
        <v>22</v>
      </c>
      <c r="C23" s="217">
        <v>4</v>
      </c>
      <c r="D23" s="218">
        <v>6</v>
      </c>
      <c r="E23" s="219">
        <v>10</v>
      </c>
      <c r="F23" s="220">
        <v>0</v>
      </c>
      <c r="G23" s="218">
        <v>172</v>
      </c>
      <c r="H23" s="218">
        <v>154</v>
      </c>
      <c r="I23" s="218">
        <v>92</v>
      </c>
      <c r="J23" s="218">
        <v>71</v>
      </c>
      <c r="K23" s="218">
        <v>28</v>
      </c>
      <c r="L23" s="219">
        <v>517</v>
      </c>
      <c r="M23" s="221">
        <v>527</v>
      </c>
      <c r="N23" s="222">
        <v>0</v>
      </c>
      <c r="O23" s="218">
        <v>0</v>
      </c>
      <c r="P23" s="219">
        <v>0</v>
      </c>
      <c r="Q23" s="220">
        <v>0</v>
      </c>
      <c r="R23" s="218">
        <v>1</v>
      </c>
      <c r="S23" s="218">
        <v>1</v>
      </c>
      <c r="T23" s="218">
        <v>1</v>
      </c>
      <c r="U23" s="218">
        <v>0</v>
      </c>
      <c r="V23" s="218">
        <v>0</v>
      </c>
      <c r="W23" s="219">
        <v>3</v>
      </c>
      <c r="X23" s="221">
        <v>3</v>
      </c>
      <c r="Y23" s="222">
        <v>4</v>
      </c>
      <c r="Z23" s="218">
        <v>6</v>
      </c>
      <c r="AA23" s="219">
        <v>10</v>
      </c>
      <c r="AB23" s="220">
        <v>0</v>
      </c>
      <c r="AC23" s="218">
        <v>173</v>
      </c>
      <c r="AD23" s="218">
        <v>155</v>
      </c>
      <c r="AE23" s="218">
        <v>93</v>
      </c>
      <c r="AF23" s="218">
        <v>71</v>
      </c>
      <c r="AG23" s="218">
        <v>28</v>
      </c>
      <c r="AH23" s="219">
        <v>520</v>
      </c>
      <c r="AI23" s="221">
        <v>530</v>
      </c>
    </row>
    <row r="24" spans="2:35" ht="21" customHeight="1" x14ac:dyDescent="0.2">
      <c r="B24" s="106" t="s">
        <v>23</v>
      </c>
      <c r="C24" s="217">
        <v>0</v>
      </c>
      <c r="D24" s="218">
        <v>0</v>
      </c>
      <c r="E24" s="219">
        <v>0</v>
      </c>
      <c r="F24" s="220">
        <v>0</v>
      </c>
      <c r="G24" s="218">
        <v>114</v>
      </c>
      <c r="H24" s="218">
        <v>86</v>
      </c>
      <c r="I24" s="218">
        <v>57</v>
      </c>
      <c r="J24" s="218">
        <v>43</v>
      </c>
      <c r="K24" s="218">
        <v>17</v>
      </c>
      <c r="L24" s="219">
        <v>317</v>
      </c>
      <c r="M24" s="221">
        <v>317</v>
      </c>
      <c r="N24" s="222">
        <v>0</v>
      </c>
      <c r="O24" s="218">
        <v>0</v>
      </c>
      <c r="P24" s="219">
        <v>0</v>
      </c>
      <c r="Q24" s="220">
        <v>0</v>
      </c>
      <c r="R24" s="218">
        <v>1</v>
      </c>
      <c r="S24" s="218">
        <v>1</v>
      </c>
      <c r="T24" s="218">
        <v>1</v>
      </c>
      <c r="U24" s="218">
        <v>0</v>
      </c>
      <c r="V24" s="218">
        <v>0</v>
      </c>
      <c r="W24" s="219">
        <v>3</v>
      </c>
      <c r="X24" s="221">
        <v>3</v>
      </c>
      <c r="Y24" s="222">
        <v>0</v>
      </c>
      <c r="Z24" s="218">
        <v>0</v>
      </c>
      <c r="AA24" s="219">
        <v>0</v>
      </c>
      <c r="AB24" s="220">
        <v>0</v>
      </c>
      <c r="AC24" s="218">
        <v>115</v>
      </c>
      <c r="AD24" s="218">
        <v>87</v>
      </c>
      <c r="AE24" s="218">
        <v>58</v>
      </c>
      <c r="AF24" s="218">
        <v>43</v>
      </c>
      <c r="AG24" s="218">
        <v>17</v>
      </c>
      <c r="AH24" s="219">
        <v>320</v>
      </c>
      <c r="AI24" s="221">
        <v>320</v>
      </c>
    </row>
    <row r="25" spans="2:35" ht="21" customHeight="1" x14ac:dyDescent="0.2">
      <c r="B25" s="106" t="s">
        <v>24</v>
      </c>
      <c r="C25" s="217">
        <v>3</v>
      </c>
      <c r="D25" s="218">
        <v>3</v>
      </c>
      <c r="E25" s="219">
        <v>6</v>
      </c>
      <c r="F25" s="220">
        <v>0</v>
      </c>
      <c r="G25" s="218">
        <v>45</v>
      </c>
      <c r="H25" s="218">
        <v>35</v>
      </c>
      <c r="I25" s="218">
        <v>27</v>
      </c>
      <c r="J25" s="218">
        <v>18</v>
      </c>
      <c r="K25" s="218">
        <v>5</v>
      </c>
      <c r="L25" s="219">
        <v>130</v>
      </c>
      <c r="M25" s="221">
        <v>136</v>
      </c>
      <c r="N25" s="222">
        <v>0</v>
      </c>
      <c r="O25" s="218">
        <v>0</v>
      </c>
      <c r="P25" s="219">
        <v>0</v>
      </c>
      <c r="Q25" s="220">
        <v>0</v>
      </c>
      <c r="R25" s="218">
        <v>0</v>
      </c>
      <c r="S25" s="218">
        <v>1</v>
      </c>
      <c r="T25" s="218">
        <v>0</v>
      </c>
      <c r="U25" s="218">
        <v>1</v>
      </c>
      <c r="V25" s="218">
        <v>0</v>
      </c>
      <c r="W25" s="219">
        <v>2</v>
      </c>
      <c r="X25" s="221">
        <v>2</v>
      </c>
      <c r="Y25" s="222">
        <v>3</v>
      </c>
      <c r="Z25" s="218">
        <v>3</v>
      </c>
      <c r="AA25" s="219">
        <v>6</v>
      </c>
      <c r="AB25" s="220">
        <v>0</v>
      </c>
      <c r="AC25" s="218">
        <v>45</v>
      </c>
      <c r="AD25" s="218">
        <v>36</v>
      </c>
      <c r="AE25" s="218">
        <v>27</v>
      </c>
      <c r="AF25" s="218">
        <v>19</v>
      </c>
      <c r="AG25" s="218">
        <v>5</v>
      </c>
      <c r="AH25" s="219">
        <v>132</v>
      </c>
      <c r="AI25" s="221">
        <v>138</v>
      </c>
    </row>
    <row r="26" spans="2:35" ht="21" customHeight="1" x14ac:dyDescent="0.2">
      <c r="B26" s="106" t="s">
        <v>25</v>
      </c>
      <c r="C26" s="217">
        <v>1</v>
      </c>
      <c r="D26" s="218">
        <v>2</v>
      </c>
      <c r="E26" s="219">
        <v>3</v>
      </c>
      <c r="F26" s="220">
        <v>0</v>
      </c>
      <c r="G26" s="218">
        <v>95</v>
      </c>
      <c r="H26" s="218">
        <v>49</v>
      </c>
      <c r="I26" s="218">
        <v>30</v>
      </c>
      <c r="J26" s="218">
        <v>17</v>
      </c>
      <c r="K26" s="218">
        <v>5</v>
      </c>
      <c r="L26" s="219">
        <v>196</v>
      </c>
      <c r="M26" s="221">
        <v>199</v>
      </c>
      <c r="N26" s="222">
        <v>0</v>
      </c>
      <c r="O26" s="218">
        <v>0</v>
      </c>
      <c r="P26" s="219">
        <v>0</v>
      </c>
      <c r="Q26" s="220">
        <v>0</v>
      </c>
      <c r="R26" s="218">
        <v>0</v>
      </c>
      <c r="S26" s="218">
        <v>1</v>
      </c>
      <c r="T26" s="218">
        <v>2</v>
      </c>
      <c r="U26" s="218">
        <v>0</v>
      </c>
      <c r="V26" s="218">
        <v>0</v>
      </c>
      <c r="W26" s="219">
        <v>3</v>
      </c>
      <c r="X26" s="221">
        <v>3</v>
      </c>
      <c r="Y26" s="222">
        <v>1</v>
      </c>
      <c r="Z26" s="218">
        <v>2</v>
      </c>
      <c r="AA26" s="219">
        <v>3</v>
      </c>
      <c r="AB26" s="220">
        <v>0</v>
      </c>
      <c r="AC26" s="218">
        <v>95</v>
      </c>
      <c r="AD26" s="218">
        <v>50</v>
      </c>
      <c r="AE26" s="218">
        <v>32</v>
      </c>
      <c r="AF26" s="218">
        <v>17</v>
      </c>
      <c r="AG26" s="218">
        <v>5</v>
      </c>
      <c r="AH26" s="219">
        <v>199</v>
      </c>
      <c r="AI26" s="221">
        <v>202</v>
      </c>
    </row>
    <row r="27" spans="2:35" ht="21" customHeight="1" x14ac:dyDescent="0.2">
      <c r="B27" s="106" t="s">
        <v>26</v>
      </c>
      <c r="C27" s="217">
        <v>0</v>
      </c>
      <c r="D27" s="218">
        <v>0</v>
      </c>
      <c r="E27" s="219">
        <v>0</v>
      </c>
      <c r="F27" s="220">
        <v>0</v>
      </c>
      <c r="G27" s="218">
        <v>58</v>
      </c>
      <c r="H27" s="218">
        <v>67</v>
      </c>
      <c r="I27" s="218">
        <v>57</v>
      </c>
      <c r="J27" s="218">
        <v>28</v>
      </c>
      <c r="K27" s="218">
        <v>11</v>
      </c>
      <c r="L27" s="219">
        <v>221</v>
      </c>
      <c r="M27" s="221">
        <v>221</v>
      </c>
      <c r="N27" s="222">
        <v>0</v>
      </c>
      <c r="O27" s="218">
        <v>0</v>
      </c>
      <c r="P27" s="219">
        <v>0</v>
      </c>
      <c r="Q27" s="220">
        <v>0</v>
      </c>
      <c r="R27" s="218">
        <v>0</v>
      </c>
      <c r="S27" s="218">
        <v>0</v>
      </c>
      <c r="T27" s="218">
        <v>0</v>
      </c>
      <c r="U27" s="218">
        <v>0</v>
      </c>
      <c r="V27" s="218">
        <v>1</v>
      </c>
      <c r="W27" s="219">
        <v>1</v>
      </c>
      <c r="X27" s="221">
        <v>1</v>
      </c>
      <c r="Y27" s="222">
        <v>0</v>
      </c>
      <c r="Z27" s="218">
        <v>0</v>
      </c>
      <c r="AA27" s="219">
        <v>0</v>
      </c>
      <c r="AB27" s="220">
        <v>0</v>
      </c>
      <c r="AC27" s="218">
        <v>58</v>
      </c>
      <c r="AD27" s="218">
        <v>67</v>
      </c>
      <c r="AE27" s="218">
        <v>57</v>
      </c>
      <c r="AF27" s="218">
        <v>28</v>
      </c>
      <c r="AG27" s="218">
        <v>12</v>
      </c>
      <c r="AH27" s="219">
        <v>222</v>
      </c>
      <c r="AI27" s="221">
        <v>222</v>
      </c>
    </row>
    <row r="28" spans="2:35" ht="21" customHeight="1" x14ac:dyDescent="0.2">
      <c r="B28" s="106" t="s">
        <v>27</v>
      </c>
      <c r="C28" s="217">
        <v>0</v>
      </c>
      <c r="D28" s="218">
        <v>0</v>
      </c>
      <c r="E28" s="219">
        <v>0</v>
      </c>
      <c r="F28" s="220">
        <v>0</v>
      </c>
      <c r="G28" s="218">
        <v>58</v>
      </c>
      <c r="H28" s="218">
        <v>35</v>
      </c>
      <c r="I28" s="218">
        <v>37</v>
      </c>
      <c r="J28" s="218">
        <v>18</v>
      </c>
      <c r="K28" s="218">
        <v>12</v>
      </c>
      <c r="L28" s="219">
        <v>160</v>
      </c>
      <c r="M28" s="221">
        <v>160</v>
      </c>
      <c r="N28" s="222">
        <v>0</v>
      </c>
      <c r="O28" s="218">
        <v>0</v>
      </c>
      <c r="P28" s="219">
        <v>0</v>
      </c>
      <c r="Q28" s="220">
        <v>0</v>
      </c>
      <c r="R28" s="218">
        <v>1</v>
      </c>
      <c r="S28" s="218">
        <v>0</v>
      </c>
      <c r="T28" s="218">
        <v>1</v>
      </c>
      <c r="U28" s="218">
        <v>0</v>
      </c>
      <c r="V28" s="218">
        <v>0</v>
      </c>
      <c r="W28" s="219">
        <v>2</v>
      </c>
      <c r="X28" s="221">
        <v>2</v>
      </c>
      <c r="Y28" s="222">
        <v>0</v>
      </c>
      <c r="Z28" s="218">
        <v>0</v>
      </c>
      <c r="AA28" s="219">
        <v>0</v>
      </c>
      <c r="AB28" s="220">
        <v>0</v>
      </c>
      <c r="AC28" s="218">
        <v>59</v>
      </c>
      <c r="AD28" s="218">
        <v>35</v>
      </c>
      <c r="AE28" s="218">
        <v>38</v>
      </c>
      <c r="AF28" s="218">
        <v>18</v>
      </c>
      <c r="AG28" s="218">
        <v>12</v>
      </c>
      <c r="AH28" s="219">
        <v>162</v>
      </c>
      <c r="AI28" s="221">
        <v>162</v>
      </c>
    </row>
    <row r="29" spans="2:35" ht="21" customHeight="1" x14ac:dyDescent="0.2">
      <c r="B29" s="106" t="s">
        <v>28</v>
      </c>
      <c r="C29" s="217">
        <v>0</v>
      </c>
      <c r="D29" s="218">
        <v>0</v>
      </c>
      <c r="E29" s="219">
        <v>0</v>
      </c>
      <c r="F29" s="220">
        <v>0</v>
      </c>
      <c r="G29" s="218">
        <v>32</v>
      </c>
      <c r="H29" s="218">
        <v>21</v>
      </c>
      <c r="I29" s="218">
        <v>7</v>
      </c>
      <c r="J29" s="218">
        <v>7</v>
      </c>
      <c r="K29" s="218">
        <v>6</v>
      </c>
      <c r="L29" s="219">
        <v>73</v>
      </c>
      <c r="M29" s="221">
        <v>73</v>
      </c>
      <c r="N29" s="222">
        <v>0</v>
      </c>
      <c r="O29" s="218">
        <v>0</v>
      </c>
      <c r="P29" s="219">
        <v>0</v>
      </c>
      <c r="Q29" s="220">
        <v>0</v>
      </c>
      <c r="R29" s="218">
        <v>0</v>
      </c>
      <c r="S29" s="218">
        <v>0</v>
      </c>
      <c r="T29" s="218">
        <v>1</v>
      </c>
      <c r="U29" s="218">
        <v>0</v>
      </c>
      <c r="V29" s="218">
        <v>1</v>
      </c>
      <c r="W29" s="219">
        <v>2</v>
      </c>
      <c r="X29" s="221">
        <v>2</v>
      </c>
      <c r="Y29" s="222">
        <v>0</v>
      </c>
      <c r="Z29" s="218">
        <v>0</v>
      </c>
      <c r="AA29" s="219">
        <v>0</v>
      </c>
      <c r="AB29" s="220">
        <v>0</v>
      </c>
      <c r="AC29" s="218">
        <v>32</v>
      </c>
      <c r="AD29" s="218">
        <v>21</v>
      </c>
      <c r="AE29" s="218">
        <v>8</v>
      </c>
      <c r="AF29" s="218">
        <v>7</v>
      </c>
      <c r="AG29" s="218">
        <v>7</v>
      </c>
      <c r="AH29" s="219">
        <v>75</v>
      </c>
      <c r="AI29" s="221">
        <v>75</v>
      </c>
    </row>
    <row r="30" spans="2:35" ht="21" customHeight="1" x14ac:dyDescent="0.2">
      <c r="B30" s="106" t="s">
        <v>29</v>
      </c>
      <c r="C30" s="217">
        <v>0</v>
      </c>
      <c r="D30" s="218">
        <v>1</v>
      </c>
      <c r="E30" s="219">
        <v>1</v>
      </c>
      <c r="F30" s="220">
        <v>0</v>
      </c>
      <c r="G30" s="218">
        <v>28</v>
      </c>
      <c r="H30" s="218">
        <v>37</v>
      </c>
      <c r="I30" s="218">
        <v>39</v>
      </c>
      <c r="J30" s="218">
        <v>18</v>
      </c>
      <c r="K30" s="218">
        <v>8</v>
      </c>
      <c r="L30" s="219">
        <v>130</v>
      </c>
      <c r="M30" s="221">
        <v>131</v>
      </c>
      <c r="N30" s="222">
        <v>0</v>
      </c>
      <c r="O30" s="218">
        <v>0</v>
      </c>
      <c r="P30" s="219">
        <v>0</v>
      </c>
      <c r="Q30" s="220">
        <v>0</v>
      </c>
      <c r="R30" s="218">
        <v>0</v>
      </c>
      <c r="S30" s="218">
        <v>1</v>
      </c>
      <c r="T30" s="218">
        <v>0</v>
      </c>
      <c r="U30" s="218">
        <v>0</v>
      </c>
      <c r="V30" s="218">
        <v>0</v>
      </c>
      <c r="W30" s="219">
        <v>1</v>
      </c>
      <c r="X30" s="221">
        <v>1</v>
      </c>
      <c r="Y30" s="222">
        <v>0</v>
      </c>
      <c r="Z30" s="218">
        <v>1</v>
      </c>
      <c r="AA30" s="219">
        <v>1</v>
      </c>
      <c r="AB30" s="220">
        <v>0</v>
      </c>
      <c r="AC30" s="218">
        <v>28</v>
      </c>
      <c r="AD30" s="218">
        <v>38</v>
      </c>
      <c r="AE30" s="218">
        <v>39</v>
      </c>
      <c r="AF30" s="218">
        <v>18</v>
      </c>
      <c r="AG30" s="218">
        <v>8</v>
      </c>
      <c r="AH30" s="219">
        <v>131</v>
      </c>
      <c r="AI30" s="221">
        <v>132</v>
      </c>
    </row>
    <row r="31" spans="2:35" ht="21" customHeight="1" x14ac:dyDescent="0.2">
      <c r="B31" s="106" t="s">
        <v>30</v>
      </c>
      <c r="C31" s="217">
        <v>0</v>
      </c>
      <c r="D31" s="218">
        <v>0</v>
      </c>
      <c r="E31" s="219">
        <v>0</v>
      </c>
      <c r="F31" s="220">
        <v>0</v>
      </c>
      <c r="G31" s="218">
        <v>30</v>
      </c>
      <c r="H31" s="218">
        <v>18</v>
      </c>
      <c r="I31" s="218">
        <v>12</v>
      </c>
      <c r="J31" s="218">
        <v>8</v>
      </c>
      <c r="K31" s="218">
        <v>3</v>
      </c>
      <c r="L31" s="219">
        <v>71</v>
      </c>
      <c r="M31" s="221">
        <v>71</v>
      </c>
      <c r="N31" s="222">
        <v>0</v>
      </c>
      <c r="O31" s="218">
        <v>0</v>
      </c>
      <c r="P31" s="219">
        <v>0</v>
      </c>
      <c r="Q31" s="220">
        <v>0</v>
      </c>
      <c r="R31" s="218">
        <v>1</v>
      </c>
      <c r="S31" s="218">
        <v>1</v>
      </c>
      <c r="T31" s="218">
        <v>0</v>
      </c>
      <c r="U31" s="218">
        <v>0</v>
      </c>
      <c r="V31" s="218">
        <v>0</v>
      </c>
      <c r="W31" s="219">
        <v>2</v>
      </c>
      <c r="X31" s="221">
        <v>2</v>
      </c>
      <c r="Y31" s="222">
        <v>0</v>
      </c>
      <c r="Z31" s="218">
        <v>0</v>
      </c>
      <c r="AA31" s="219">
        <v>0</v>
      </c>
      <c r="AB31" s="220">
        <v>0</v>
      </c>
      <c r="AC31" s="218">
        <v>31</v>
      </c>
      <c r="AD31" s="218">
        <v>19</v>
      </c>
      <c r="AE31" s="218">
        <v>12</v>
      </c>
      <c r="AF31" s="218">
        <v>8</v>
      </c>
      <c r="AG31" s="218">
        <v>3</v>
      </c>
      <c r="AH31" s="219">
        <v>73</v>
      </c>
      <c r="AI31" s="221">
        <v>73</v>
      </c>
    </row>
    <row r="32" spans="2:35" ht="21" customHeight="1" x14ac:dyDescent="0.2">
      <c r="B32" s="106" t="s">
        <v>31</v>
      </c>
      <c r="C32" s="217">
        <v>0</v>
      </c>
      <c r="D32" s="218">
        <v>0</v>
      </c>
      <c r="E32" s="219">
        <v>0</v>
      </c>
      <c r="F32" s="220">
        <v>0</v>
      </c>
      <c r="G32" s="218">
        <v>45</v>
      </c>
      <c r="H32" s="218">
        <v>34</v>
      </c>
      <c r="I32" s="218">
        <v>25</v>
      </c>
      <c r="J32" s="218">
        <v>13</v>
      </c>
      <c r="K32" s="218">
        <v>5</v>
      </c>
      <c r="L32" s="219">
        <v>122</v>
      </c>
      <c r="M32" s="221">
        <v>122</v>
      </c>
      <c r="N32" s="222">
        <v>0</v>
      </c>
      <c r="O32" s="218">
        <v>0</v>
      </c>
      <c r="P32" s="219">
        <v>0</v>
      </c>
      <c r="Q32" s="220">
        <v>0</v>
      </c>
      <c r="R32" s="218">
        <v>0</v>
      </c>
      <c r="S32" s="218">
        <v>0</v>
      </c>
      <c r="T32" s="218">
        <v>0</v>
      </c>
      <c r="U32" s="218">
        <v>0</v>
      </c>
      <c r="V32" s="218">
        <v>0</v>
      </c>
      <c r="W32" s="219">
        <v>0</v>
      </c>
      <c r="X32" s="221">
        <v>0</v>
      </c>
      <c r="Y32" s="222">
        <v>0</v>
      </c>
      <c r="Z32" s="218">
        <v>0</v>
      </c>
      <c r="AA32" s="219">
        <v>0</v>
      </c>
      <c r="AB32" s="220">
        <v>0</v>
      </c>
      <c r="AC32" s="218">
        <v>45</v>
      </c>
      <c r="AD32" s="218">
        <v>34</v>
      </c>
      <c r="AE32" s="218">
        <v>25</v>
      </c>
      <c r="AF32" s="218">
        <v>13</v>
      </c>
      <c r="AG32" s="218">
        <v>5</v>
      </c>
      <c r="AH32" s="219">
        <v>122</v>
      </c>
      <c r="AI32" s="221">
        <v>122</v>
      </c>
    </row>
    <row r="33" spans="2:35" ht="21" customHeight="1" x14ac:dyDescent="0.2">
      <c r="B33" s="106" t="s">
        <v>32</v>
      </c>
      <c r="C33" s="217">
        <v>0</v>
      </c>
      <c r="D33" s="218">
        <v>5</v>
      </c>
      <c r="E33" s="219">
        <v>5</v>
      </c>
      <c r="F33" s="220">
        <v>0</v>
      </c>
      <c r="G33" s="218">
        <v>67</v>
      </c>
      <c r="H33" s="218">
        <v>40</v>
      </c>
      <c r="I33" s="218">
        <v>34</v>
      </c>
      <c r="J33" s="218">
        <v>25</v>
      </c>
      <c r="K33" s="218">
        <v>12</v>
      </c>
      <c r="L33" s="219">
        <v>178</v>
      </c>
      <c r="M33" s="221">
        <v>183</v>
      </c>
      <c r="N33" s="222">
        <v>0</v>
      </c>
      <c r="O33" s="218">
        <v>0</v>
      </c>
      <c r="P33" s="219">
        <v>0</v>
      </c>
      <c r="Q33" s="220">
        <v>0</v>
      </c>
      <c r="R33" s="218">
        <v>0</v>
      </c>
      <c r="S33" s="218">
        <v>0</v>
      </c>
      <c r="T33" s="218">
        <v>1</v>
      </c>
      <c r="U33" s="218">
        <v>0</v>
      </c>
      <c r="V33" s="218">
        <v>0</v>
      </c>
      <c r="W33" s="219">
        <v>1</v>
      </c>
      <c r="X33" s="221">
        <v>1</v>
      </c>
      <c r="Y33" s="222">
        <v>0</v>
      </c>
      <c r="Z33" s="218">
        <v>5</v>
      </c>
      <c r="AA33" s="219">
        <v>5</v>
      </c>
      <c r="AB33" s="220">
        <v>0</v>
      </c>
      <c r="AC33" s="218">
        <v>67</v>
      </c>
      <c r="AD33" s="218">
        <v>40</v>
      </c>
      <c r="AE33" s="218">
        <v>35</v>
      </c>
      <c r="AF33" s="218">
        <v>25</v>
      </c>
      <c r="AG33" s="218">
        <v>12</v>
      </c>
      <c r="AH33" s="219">
        <v>179</v>
      </c>
      <c r="AI33" s="221">
        <v>184</v>
      </c>
    </row>
    <row r="34" spans="2:35" ht="21" customHeight="1" x14ac:dyDescent="0.2">
      <c r="B34" s="106" t="s">
        <v>33</v>
      </c>
      <c r="C34" s="217">
        <v>0</v>
      </c>
      <c r="D34" s="218">
        <v>1</v>
      </c>
      <c r="E34" s="219">
        <v>1</v>
      </c>
      <c r="F34" s="220">
        <v>0</v>
      </c>
      <c r="G34" s="218">
        <v>25</v>
      </c>
      <c r="H34" s="218">
        <v>13</v>
      </c>
      <c r="I34" s="218">
        <v>12</v>
      </c>
      <c r="J34" s="218">
        <v>5</v>
      </c>
      <c r="K34" s="218">
        <v>3</v>
      </c>
      <c r="L34" s="219">
        <v>58</v>
      </c>
      <c r="M34" s="221">
        <v>59</v>
      </c>
      <c r="N34" s="222">
        <v>0</v>
      </c>
      <c r="O34" s="218">
        <v>0</v>
      </c>
      <c r="P34" s="219">
        <v>0</v>
      </c>
      <c r="Q34" s="220">
        <v>0</v>
      </c>
      <c r="R34" s="218">
        <v>0</v>
      </c>
      <c r="S34" s="218">
        <v>0</v>
      </c>
      <c r="T34" s="218">
        <v>0</v>
      </c>
      <c r="U34" s="218">
        <v>0</v>
      </c>
      <c r="V34" s="218">
        <v>0</v>
      </c>
      <c r="W34" s="219">
        <v>0</v>
      </c>
      <c r="X34" s="221">
        <v>0</v>
      </c>
      <c r="Y34" s="222">
        <v>0</v>
      </c>
      <c r="Z34" s="218">
        <v>1</v>
      </c>
      <c r="AA34" s="219">
        <v>1</v>
      </c>
      <c r="AB34" s="220">
        <v>0</v>
      </c>
      <c r="AC34" s="218">
        <v>25</v>
      </c>
      <c r="AD34" s="218">
        <v>13</v>
      </c>
      <c r="AE34" s="218">
        <v>12</v>
      </c>
      <c r="AF34" s="218">
        <v>5</v>
      </c>
      <c r="AG34" s="218">
        <v>3</v>
      </c>
      <c r="AH34" s="219">
        <v>58</v>
      </c>
      <c r="AI34" s="221">
        <v>59</v>
      </c>
    </row>
    <row r="35" spans="2:35" ht="21" customHeight="1" x14ac:dyDescent="0.2">
      <c r="B35" s="106" t="s">
        <v>34</v>
      </c>
      <c r="C35" s="217">
        <v>1</v>
      </c>
      <c r="D35" s="218">
        <v>2</v>
      </c>
      <c r="E35" s="219">
        <v>3</v>
      </c>
      <c r="F35" s="220">
        <v>0</v>
      </c>
      <c r="G35" s="218">
        <v>41</v>
      </c>
      <c r="H35" s="218">
        <v>21</v>
      </c>
      <c r="I35" s="218">
        <v>12</v>
      </c>
      <c r="J35" s="218">
        <v>9</v>
      </c>
      <c r="K35" s="218">
        <v>4</v>
      </c>
      <c r="L35" s="219">
        <v>87</v>
      </c>
      <c r="M35" s="221">
        <v>90</v>
      </c>
      <c r="N35" s="222">
        <v>0</v>
      </c>
      <c r="O35" s="218">
        <v>0</v>
      </c>
      <c r="P35" s="219">
        <v>0</v>
      </c>
      <c r="Q35" s="220">
        <v>0</v>
      </c>
      <c r="R35" s="218">
        <v>0</v>
      </c>
      <c r="S35" s="218">
        <v>0</v>
      </c>
      <c r="T35" s="218">
        <v>0</v>
      </c>
      <c r="U35" s="218">
        <v>0</v>
      </c>
      <c r="V35" s="218">
        <v>0</v>
      </c>
      <c r="W35" s="219">
        <v>0</v>
      </c>
      <c r="X35" s="221">
        <v>0</v>
      </c>
      <c r="Y35" s="222">
        <v>1</v>
      </c>
      <c r="Z35" s="218">
        <v>2</v>
      </c>
      <c r="AA35" s="219">
        <v>3</v>
      </c>
      <c r="AB35" s="220">
        <v>0</v>
      </c>
      <c r="AC35" s="218">
        <v>41</v>
      </c>
      <c r="AD35" s="218">
        <v>21</v>
      </c>
      <c r="AE35" s="218">
        <v>12</v>
      </c>
      <c r="AF35" s="218">
        <v>9</v>
      </c>
      <c r="AG35" s="218">
        <v>4</v>
      </c>
      <c r="AH35" s="219">
        <v>87</v>
      </c>
      <c r="AI35" s="221">
        <v>90</v>
      </c>
    </row>
    <row r="36" spans="2:35" ht="21" customHeight="1" x14ac:dyDescent="0.2">
      <c r="B36" s="106" t="s">
        <v>35</v>
      </c>
      <c r="C36" s="217">
        <v>2</v>
      </c>
      <c r="D36" s="218">
        <v>5</v>
      </c>
      <c r="E36" s="219">
        <v>7</v>
      </c>
      <c r="F36" s="220">
        <v>0</v>
      </c>
      <c r="G36" s="218">
        <v>41</v>
      </c>
      <c r="H36" s="218">
        <v>26</v>
      </c>
      <c r="I36" s="218">
        <v>37</v>
      </c>
      <c r="J36" s="218">
        <v>22</v>
      </c>
      <c r="K36" s="218">
        <v>13</v>
      </c>
      <c r="L36" s="219">
        <v>139</v>
      </c>
      <c r="M36" s="221">
        <v>146</v>
      </c>
      <c r="N36" s="222">
        <v>0</v>
      </c>
      <c r="O36" s="218">
        <v>0</v>
      </c>
      <c r="P36" s="219">
        <v>0</v>
      </c>
      <c r="Q36" s="220">
        <v>0</v>
      </c>
      <c r="R36" s="218">
        <v>0</v>
      </c>
      <c r="S36" s="218">
        <v>0</v>
      </c>
      <c r="T36" s="218">
        <v>0</v>
      </c>
      <c r="U36" s="218">
        <v>1</v>
      </c>
      <c r="V36" s="218">
        <v>0</v>
      </c>
      <c r="W36" s="219">
        <v>1</v>
      </c>
      <c r="X36" s="221">
        <v>1</v>
      </c>
      <c r="Y36" s="222">
        <v>2</v>
      </c>
      <c r="Z36" s="218">
        <v>5</v>
      </c>
      <c r="AA36" s="219">
        <v>7</v>
      </c>
      <c r="AB36" s="220">
        <v>0</v>
      </c>
      <c r="AC36" s="218">
        <v>41</v>
      </c>
      <c r="AD36" s="218">
        <v>26</v>
      </c>
      <c r="AE36" s="218">
        <v>37</v>
      </c>
      <c r="AF36" s="218">
        <v>23</v>
      </c>
      <c r="AG36" s="218">
        <v>13</v>
      </c>
      <c r="AH36" s="219">
        <v>140</v>
      </c>
      <c r="AI36" s="221">
        <v>147</v>
      </c>
    </row>
    <row r="37" spans="2:35" ht="21" customHeight="1" x14ac:dyDescent="0.2">
      <c r="B37" s="106" t="s">
        <v>36</v>
      </c>
      <c r="C37" s="217">
        <v>0</v>
      </c>
      <c r="D37" s="218">
        <v>0</v>
      </c>
      <c r="E37" s="219">
        <v>0</v>
      </c>
      <c r="F37" s="220">
        <v>0</v>
      </c>
      <c r="G37" s="218">
        <v>98</v>
      </c>
      <c r="H37" s="218">
        <v>88</v>
      </c>
      <c r="I37" s="218">
        <v>55</v>
      </c>
      <c r="J37" s="218">
        <v>24</v>
      </c>
      <c r="K37" s="218">
        <v>23</v>
      </c>
      <c r="L37" s="219">
        <v>288</v>
      </c>
      <c r="M37" s="221">
        <v>288</v>
      </c>
      <c r="N37" s="222">
        <v>0</v>
      </c>
      <c r="O37" s="218">
        <v>0</v>
      </c>
      <c r="P37" s="219">
        <v>0</v>
      </c>
      <c r="Q37" s="220">
        <v>0</v>
      </c>
      <c r="R37" s="218">
        <v>0</v>
      </c>
      <c r="S37" s="218">
        <v>0</v>
      </c>
      <c r="T37" s="218">
        <v>2</v>
      </c>
      <c r="U37" s="218">
        <v>0</v>
      </c>
      <c r="V37" s="218">
        <v>2</v>
      </c>
      <c r="W37" s="219">
        <v>4</v>
      </c>
      <c r="X37" s="221">
        <v>4</v>
      </c>
      <c r="Y37" s="222">
        <v>0</v>
      </c>
      <c r="Z37" s="218">
        <v>0</v>
      </c>
      <c r="AA37" s="219">
        <v>0</v>
      </c>
      <c r="AB37" s="220">
        <v>0</v>
      </c>
      <c r="AC37" s="218">
        <v>98</v>
      </c>
      <c r="AD37" s="218">
        <v>88</v>
      </c>
      <c r="AE37" s="218">
        <v>57</v>
      </c>
      <c r="AF37" s="218">
        <v>24</v>
      </c>
      <c r="AG37" s="218">
        <v>25</v>
      </c>
      <c r="AH37" s="219">
        <v>292</v>
      </c>
      <c r="AI37" s="221">
        <v>292</v>
      </c>
    </row>
    <row r="38" spans="2:35" ht="21" customHeight="1" thickBot="1" x14ac:dyDescent="0.25">
      <c r="B38" s="108" t="s">
        <v>37</v>
      </c>
      <c r="C38" s="223">
        <v>0</v>
      </c>
      <c r="D38" s="224">
        <v>0</v>
      </c>
      <c r="E38" s="225">
        <v>0</v>
      </c>
      <c r="F38" s="226">
        <v>0</v>
      </c>
      <c r="G38" s="224">
        <v>17</v>
      </c>
      <c r="H38" s="224">
        <v>8</v>
      </c>
      <c r="I38" s="224">
        <v>8</v>
      </c>
      <c r="J38" s="224">
        <v>9</v>
      </c>
      <c r="K38" s="224">
        <v>2</v>
      </c>
      <c r="L38" s="225">
        <v>44</v>
      </c>
      <c r="M38" s="227">
        <v>44</v>
      </c>
      <c r="N38" s="228">
        <v>0</v>
      </c>
      <c r="O38" s="224">
        <v>0</v>
      </c>
      <c r="P38" s="225">
        <v>0</v>
      </c>
      <c r="Q38" s="226">
        <v>0</v>
      </c>
      <c r="R38" s="224">
        <v>0</v>
      </c>
      <c r="S38" s="224">
        <v>0</v>
      </c>
      <c r="T38" s="224">
        <v>0</v>
      </c>
      <c r="U38" s="224">
        <v>0</v>
      </c>
      <c r="V38" s="224">
        <v>0</v>
      </c>
      <c r="W38" s="225">
        <v>0</v>
      </c>
      <c r="X38" s="227">
        <v>0</v>
      </c>
      <c r="Y38" s="228">
        <v>0</v>
      </c>
      <c r="Z38" s="224">
        <v>0</v>
      </c>
      <c r="AA38" s="225">
        <v>0</v>
      </c>
      <c r="AB38" s="226">
        <v>0</v>
      </c>
      <c r="AC38" s="224">
        <v>17</v>
      </c>
      <c r="AD38" s="224">
        <v>8</v>
      </c>
      <c r="AE38" s="224">
        <v>8</v>
      </c>
      <c r="AF38" s="224">
        <v>9</v>
      </c>
      <c r="AG38" s="224">
        <v>2</v>
      </c>
      <c r="AH38" s="225">
        <v>44</v>
      </c>
      <c r="AI38" s="227">
        <v>44</v>
      </c>
    </row>
    <row r="39" spans="2:35" x14ac:dyDescent="0.2">
      <c r="AA39" s="70"/>
      <c r="AB39" s="70"/>
      <c r="AC39" s="70"/>
      <c r="AD39" s="70"/>
      <c r="AE39" s="70"/>
      <c r="AF39" s="70"/>
      <c r="AG39" s="70"/>
      <c r="AH39" s="70"/>
      <c r="AI39" s="70"/>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1">
        <f>第１表!F2</f>
        <v>6</v>
      </c>
      <c r="J1" s="441"/>
      <c r="K1" s="18">
        <f>第１表!G2</f>
        <v>9</v>
      </c>
      <c r="L1" s="445">
        <f>IF(K1&lt;3,K1+12-2,K1-2)</f>
        <v>7</v>
      </c>
      <c r="M1" s="445"/>
    </row>
    <row r="2" spans="2:101" s="71" customFormat="1" ht="24" customHeight="1" thickBot="1" x14ac:dyDescent="0.25">
      <c r="B2" s="142" t="s">
        <v>130</v>
      </c>
    </row>
    <row r="3" spans="2:101" ht="21" customHeight="1" thickBot="1" x14ac:dyDescent="0.25">
      <c r="B3" s="466"/>
      <c r="C3" s="463" t="s">
        <v>113</v>
      </c>
      <c r="D3" s="464"/>
      <c r="E3" s="464"/>
      <c r="F3" s="464"/>
      <c r="G3" s="464"/>
      <c r="H3" s="464"/>
      <c r="I3" s="464"/>
      <c r="J3" s="464"/>
      <c r="K3" s="464"/>
      <c r="L3" s="464"/>
      <c r="M3" s="465"/>
      <c r="N3" s="463" t="s">
        <v>114</v>
      </c>
      <c r="O3" s="464"/>
      <c r="P3" s="464"/>
      <c r="Q3" s="464"/>
      <c r="R3" s="464"/>
      <c r="S3" s="464"/>
      <c r="T3" s="464"/>
      <c r="U3" s="464"/>
      <c r="V3" s="464"/>
      <c r="W3" s="464"/>
      <c r="X3" s="465"/>
      <c r="Y3" s="463" t="s">
        <v>139</v>
      </c>
      <c r="Z3" s="464"/>
      <c r="AA3" s="464"/>
      <c r="AB3" s="464"/>
      <c r="AC3" s="464"/>
      <c r="AD3" s="464"/>
      <c r="AE3" s="464"/>
      <c r="AF3" s="464"/>
      <c r="AG3" s="464"/>
      <c r="AH3" s="464"/>
      <c r="AI3" s="465"/>
      <c r="AJ3" s="463" t="s">
        <v>90</v>
      </c>
      <c r="AK3" s="464"/>
      <c r="AL3" s="464"/>
      <c r="AM3" s="464"/>
      <c r="AN3" s="464"/>
      <c r="AO3" s="464"/>
      <c r="AP3" s="464"/>
      <c r="AQ3" s="464"/>
      <c r="AR3" s="464"/>
      <c r="AS3" s="464"/>
      <c r="AT3" s="465"/>
      <c r="AU3" s="479" t="s">
        <v>89</v>
      </c>
      <c r="AV3" s="480"/>
      <c r="AW3" s="480"/>
      <c r="AX3" s="480"/>
      <c r="AY3" s="480"/>
      <c r="AZ3" s="480"/>
      <c r="BA3" s="480"/>
      <c r="BB3" s="480"/>
      <c r="BC3" s="480"/>
      <c r="BD3" s="480"/>
      <c r="BE3" s="481"/>
      <c r="BF3" s="479" t="s">
        <v>91</v>
      </c>
      <c r="BG3" s="480"/>
      <c r="BH3" s="480"/>
      <c r="BI3" s="480"/>
      <c r="BJ3" s="480"/>
      <c r="BK3" s="480"/>
      <c r="BL3" s="480"/>
      <c r="BM3" s="480"/>
      <c r="BN3" s="480"/>
      <c r="BO3" s="480"/>
      <c r="BP3" s="481"/>
      <c r="BQ3" s="479" t="s">
        <v>92</v>
      </c>
      <c r="BR3" s="480"/>
      <c r="BS3" s="480"/>
      <c r="BT3" s="480"/>
      <c r="BU3" s="480"/>
      <c r="BV3" s="480"/>
      <c r="BW3" s="480"/>
      <c r="BX3" s="480"/>
      <c r="BY3" s="480"/>
      <c r="BZ3" s="480"/>
      <c r="CA3" s="481"/>
      <c r="CB3" s="479" t="s">
        <v>93</v>
      </c>
      <c r="CC3" s="480"/>
      <c r="CD3" s="480"/>
      <c r="CE3" s="480"/>
      <c r="CF3" s="480"/>
      <c r="CG3" s="480"/>
      <c r="CH3" s="480"/>
      <c r="CI3" s="480"/>
      <c r="CJ3" s="480"/>
      <c r="CK3" s="480"/>
      <c r="CL3" s="481"/>
      <c r="CM3" s="480" t="s">
        <v>138</v>
      </c>
      <c r="CN3" s="480"/>
      <c r="CO3" s="480"/>
      <c r="CP3" s="480"/>
      <c r="CQ3" s="480"/>
      <c r="CR3" s="480"/>
      <c r="CS3" s="480"/>
      <c r="CT3" s="480"/>
      <c r="CU3" s="480"/>
      <c r="CV3" s="480"/>
      <c r="CW3" s="481"/>
    </row>
    <row r="4" spans="2:101" ht="21" customHeight="1" x14ac:dyDescent="0.2">
      <c r="B4" s="467"/>
      <c r="C4" s="471" t="s">
        <v>61</v>
      </c>
      <c r="D4" s="472"/>
      <c r="E4" s="473"/>
      <c r="F4" s="474" t="s">
        <v>62</v>
      </c>
      <c r="G4" s="472"/>
      <c r="H4" s="472"/>
      <c r="I4" s="472"/>
      <c r="J4" s="472"/>
      <c r="K4" s="472"/>
      <c r="L4" s="475"/>
      <c r="M4" s="469" t="s">
        <v>52</v>
      </c>
      <c r="N4" s="471" t="s">
        <v>61</v>
      </c>
      <c r="O4" s="472"/>
      <c r="P4" s="473"/>
      <c r="Q4" s="474" t="s">
        <v>62</v>
      </c>
      <c r="R4" s="472"/>
      <c r="S4" s="472"/>
      <c r="T4" s="472"/>
      <c r="U4" s="472"/>
      <c r="V4" s="472"/>
      <c r="W4" s="473"/>
      <c r="X4" s="469" t="s">
        <v>52</v>
      </c>
      <c r="Y4" s="471" t="s">
        <v>61</v>
      </c>
      <c r="Z4" s="472"/>
      <c r="AA4" s="473"/>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93" t="s">
        <v>61</v>
      </c>
      <c r="AV4" s="491"/>
      <c r="AW4" s="492"/>
      <c r="AX4" s="490" t="s">
        <v>62</v>
      </c>
      <c r="AY4" s="491"/>
      <c r="AZ4" s="491"/>
      <c r="BA4" s="491"/>
      <c r="BB4" s="491"/>
      <c r="BC4" s="491"/>
      <c r="BD4" s="492"/>
      <c r="BE4" s="488" t="s">
        <v>52</v>
      </c>
      <c r="BF4" s="493" t="s">
        <v>61</v>
      </c>
      <c r="BG4" s="491"/>
      <c r="BH4" s="492"/>
      <c r="BI4" s="490" t="s">
        <v>62</v>
      </c>
      <c r="BJ4" s="491"/>
      <c r="BK4" s="491"/>
      <c r="BL4" s="491"/>
      <c r="BM4" s="491"/>
      <c r="BN4" s="491"/>
      <c r="BO4" s="492"/>
      <c r="BP4" s="488" t="s">
        <v>52</v>
      </c>
      <c r="BQ4" s="493" t="s">
        <v>61</v>
      </c>
      <c r="BR4" s="491"/>
      <c r="BS4" s="492"/>
      <c r="BT4" s="490" t="s">
        <v>62</v>
      </c>
      <c r="BU4" s="491"/>
      <c r="BV4" s="491"/>
      <c r="BW4" s="491"/>
      <c r="BX4" s="491"/>
      <c r="BY4" s="491"/>
      <c r="BZ4" s="492"/>
      <c r="CA4" s="488" t="s">
        <v>52</v>
      </c>
      <c r="CB4" s="493" t="s">
        <v>61</v>
      </c>
      <c r="CC4" s="491"/>
      <c r="CD4" s="492"/>
      <c r="CE4" s="490" t="s">
        <v>62</v>
      </c>
      <c r="CF4" s="491"/>
      <c r="CG4" s="491"/>
      <c r="CH4" s="491"/>
      <c r="CI4" s="491"/>
      <c r="CJ4" s="491"/>
      <c r="CK4" s="492"/>
      <c r="CL4" s="488" t="s">
        <v>52</v>
      </c>
      <c r="CM4" s="493" t="s">
        <v>61</v>
      </c>
      <c r="CN4" s="491"/>
      <c r="CO4" s="492"/>
      <c r="CP4" s="490" t="s">
        <v>62</v>
      </c>
      <c r="CQ4" s="491"/>
      <c r="CR4" s="491"/>
      <c r="CS4" s="491"/>
      <c r="CT4" s="491"/>
      <c r="CU4" s="491"/>
      <c r="CV4" s="492"/>
      <c r="CW4" s="488" t="s">
        <v>52</v>
      </c>
    </row>
    <row r="5" spans="2:101" ht="30" customHeight="1" thickBot="1" x14ac:dyDescent="0.25">
      <c r="B5" s="468"/>
      <c r="C5" s="177" t="s">
        <v>43</v>
      </c>
      <c r="D5" s="182" t="s">
        <v>44</v>
      </c>
      <c r="E5" s="205" t="s">
        <v>45</v>
      </c>
      <c r="F5" s="180" t="s">
        <v>83</v>
      </c>
      <c r="G5" s="178" t="s">
        <v>47</v>
      </c>
      <c r="H5" s="178" t="s">
        <v>48</v>
      </c>
      <c r="I5" s="178" t="s">
        <v>49</v>
      </c>
      <c r="J5" s="178" t="s">
        <v>50</v>
      </c>
      <c r="K5" s="178" t="s">
        <v>51</v>
      </c>
      <c r="L5" s="181" t="s">
        <v>45</v>
      </c>
      <c r="M5" s="470"/>
      <c r="N5" s="177" t="s">
        <v>43</v>
      </c>
      <c r="O5" s="178" t="s">
        <v>44</v>
      </c>
      <c r="P5" s="182" t="s">
        <v>45</v>
      </c>
      <c r="Q5" s="180" t="s">
        <v>83</v>
      </c>
      <c r="R5" s="178" t="s">
        <v>47</v>
      </c>
      <c r="S5" s="178" t="s">
        <v>48</v>
      </c>
      <c r="T5" s="178" t="s">
        <v>49</v>
      </c>
      <c r="U5" s="178" t="s">
        <v>50</v>
      </c>
      <c r="V5" s="178" t="s">
        <v>51</v>
      </c>
      <c r="W5" s="182" t="s">
        <v>45</v>
      </c>
      <c r="X5" s="470"/>
      <c r="Y5" s="177" t="s">
        <v>43</v>
      </c>
      <c r="Z5" s="178" t="s">
        <v>44</v>
      </c>
      <c r="AA5" s="182"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2" t="s">
        <v>45</v>
      </c>
      <c r="AX5" s="180" t="s">
        <v>83</v>
      </c>
      <c r="AY5" s="178" t="s">
        <v>47</v>
      </c>
      <c r="AZ5" s="178" t="s">
        <v>48</v>
      </c>
      <c r="BA5" s="178" t="s">
        <v>49</v>
      </c>
      <c r="BB5" s="178" t="s">
        <v>50</v>
      </c>
      <c r="BC5" s="178" t="s">
        <v>51</v>
      </c>
      <c r="BD5" s="182" t="s">
        <v>45</v>
      </c>
      <c r="BE5" s="489"/>
      <c r="BF5" s="177" t="s">
        <v>43</v>
      </c>
      <c r="BG5" s="178" t="s">
        <v>44</v>
      </c>
      <c r="BH5" s="182" t="s">
        <v>45</v>
      </c>
      <c r="BI5" s="180" t="s">
        <v>83</v>
      </c>
      <c r="BJ5" s="178" t="s">
        <v>47</v>
      </c>
      <c r="BK5" s="178" t="s">
        <v>48</v>
      </c>
      <c r="BL5" s="178" t="s">
        <v>49</v>
      </c>
      <c r="BM5" s="178" t="s">
        <v>50</v>
      </c>
      <c r="BN5" s="178" t="s">
        <v>51</v>
      </c>
      <c r="BO5" s="182" t="s">
        <v>45</v>
      </c>
      <c r="BP5" s="489"/>
      <c r="BQ5" s="177" t="s">
        <v>43</v>
      </c>
      <c r="BR5" s="178" t="s">
        <v>44</v>
      </c>
      <c r="BS5" s="182" t="s">
        <v>45</v>
      </c>
      <c r="BT5" s="180" t="s">
        <v>83</v>
      </c>
      <c r="BU5" s="178" t="s">
        <v>47</v>
      </c>
      <c r="BV5" s="178" t="s">
        <v>48</v>
      </c>
      <c r="BW5" s="178" t="s">
        <v>49</v>
      </c>
      <c r="BX5" s="178" t="s">
        <v>50</v>
      </c>
      <c r="BY5" s="178" t="s">
        <v>51</v>
      </c>
      <c r="BZ5" s="182" t="s">
        <v>45</v>
      </c>
      <c r="CA5" s="489"/>
      <c r="CB5" s="177" t="s">
        <v>43</v>
      </c>
      <c r="CC5" s="178" t="s">
        <v>44</v>
      </c>
      <c r="CD5" s="182" t="s">
        <v>45</v>
      </c>
      <c r="CE5" s="180" t="s">
        <v>83</v>
      </c>
      <c r="CF5" s="178" t="s">
        <v>47</v>
      </c>
      <c r="CG5" s="178" t="s">
        <v>48</v>
      </c>
      <c r="CH5" s="178" t="s">
        <v>49</v>
      </c>
      <c r="CI5" s="178" t="s">
        <v>50</v>
      </c>
      <c r="CJ5" s="178" t="s">
        <v>51</v>
      </c>
      <c r="CK5" s="182" t="s">
        <v>45</v>
      </c>
      <c r="CL5" s="489"/>
      <c r="CM5" s="177" t="s">
        <v>43</v>
      </c>
      <c r="CN5" s="178" t="s">
        <v>44</v>
      </c>
      <c r="CO5" s="182" t="s">
        <v>45</v>
      </c>
      <c r="CP5" s="180" t="s">
        <v>83</v>
      </c>
      <c r="CQ5" s="178" t="s">
        <v>47</v>
      </c>
      <c r="CR5" s="178" t="s">
        <v>48</v>
      </c>
      <c r="CS5" s="178" t="s">
        <v>49</v>
      </c>
      <c r="CT5" s="178" t="s">
        <v>50</v>
      </c>
      <c r="CU5" s="178" t="s">
        <v>51</v>
      </c>
      <c r="CV5" s="182" t="s">
        <v>45</v>
      </c>
      <c r="CW5" s="489"/>
    </row>
    <row r="6" spans="2:101" ht="21" customHeight="1" x14ac:dyDescent="0.2">
      <c r="B6" s="84" t="s">
        <v>4</v>
      </c>
      <c r="C6" s="183">
        <v>0</v>
      </c>
      <c r="D6" s="189">
        <v>0</v>
      </c>
      <c r="E6" s="206">
        <v>0</v>
      </c>
      <c r="F6" s="186">
        <v>0</v>
      </c>
      <c r="G6" s="184">
        <v>311</v>
      </c>
      <c r="H6" s="184">
        <v>434</v>
      </c>
      <c r="I6" s="184">
        <v>348</v>
      </c>
      <c r="J6" s="184">
        <v>452</v>
      </c>
      <c r="K6" s="184">
        <v>382</v>
      </c>
      <c r="L6" s="187">
        <v>1927</v>
      </c>
      <c r="M6" s="188">
        <v>1927</v>
      </c>
      <c r="N6" s="183">
        <v>0</v>
      </c>
      <c r="O6" s="184">
        <v>0</v>
      </c>
      <c r="P6" s="189">
        <v>0</v>
      </c>
      <c r="Q6" s="186">
        <v>0</v>
      </c>
      <c r="R6" s="184">
        <v>203</v>
      </c>
      <c r="S6" s="184">
        <v>492</v>
      </c>
      <c r="T6" s="184">
        <v>457</v>
      </c>
      <c r="U6" s="184">
        <v>445</v>
      </c>
      <c r="V6" s="184">
        <v>401</v>
      </c>
      <c r="W6" s="189">
        <v>1998</v>
      </c>
      <c r="X6" s="188">
        <v>1998</v>
      </c>
      <c r="Y6" s="183">
        <v>0</v>
      </c>
      <c r="Z6" s="184">
        <v>0</v>
      </c>
      <c r="AA6" s="189">
        <v>0</v>
      </c>
      <c r="AB6" s="186">
        <v>0</v>
      </c>
      <c r="AC6" s="184">
        <v>14552</v>
      </c>
      <c r="AD6" s="184">
        <v>13586</v>
      </c>
      <c r="AE6" s="184">
        <v>6106</v>
      </c>
      <c r="AF6" s="184">
        <v>2928</v>
      </c>
      <c r="AG6" s="184">
        <v>1269</v>
      </c>
      <c r="AH6" s="189">
        <v>38441</v>
      </c>
      <c r="AI6" s="188">
        <v>38441</v>
      </c>
      <c r="AJ6" s="183">
        <v>10</v>
      </c>
      <c r="AK6" s="184">
        <v>9</v>
      </c>
      <c r="AL6" s="189">
        <v>19</v>
      </c>
      <c r="AM6" s="186">
        <v>0</v>
      </c>
      <c r="AN6" s="184">
        <v>814</v>
      </c>
      <c r="AO6" s="184">
        <v>973</v>
      </c>
      <c r="AP6" s="184">
        <v>1081</v>
      </c>
      <c r="AQ6" s="184">
        <v>577</v>
      </c>
      <c r="AR6" s="184">
        <v>432</v>
      </c>
      <c r="AS6" s="189">
        <v>3877</v>
      </c>
      <c r="AT6" s="188">
        <v>3896</v>
      </c>
      <c r="AU6" s="183">
        <v>171</v>
      </c>
      <c r="AV6" s="184">
        <v>274</v>
      </c>
      <c r="AW6" s="189">
        <v>445</v>
      </c>
      <c r="AX6" s="186">
        <v>0</v>
      </c>
      <c r="AY6" s="184">
        <v>1538</v>
      </c>
      <c r="AZ6" s="184">
        <v>1640</v>
      </c>
      <c r="BA6" s="184">
        <v>1369</v>
      </c>
      <c r="BB6" s="184">
        <v>950</v>
      </c>
      <c r="BC6" s="184">
        <v>562</v>
      </c>
      <c r="BD6" s="189">
        <v>6059</v>
      </c>
      <c r="BE6" s="188">
        <v>6504</v>
      </c>
      <c r="BF6" s="183">
        <v>0</v>
      </c>
      <c r="BG6" s="184">
        <v>37</v>
      </c>
      <c r="BH6" s="189">
        <v>37</v>
      </c>
      <c r="BI6" s="186">
        <v>0</v>
      </c>
      <c r="BJ6" s="184">
        <v>2592</v>
      </c>
      <c r="BK6" s="184">
        <v>3348</v>
      </c>
      <c r="BL6" s="184">
        <v>3708</v>
      </c>
      <c r="BM6" s="184">
        <v>2448</v>
      </c>
      <c r="BN6" s="184">
        <v>1565</v>
      </c>
      <c r="BO6" s="187">
        <v>13661</v>
      </c>
      <c r="BP6" s="188">
        <v>13698</v>
      </c>
      <c r="BQ6" s="183">
        <v>0</v>
      </c>
      <c r="BR6" s="184">
        <v>0</v>
      </c>
      <c r="BS6" s="189">
        <v>0</v>
      </c>
      <c r="BT6" s="186">
        <v>0</v>
      </c>
      <c r="BU6" s="184">
        <v>36</v>
      </c>
      <c r="BV6" s="184">
        <v>47</v>
      </c>
      <c r="BW6" s="184">
        <v>67</v>
      </c>
      <c r="BX6" s="184">
        <v>70</v>
      </c>
      <c r="BY6" s="184">
        <v>54</v>
      </c>
      <c r="BZ6" s="189">
        <v>274</v>
      </c>
      <c r="CA6" s="188">
        <v>274</v>
      </c>
      <c r="CB6" s="183">
        <v>0</v>
      </c>
      <c r="CC6" s="184">
        <v>0</v>
      </c>
      <c r="CD6" s="189">
        <v>0</v>
      </c>
      <c r="CE6" s="186">
        <v>0</v>
      </c>
      <c r="CF6" s="184">
        <v>6</v>
      </c>
      <c r="CG6" s="184">
        <v>28</v>
      </c>
      <c r="CH6" s="184">
        <v>222</v>
      </c>
      <c r="CI6" s="184">
        <v>356</v>
      </c>
      <c r="CJ6" s="184">
        <v>211</v>
      </c>
      <c r="CK6" s="189">
        <v>823</v>
      </c>
      <c r="CL6" s="188">
        <v>823</v>
      </c>
      <c r="CM6" s="183">
        <v>0</v>
      </c>
      <c r="CN6" s="184">
        <v>0</v>
      </c>
      <c r="CO6" s="189">
        <v>0</v>
      </c>
      <c r="CP6" s="186">
        <v>0</v>
      </c>
      <c r="CQ6" s="184">
        <v>230</v>
      </c>
      <c r="CR6" s="184">
        <v>314</v>
      </c>
      <c r="CS6" s="184">
        <v>328</v>
      </c>
      <c r="CT6" s="184">
        <v>400</v>
      </c>
      <c r="CU6" s="184">
        <v>468</v>
      </c>
      <c r="CV6" s="189">
        <v>1740</v>
      </c>
      <c r="CW6" s="188">
        <v>1740</v>
      </c>
    </row>
    <row r="7" spans="2:101" ht="21" customHeight="1" x14ac:dyDescent="0.2">
      <c r="B7" s="95" t="s">
        <v>5</v>
      </c>
      <c r="C7" s="190">
        <v>0</v>
      </c>
      <c r="D7" s="196">
        <v>0</v>
      </c>
      <c r="E7" s="207">
        <v>0</v>
      </c>
      <c r="F7" s="193">
        <v>0</v>
      </c>
      <c r="G7" s="191">
        <v>128</v>
      </c>
      <c r="H7" s="191">
        <v>201</v>
      </c>
      <c r="I7" s="191">
        <v>169</v>
      </c>
      <c r="J7" s="191">
        <v>219</v>
      </c>
      <c r="K7" s="191">
        <v>168</v>
      </c>
      <c r="L7" s="194">
        <v>885</v>
      </c>
      <c r="M7" s="195">
        <v>885</v>
      </c>
      <c r="N7" s="190">
        <v>0</v>
      </c>
      <c r="O7" s="191">
        <v>0</v>
      </c>
      <c r="P7" s="196">
        <v>0</v>
      </c>
      <c r="Q7" s="193">
        <v>0</v>
      </c>
      <c r="R7" s="191">
        <v>101</v>
      </c>
      <c r="S7" s="191">
        <v>370</v>
      </c>
      <c r="T7" s="191">
        <v>339</v>
      </c>
      <c r="U7" s="191">
        <v>330</v>
      </c>
      <c r="V7" s="191">
        <v>301</v>
      </c>
      <c r="W7" s="196">
        <v>1441</v>
      </c>
      <c r="X7" s="195">
        <v>1441</v>
      </c>
      <c r="Y7" s="190">
        <v>0</v>
      </c>
      <c r="Z7" s="191">
        <v>0</v>
      </c>
      <c r="AA7" s="196">
        <v>0</v>
      </c>
      <c r="AB7" s="193">
        <v>0</v>
      </c>
      <c r="AC7" s="191">
        <v>5237</v>
      </c>
      <c r="AD7" s="191">
        <v>6534</v>
      </c>
      <c r="AE7" s="191">
        <v>2837</v>
      </c>
      <c r="AF7" s="191">
        <v>1315</v>
      </c>
      <c r="AG7" s="191">
        <v>571</v>
      </c>
      <c r="AH7" s="196">
        <v>16494</v>
      </c>
      <c r="AI7" s="195">
        <v>16494</v>
      </c>
      <c r="AJ7" s="190">
        <v>6</v>
      </c>
      <c r="AK7" s="191">
        <v>3</v>
      </c>
      <c r="AL7" s="196">
        <v>9</v>
      </c>
      <c r="AM7" s="193">
        <v>0</v>
      </c>
      <c r="AN7" s="191">
        <v>411</v>
      </c>
      <c r="AO7" s="191">
        <v>498</v>
      </c>
      <c r="AP7" s="191">
        <v>560</v>
      </c>
      <c r="AQ7" s="191">
        <v>322</v>
      </c>
      <c r="AR7" s="191">
        <v>224</v>
      </c>
      <c r="AS7" s="196">
        <v>2015</v>
      </c>
      <c r="AT7" s="195">
        <v>2024</v>
      </c>
      <c r="AU7" s="190">
        <v>62</v>
      </c>
      <c r="AV7" s="191">
        <v>110</v>
      </c>
      <c r="AW7" s="196">
        <v>172</v>
      </c>
      <c r="AX7" s="193">
        <v>0</v>
      </c>
      <c r="AY7" s="191">
        <v>572</v>
      </c>
      <c r="AZ7" s="191">
        <v>762</v>
      </c>
      <c r="BA7" s="191">
        <v>559</v>
      </c>
      <c r="BB7" s="191">
        <v>435</v>
      </c>
      <c r="BC7" s="191">
        <v>272</v>
      </c>
      <c r="BD7" s="196">
        <v>2600</v>
      </c>
      <c r="BE7" s="195">
        <v>2772</v>
      </c>
      <c r="BF7" s="190">
        <v>0</v>
      </c>
      <c r="BG7" s="191">
        <v>19</v>
      </c>
      <c r="BH7" s="196">
        <v>19</v>
      </c>
      <c r="BI7" s="193">
        <v>0</v>
      </c>
      <c r="BJ7" s="191">
        <v>1129</v>
      </c>
      <c r="BK7" s="191">
        <v>1445</v>
      </c>
      <c r="BL7" s="191">
        <v>1567</v>
      </c>
      <c r="BM7" s="191">
        <v>1046</v>
      </c>
      <c r="BN7" s="191">
        <v>708</v>
      </c>
      <c r="BO7" s="194">
        <v>5895</v>
      </c>
      <c r="BP7" s="195">
        <v>5914</v>
      </c>
      <c r="BQ7" s="190">
        <v>0</v>
      </c>
      <c r="BR7" s="191">
        <v>0</v>
      </c>
      <c r="BS7" s="196">
        <v>0</v>
      </c>
      <c r="BT7" s="193">
        <v>0</v>
      </c>
      <c r="BU7" s="191">
        <v>1</v>
      </c>
      <c r="BV7" s="191">
        <v>3</v>
      </c>
      <c r="BW7" s="191">
        <v>4</v>
      </c>
      <c r="BX7" s="191">
        <v>1</v>
      </c>
      <c r="BY7" s="191">
        <v>3</v>
      </c>
      <c r="BZ7" s="196">
        <v>12</v>
      </c>
      <c r="CA7" s="195">
        <v>12</v>
      </c>
      <c r="CB7" s="190">
        <v>0</v>
      </c>
      <c r="CC7" s="191">
        <v>0</v>
      </c>
      <c r="CD7" s="196">
        <v>0</v>
      </c>
      <c r="CE7" s="193">
        <v>0</v>
      </c>
      <c r="CF7" s="191">
        <v>3</v>
      </c>
      <c r="CG7" s="191">
        <v>12</v>
      </c>
      <c r="CH7" s="191">
        <v>23</v>
      </c>
      <c r="CI7" s="191">
        <v>46</v>
      </c>
      <c r="CJ7" s="191">
        <v>32</v>
      </c>
      <c r="CK7" s="196">
        <v>116</v>
      </c>
      <c r="CL7" s="195">
        <v>116</v>
      </c>
      <c r="CM7" s="190">
        <v>0</v>
      </c>
      <c r="CN7" s="191">
        <v>0</v>
      </c>
      <c r="CO7" s="196">
        <v>0</v>
      </c>
      <c r="CP7" s="193">
        <v>0</v>
      </c>
      <c r="CQ7" s="191">
        <v>23</v>
      </c>
      <c r="CR7" s="191">
        <v>67</v>
      </c>
      <c r="CS7" s="191">
        <v>56</v>
      </c>
      <c r="CT7" s="191">
        <v>104</v>
      </c>
      <c r="CU7" s="191">
        <v>159</v>
      </c>
      <c r="CV7" s="196">
        <v>409</v>
      </c>
      <c r="CW7" s="195">
        <v>409</v>
      </c>
    </row>
    <row r="8" spans="2:101" ht="21" customHeight="1" x14ac:dyDescent="0.2">
      <c r="B8" s="106" t="s">
        <v>6</v>
      </c>
      <c r="C8" s="190">
        <v>0</v>
      </c>
      <c r="D8" s="196">
        <v>0</v>
      </c>
      <c r="E8" s="207">
        <v>0</v>
      </c>
      <c r="F8" s="193">
        <v>0</v>
      </c>
      <c r="G8" s="191">
        <v>64</v>
      </c>
      <c r="H8" s="191">
        <v>81</v>
      </c>
      <c r="I8" s="191">
        <v>61</v>
      </c>
      <c r="J8" s="191">
        <v>112</v>
      </c>
      <c r="K8" s="191">
        <v>111</v>
      </c>
      <c r="L8" s="194">
        <v>429</v>
      </c>
      <c r="M8" s="195">
        <v>429</v>
      </c>
      <c r="N8" s="190">
        <v>0</v>
      </c>
      <c r="O8" s="191">
        <v>0</v>
      </c>
      <c r="P8" s="196">
        <v>0</v>
      </c>
      <c r="Q8" s="193">
        <v>0</v>
      </c>
      <c r="R8" s="191">
        <v>73</v>
      </c>
      <c r="S8" s="191">
        <v>103</v>
      </c>
      <c r="T8" s="191">
        <v>98</v>
      </c>
      <c r="U8" s="191">
        <v>87</v>
      </c>
      <c r="V8" s="191">
        <v>82</v>
      </c>
      <c r="W8" s="196">
        <v>443</v>
      </c>
      <c r="X8" s="195">
        <v>443</v>
      </c>
      <c r="Y8" s="190">
        <v>0</v>
      </c>
      <c r="Z8" s="191">
        <v>0</v>
      </c>
      <c r="AA8" s="196">
        <v>0</v>
      </c>
      <c r="AB8" s="193">
        <v>0</v>
      </c>
      <c r="AC8" s="191">
        <v>1921</v>
      </c>
      <c r="AD8" s="191">
        <v>1485</v>
      </c>
      <c r="AE8" s="191">
        <v>723</v>
      </c>
      <c r="AF8" s="191">
        <v>394</v>
      </c>
      <c r="AG8" s="191">
        <v>203</v>
      </c>
      <c r="AH8" s="196">
        <v>4726</v>
      </c>
      <c r="AI8" s="195">
        <v>4726</v>
      </c>
      <c r="AJ8" s="190">
        <v>1</v>
      </c>
      <c r="AK8" s="191">
        <v>0</v>
      </c>
      <c r="AL8" s="196">
        <v>1</v>
      </c>
      <c r="AM8" s="193">
        <v>0</v>
      </c>
      <c r="AN8" s="191">
        <v>162</v>
      </c>
      <c r="AO8" s="191">
        <v>229</v>
      </c>
      <c r="AP8" s="191">
        <v>245</v>
      </c>
      <c r="AQ8" s="191">
        <v>122</v>
      </c>
      <c r="AR8" s="191">
        <v>115</v>
      </c>
      <c r="AS8" s="196">
        <v>873</v>
      </c>
      <c r="AT8" s="195">
        <v>874</v>
      </c>
      <c r="AU8" s="190">
        <v>27</v>
      </c>
      <c r="AV8" s="191">
        <v>40</v>
      </c>
      <c r="AW8" s="196">
        <v>67</v>
      </c>
      <c r="AX8" s="193">
        <v>0</v>
      </c>
      <c r="AY8" s="191">
        <v>245</v>
      </c>
      <c r="AZ8" s="191">
        <v>204</v>
      </c>
      <c r="BA8" s="191">
        <v>182</v>
      </c>
      <c r="BB8" s="191">
        <v>120</v>
      </c>
      <c r="BC8" s="191">
        <v>59</v>
      </c>
      <c r="BD8" s="196">
        <v>810</v>
      </c>
      <c r="BE8" s="195">
        <v>877</v>
      </c>
      <c r="BF8" s="190">
        <v>0</v>
      </c>
      <c r="BG8" s="191">
        <v>5</v>
      </c>
      <c r="BH8" s="196">
        <v>5</v>
      </c>
      <c r="BI8" s="193">
        <v>0</v>
      </c>
      <c r="BJ8" s="191">
        <v>471</v>
      </c>
      <c r="BK8" s="191">
        <v>601</v>
      </c>
      <c r="BL8" s="191">
        <v>565</v>
      </c>
      <c r="BM8" s="191">
        <v>383</v>
      </c>
      <c r="BN8" s="191">
        <v>259</v>
      </c>
      <c r="BO8" s="194">
        <v>2279</v>
      </c>
      <c r="BP8" s="195">
        <v>2284</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2</v>
      </c>
      <c r="CG8" s="191">
        <v>9</v>
      </c>
      <c r="CH8" s="191">
        <v>68</v>
      </c>
      <c r="CI8" s="191">
        <v>96</v>
      </c>
      <c r="CJ8" s="191">
        <v>68</v>
      </c>
      <c r="CK8" s="196">
        <v>243</v>
      </c>
      <c r="CL8" s="195">
        <v>243</v>
      </c>
      <c r="CM8" s="190">
        <v>0</v>
      </c>
      <c r="CN8" s="191">
        <v>0</v>
      </c>
      <c r="CO8" s="196">
        <v>0</v>
      </c>
      <c r="CP8" s="193">
        <v>0</v>
      </c>
      <c r="CQ8" s="191">
        <v>82</v>
      </c>
      <c r="CR8" s="191">
        <v>93</v>
      </c>
      <c r="CS8" s="191">
        <v>91</v>
      </c>
      <c r="CT8" s="191">
        <v>88</v>
      </c>
      <c r="CU8" s="191">
        <v>115</v>
      </c>
      <c r="CV8" s="196">
        <v>469</v>
      </c>
      <c r="CW8" s="195">
        <v>469</v>
      </c>
    </row>
    <row r="9" spans="2:101" ht="21" customHeight="1" x14ac:dyDescent="0.2">
      <c r="B9" s="106" t="s">
        <v>14</v>
      </c>
      <c r="C9" s="190">
        <v>0</v>
      </c>
      <c r="D9" s="196">
        <v>0</v>
      </c>
      <c r="E9" s="207">
        <v>0</v>
      </c>
      <c r="F9" s="193">
        <v>0</v>
      </c>
      <c r="G9" s="191">
        <v>31</v>
      </c>
      <c r="H9" s="191">
        <v>51</v>
      </c>
      <c r="I9" s="191">
        <v>38</v>
      </c>
      <c r="J9" s="191">
        <v>38</v>
      </c>
      <c r="K9" s="191">
        <v>35</v>
      </c>
      <c r="L9" s="194">
        <v>193</v>
      </c>
      <c r="M9" s="195">
        <v>193</v>
      </c>
      <c r="N9" s="190">
        <v>0</v>
      </c>
      <c r="O9" s="191">
        <v>0</v>
      </c>
      <c r="P9" s="196">
        <v>0</v>
      </c>
      <c r="Q9" s="193">
        <v>0</v>
      </c>
      <c r="R9" s="191">
        <v>0</v>
      </c>
      <c r="S9" s="191">
        <v>0</v>
      </c>
      <c r="T9" s="191">
        <v>0</v>
      </c>
      <c r="U9" s="191">
        <v>0</v>
      </c>
      <c r="V9" s="191">
        <v>0</v>
      </c>
      <c r="W9" s="196">
        <v>0</v>
      </c>
      <c r="X9" s="195">
        <v>0</v>
      </c>
      <c r="Y9" s="190">
        <v>0</v>
      </c>
      <c r="Z9" s="191">
        <v>0</v>
      </c>
      <c r="AA9" s="196">
        <v>0</v>
      </c>
      <c r="AB9" s="193">
        <v>0</v>
      </c>
      <c r="AC9" s="191">
        <v>1158</v>
      </c>
      <c r="AD9" s="191">
        <v>1213</v>
      </c>
      <c r="AE9" s="191">
        <v>564</v>
      </c>
      <c r="AF9" s="191">
        <v>266</v>
      </c>
      <c r="AG9" s="191">
        <v>91</v>
      </c>
      <c r="AH9" s="196">
        <v>3292</v>
      </c>
      <c r="AI9" s="195">
        <v>3292</v>
      </c>
      <c r="AJ9" s="190">
        <v>0</v>
      </c>
      <c r="AK9" s="191">
        <v>0</v>
      </c>
      <c r="AL9" s="196">
        <v>0</v>
      </c>
      <c r="AM9" s="193">
        <v>0</v>
      </c>
      <c r="AN9" s="191">
        <v>18</v>
      </c>
      <c r="AO9" s="191">
        <v>23</v>
      </c>
      <c r="AP9" s="191">
        <v>34</v>
      </c>
      <c r="AQ9" s="191">
        <v>12</v>
      </c>
      <c r="AR9" s="191">
        <v>15</v>
      </c>
      <c r="AS9" s="196">
        <v>102</v>
      </c>
      <c r="AT9" s="195">
        <v>102</v>
      </c>
      <c r="AU9" s="190">
        <v>19</v>
      </c>
      <c r="AV9" s="191">
        <v>26</v>
      </c>
      <c r="AW9" s="196">
        <v>45</v>
      </c>
      <c r="AX9" s="193">
        <v>0</v>
      </c>
      <c r="AY9" s="191">
        <v>124</v>
      </c>
      <c r="AZ9" s="191">
        <v>152</v>
      </c>
      <c r="BA9" s="191">
        <v>132</v>
      </c>
      <c r="BB9" s="191">
        <v>85</v>
      </c>
      <c r="BC9" s="191">
        <v>40</v>
      </c>
      <c r="BD9" s="196">
        <v>533</v>
      </c>
      <c r="BE9" s="195">
        <v>578</v>
      </c>
      <c r="BF9" s="190">
        <v>0</v>
      </c>
      <c r="BG9" s="191">
        <v>2</v>
      </c>
      <c r="BH9" s="196">
        <v>2</v>
      </c>
      <c r="BI9" s="193">
        <v>0</v>
      </c>
      <c r="BJ9" s="191">
        <v>203</v>
      </c>
      <c r="BK9" s="191">
        <v>298</v>
      </c>
      <c r="BL9" s="191">
        <v>418</v>
      </c>
      <c r="BM9" s="191">
        <v>213</v>
      </c>
      <c r="BN9" s="191">
        <v>118</v>
      </c>
      <c r="BO9" s="194">
        <v>1250</v>
      </c>
      <c r="BP9" s="195">
        <v>1252</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13</v>
      </c>
      <c r="CI9" s="191">
        <v>33</v>
      </c>
      <c r="CJ9" s="191">
        <v>10</v>
      </c>
      <c r="CK9" s="196">
        <v>56</v>
      </c>
      <c r="CL9" s="195">
        <v>56</v>
      </c>
      <c r="CM9" s="190">
        <v>0</v>
      </c>
      <c r="CN9" s="191">
        <v>0</v>
      </c>
      <c r="CO9" s="196">
        <v>0</v>
      </c>
      <c r="CP9" s="193">
        <v>0</v>
      </c>
      <c r="CQ9" s="191">
        <v>18</v>
      </c>
      <c r="CR9" s="191">
        <v>23</v>
      </c>
      <c r="CS9" s="191">
        <v>38</v>
      </c>
      <c r="CT9" s="191">
        <v>43</v>
      </c>
      <c r="CU9" s="191">
        <v>36</v>
      </c>
      <c r="CV9" s="196">
        <v>158</v>
      </c>
      <c r="CW9" s="195">
        <v>158</v>
      </c>
    </row>
    <row r="10" spans="2:101" ht="21" customHeight="1" x14ac:dyDescent="0.2">
      <c r="B10" s="106" t="s">
        <v>7</v>
      </c>
      <c r="C10" s="190">
        <v>0</v>
      </c>
      <c r="D10" s="196">
        <v>0</v>
      </c>
      <c r="E10" s="207">
        <v>0</v>
      </c>
      <c r="F10" s="193">
        <v>0</v>
      </c>
      <c r="G10" s="191">
        <v>7</v>
      </c>
      <c r="H10" s="191">
        <v>12</v>
      </c>
      <c r="I10" s="191">
        <v>8</v>
      </c>
      <c r="J10" s="191">
        <v>7</v>
      </c>
      <c r="K10" s="191">
        <v>7</v>
      </c>
      <c r="L10" s="194">
        <v>41</v>
      </c>
      <c r="M10" s="195">
        <v>41</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1235</v>
      </c>
      <c r="AD10" s="191">
        <v>736</v>
      </c>
      <c r="AE10" s="191">
        <v>275</v>
      </c>
      <c r="AF10" s="191">
        <v>120</v>
      </c>
      <c r="AG10" s="191">
        <v>54</v>
      </c>
      <c r="AH10" s="196">
        <v>2420</v>
      </c>
      <c r="AI10" s="195">
        <v>2420</v>
      </c>
      <c r="AJ10" s="190">
        <v>0</v>
      </c>
      <c r="AK10" s="191">
        <v>2</v>
      </c>
      <c r="AL10" s="196">
        <v>2</v>
      </c>
      <c r="AM10" s="193">
        <v>0</v>
      </c>
      <c r="AN10" s="191">
        <v>89</v>
      </c>
      <c r="AO10" s="191">
        <v>90</v>
      </c>
      <c r="AP10" s="191">
        <v>90</v>
      </c>
      <c r="AQ10" s="191">
        <v>34</v>
      </c>
      <c r="AR10" s="191">
        <v>25</v>
      </c>
      <c r="AS10" s="196">
        <v>328</v>
      </c>
      <c r="AT10" s="195">
        <v>330</v>
      </c>
      <c r="AU10" s="190">
        <v>2</v>
      </c>
      <c r="AV10" s="191">
        <v>3</v>
      </c>
      <c r="AW10" s="196">
        <v>5</v>
      </c>
      <c r="AX10" s="193">
        <v>0</v>
      </c>
      <c r="AY10" s="191">
        <v>49</v>
      </c>
      <c r="AZ10" s="191">
        <v>39</v>
      </c>
      <c r="BA10" s="191">
        <v>33</v>
      </c>
      <c r="BB10" s="191">
        <v>19</v>
      </c>
      <c r="BC10" s="191">
        <v>10</v>
      </c>
      <c r="BD10" s="196">
        <v>150</v>
      </c>
      <c r="BE10" s="195">
        <v>155</v>
      </c>
      <c r="BF10" s="190">
        <v>0</v>
      </c>
      <c r="BG10" s="191">
        <v>0</v>
      </c>
      <c r="BH10" s="196">
        <v>0</v>
      </c>
      <c r="BI10" s="193">
        <v>0</v>
      </c>
      <c r="BJ10" s="191">
        <v>139</v>
      </c>
      <c r="BK10" s="191">
        <v>157</v>
      </c>
      <c r="BL10" s="191">
        <v>158</v>
      </c>
      <c r="BM10" s="191">
        <v>128</v>
      </c>
      <c r="BN10" s="191">
        <v>69</v>
      </c>
      <c r="BO10" s="194">
        <v>651</v>
      </c>
      <c r="BP10" s="195">
        <v>651</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17</v>
      </c>
      <c r="CR10" s="191">
        <v>13</v>
      </c>
      <c r="CS10" s="191">
        <v>11</v>
      </c>
      <c r="CT10" s="191">
        <v>22</v>
      </c>
      <c r="CU10" s="191">
        <v>24</v>
      </c>
      <c r="CV10" s="196">
        <v>87</v>
      </c>
      <c r="CW10" s="195">
        <v>87</v>
      </c>
    </row>
    <row r="11" spans="2:101" ht="21" customHeight="1" x14ac:dyDescent="0.2">
      <c r="B11" s="106" t="s">
        <v>8</v>
      </c>
      <c r="C11" s="190">
        <v>0</v>
      </c>
      <c r="D11" s="196">
        <v>0</v>
      </c>
      <c r="E11" s="207">
        <v>0</v>
      </c>
      <c r="F11" s="193">
        <v>0</v>
      </c>
      <c r="G11" s="191">
        <v>7</v>
      </c>
      <c r="H11" s="191">
        <v>5</v>
      </c>
      <c r="I11" s="191">
        <v>3</v>
      </c>
      <c r="J11" s="191">
        <v>5</v>
      </c>
      <c r="K11" s="191">
        <v>2</v>
      </c>
      <c r="L11" s="194">
        <v>22</v>
      </c>
      <c r="M11" s="195">
        <v>22</v>
      </c>
      <c r="N11" s="190">
        <v>0</v>
      </c>
      <c r="O11" s="191">
        <v>0</v>
      </c>
      <c r="P11" s="196">
        <v>0</v>
      </c>
      <c r="Q11" s="193">
        <v>0</v>
      </c>
      <c r="R11" s="191">
        <v>2</v>
      </c>
      <c r="S11" s="191">
        <v>2</v>
      </c>
      <c r="T11" s="191">
        <v>0</v>
      </c>
      <c r="U11" s="191">
        <v>2</v>
      </c>
      <c r="V11" s="191">
        <v>0</v>
      </c>
      <c r="W11" s="196">
        <v>6</v>
      </c>
      <c r="X11" s="195">
        <v>6</v>
      </c>
      <c r="Y11" s="190">
        <v>0</v>
      </c>
      <c r="Z11" s="191">
        <v>0</v>
      </c>
      <c r="AA11" s="196">
        <v>0</v>
      </c>
      <c r="AB11" s="193">
        <v>0</v>
      </c>
      <c r="AC11" s="191">
        <v>652</v>
      </c>
      <c r="AD11" s="191">
        <v>556</v>
      </c>
      <c r="AE11" s="191">
        <v>214</v>
      </c>
      <c r="AF11" s="191">
        <v>101</v>
      </c>
      <c r="AG11" s="191">
        <v>58</v>
      </c>
      <c r="AH11" s="196">
        <v>1581</v>
      </c>
      <c r="AI11" s="195">
        <v>1581</v>
      </c>
      <c r="AJ11" s="190">
        <v>0</v>
      </c>
      <c r="AK11" s="191">
        <v>0</v>
      </c>
      <c r="AL11" s="196">
        <v>0</v>
      </c>
      <c r="AM11" s="193">
        <v>0</v>
      </c>
      <c r="AN11" s="191">
        <v>8</v>
      </c>
      <c r="AO11" s="191">
        <v>9</v>
      </c>
      <c r="AP11" s="191">
        <v>8</v>
      </c>
      <c r="AQ11" s="191">
        <v>8</v>
      </c>
      <c r="AR11" s="191">
        <v>5</v>
      </c>
      <c r="AS11" s="196">
        <v>38</v>
      </c>
      <c r="AT11" s="195">
        <v>38</v>
      </c>
      <c r="AU11" s="190">
        <v>14</v>
      </c>
      <c r="AV11" s="191">
        <v>10</v>
      </c>
      <c r="AW11" s="196">
        <v>24</v>
      </c>
      <c r="AX11" s="193">
        <v>0</v>
      </c>
      <c r="AY11" s="191">
        <v>64</v>
      </c>
      <c r="AZ11" s="191">
        <v>50</v>
      </c>
      <c r="BA11" s="191">
        <v>49</v>
      </c>
      <c r="BB11" s="191">
        <v>25</v>
      </c>
      <c r="BC11" s="191">
        <v>13</v>
      </c>
      <c r="BD11" s="196">
        <v>201</v>
      </c>
      <c r="BE11" s="195">
        <v>225</v>
      </c>
      <c r="BF11" s="190">
        <v>0</v>
      </c>
      <c r="BG11" s="191">
        <v>0</v>
      </c>
      <c r="BH11" s="196">
        <v>0</v>
      </c>
      <c r="BI11" s="193">
        <v>0</v>
      </c>
      <c r="BJ11" s="191">
        <v>66</v>
      </c>
      <c r="BK11" s="191">
        <v>68</v>
      </c>
      <c r="BL11" s="191">
        <v>95</v>
      </c>
      <c r="BM11" s="191">
        <v>58</v>
      </c>
      <c r="BN11" s="191">
        <v>39</v>
      </c>
      <c r="BO11" s="194">
        <v>326</v>
      </c>
      <c r="BP11" s="195">
        <v>326</v>
      </c>
      <c r="BQ11" s="190">
        <v>0</v>
      </c>
      <c r="BR11" s="191">
        <v>0</v>
      </c>
      <c r="BS11" s="196">
        <v>0</v>
      </c>
      <c r="BT11" s="193">
        <v>0</v>
      </c>
      <c r="BU11" s="191">
        <v>1</v>
      </c>
      <c r="BV11" s="191">
        <v>8</v>
      </c>
      <c r="BW11" s="191">
        <v>14</v>
      </c>
      <c r="BX11" s="191">
        <v>10</v>
      </c>
      <c r="BY11" s="191">
        <v>11</v>
      </c>
      <c r="BZ11" s="196">
        <v>44</v>
      </c>
      <c r="CA11" s="195">
        <v>44</v>
      </c>
      <c r="CB11" s="190">
        <v>0</v>
      </c>
      <c r="CC11" s="191">
        <v>0</v>
      </c>
      <c r="CD11" s="196">
        <v>0</v>
      </c>
      <c r="CE11" s="193">
        <v>0</v>
      </c>
      <c r="CF11" s="191">
        <v>0</v>
      </c>
      <c r="CG11" s="191">
        <v>1</v>
      </c>
      <c r="CH11" s="191">
        <v>11</v>
      </c>
      <c r="CI11" s="191">
        <v>25</v>
      </c>
      <c r="CJ11" s="191">
        <v>5</v>
      </c>
      <c r="CK11" s="196">
        <v>42</v>
      </c>
      <c r="CL11" s="195">
        <v>42</v>
      </c>
      <c r="CM11" s="190">
        <v>0</v>
      </c>
      <c r="CN11" s="191">
        <v>0</v>
      </c>
      <c r="CO11" s="196">
        <v>0</v>
      </c>
      <c r="CP11" s="193">
        <v>0</v>
      </c>
      <c r="CQ11" s="191">
        <v>13</v>
      </c>
      <c r="CR11" s="191">
        <v>20</v>
      </c>
      <c r="CS11" s="191">
        <v>19</v>
      </c>
      <c r="CT11" s="191">
        <v>11</v>
      </c>
      <c r="CU11" s="191">
        <v>7</v>
      </c>
      <c r="CV11" s="196">
        <v>70</v>
      </c>
      <c r="CW11" s="195">
        <v>70</v>
      </c>
    </row>
    <row r="12" spans="2:101" ht="21" customHeight="1" x14ac:dyDescent="0.2">
      <c r="B12" s="106" t="s">
        <v>9</v>
      </c>
      <c r="C12" s="190">
        <v>0</v>
      </c>
      <c r="D12" s="196">
        <v>0</v>
      </c>
      <c r="E12" s="207">
        <v>0</v>
      </c>
      <c r="F12" s="193">
        <v>0</v>
      </c>
      <c r="G12" s="191">
        <v>0</v>
      </c>
      <c r="H12" s="191">
        <v>2</v>
      </c>
      <c r="I12" s="191">
        <v>2</v>
      </c>
      <c r="J12" s="191">
        <v>7</v>
      </c>
      <c r="K12" s="191">
        <v>5</v>
      </c>
      <c r="L12" s="194">
        <v>16</v>
      </c>
      <c r="M12" s="195">
        <v>16</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469</v>
      </c>
      <c r="AD12" s="191">
        <v>308</v>
      </c>
      <c r="AE12" s="191">
        <v>156</v>
      </c>
      <c r="AF12" s="191">
        <v>101</v>
      </c>
      <c r="AG12" s="191">
        <v>34</v>
      </c>
      <c r="AH12" s="196">
        <v>1068</v>
      </c>
      <c r="AI12" s="195">
        <v>1068</v>
      </c>
      <c r="AJ12" s="190">
        <v>0</v>
      </c>
      <c r="AK12" s="191">
        <v>0</v>
      </c>
      <c r="AL12" s="196">
        <v>0</v>
      </c>
      <c r="AM12" s="193">
        <v>0</v>
      </c>
      <c r="AN12" s="191">
        <v>8</v>
      </c>
      <c r="AO12" s="191">
        <v>8</v>
      </c>
      <c r="AP12" s="191">
        <v>10</v>
      </c>
      <c r="AQ12" s="191">
        <v>0</v>
      </c>
      <c r="AR12" s="191">
        <v>5</v>
      </c>
      <c r="AS12" s="196">
        <v>31</v>
      </c>
      <c r="AT12" s="195">
        <v>31</v>
      </c>
      <c r="AU12" s="190">
        <v>5</v>
      </c>
      <c r="AV12" s="191">
        <v>3</v>
      </c>
      <c r="AW12" s="196">
        <v>8</v>
      </c>
      <c r="AX12" s="193">
        <v>0</v>
      </c>
      <c r="AY12" s="191">
        <v>40</v>
      </c>
      <c r="AZ12" s="191">
        <v>33</v>
      </c>
      <c r="BA12" s="191">
        <v>22</v>
      </c>
      <c r="BB12" s="191">
        <v>22</v>
      </c>
      <c r="BC12" s="191">
        <v>15</v>
      </c>
      <c r="BD12" s="196">
        <v>132</v>
      </c>
      <c r="BE12" s="195">
        <v>140</v>
      </c>
      <c r="BF12" s="190">
        <v>0</v>
      </c>
      <c r="BG12" s="191">
        <v>0</v>
      </c>
      <c r="BH12" s="196">
        <v>0</v>
      </c>
      <c r="BI12" s="193">
        <v>0</v>
      </c>
      <c r="BJ12" s="191">
        <v>35</v>
      </c>
      <c r="BK12" s="191">
        <v>61</v>
      </c>
      <c r="BL12" s="191">
        <v>85</v>
      </c>
      <c r="BM12" s="191">
        <v>69</v>
      </c>
      <c r="BN12" s="191">
        <v>30</v>
      </c>
      <c r="BO12" s="194">
        <v>280</v>
      </c>
      <c r="BP12" s="195">
        <v>280</v>
      </c>
      <c r="BQ12" s="190">
        <v>0</v>
      </c>
      <c r="BR12" s="191">
        <v>0</v>
      </c>
      <c r="BS12" s="196">
        <v>0</v>
      </c>
      <c r="BT12" s="193">
        <v>0</v>
      </c>
      <c r="BU12" s="191">
        <v>1</v>
      </c>
      <c r="BV12" s="191">
        <v>5</v>
      </c>
      <c r="BW12" s="191">
        <v>6</v>
      </c>
      <c r="BX12" s="191">
        <v>7</v>
      </c>
      <c r="BY12" s="191">
        <v>4</v>
      </c>
      <c r="BZ12" s="196">
        <v>23</v>
      </c>
      <c r="CA12" s="195">
        <v>23</v>
      </c>
      <c r="CB12" s="190">
        <v>0</v>
      </c>
      <c r="CC12" s="191">
        <v>0</v>
      </c>
      <c r="CD12" s="196">
        <v>0</v>
      </c>
      <c r="CE12" s="193">
        <v>0</v>
      </c>
      <c r="CF12" s="191">
        <v>0</v>
      </c>
      <c r="CG12" s="191">
        <v>0</v>
      </c>
      <c r="CH12" s="191">
        <v>0</v>
      </c>
      <c r="CI12" s="191">
        <v>0</v>
      </c>
      <c r="CJ12" s="191">
        <v>1</v>
      </c>
      <c r="CK12" s="196">
        <v>1</v>
      </c>
      <c r="CL12" s="195">
        <v>1</v>
      </c>
      <c r="CM12" s="190">
        <v>0</v>
      </c>
      <c r="CN12" s="191">
        <v>0</v>
      </c>
      <c r="CO12" s="196">
        <v>0</v>
      </c>
      <c r="CP12" s="193">
        <v>0</v>
      </c>
      <c r="CQ12" s="191">
        <v>6</v>
      </c>
      <c r="CR12" s="191">
        <v>7</v>
      </c>
      <c r="CS12" s="191">
        <v>8</v>
      </c>
      <c r="CT12" s="191">
        <v>7</v>
      </c>
      <c r="CU12" s="191">
        <v>12</v>
      </c>
      <c r="CV12" s="196">
        <v>40</v>
      </c>
      <c r="CW12" s="195">
        <v>40</v>
      </c>
    </row>
    <row r="13" spans="2:101" ht="21" customHeight="1" x14ac:dyDescent="0.2">
      <c r="B13" s="106" t="s">
        <v>10</v>
      </c>
      <c r="C13" s="190">
        <v>0</v>
      </c>
      <c r="D13" s="196">
        <v>0</v>
      </c>
      <c r="E13" s="207">
        <v>0</v>
      </c>
      <c r="F13" s="193">
        <v>0</v>
      </c>
      <c r="G13" s="191">
        <v>17</v>
      </c>
      <c r="H13" s="191">
        <v>14</v>
      </c>
      <c r="I13" s="191">
        <v>11</v>
      </c>
      <c r="J13" s="191">
        <v>13</v>
      </c>
      <c r="K13" s="191">
        <v>13</v>
      </c>
      <c r="L13" s="194">
        <v>68</v>
      </c>
      <c r="M13" s="195">
        <v>68</v>
      </c>
      <c r="N13" s="190">
        <v>0</v>
      </c>
      <c r="O13" s="191">
        <v>0</v>
      </c>
      <c r="P13" s="196">
        <v>0</v>
      </c>
      <c r="Q13" s="193">
        <v>0</v>
      </c>
      <c r="R13" s="191">
        <v>12</v>
      </c>
      <c r="S13" s="191">
        <v>3</v>
      </c>
      <c r="T13" s="191">
        <v>6</v>
      </c>
      <c r="U13" s="191">
        <v>6</v>
      </c>
      <c r="V13" s="191">
        <v>6</v>
      </c>
      <c r="W13" s="196">
        <v>33</v>
      </c>
      <c r="X13" s="195">
        <v>33</v>
      </c>
      <c r="Y13" s="190">
        <v>0</v>
      </c>
      <c r="Z13" s="191">
        <v>0</v>
      </c>
      <c r="AA13" s="196">
        <v>0</v>
      </c>
      <c r="AB13" s="193">
        <v>0</v>
      </c>
      <c r="AC13" s="191">
        <v>607</v>
      </c>
      <c r="AD13" s="191">
        <v>257</v>
      </c>
      <c r="AE13" s="191">
        <v>129</v>
      </c>
      <c r="AF13" s="191">
        <v>67</v>
      </c>
      <c r="AG13" s="191">
        <v>17</v>
      </c>
      <c r="AH13" s="196">
        <v>1077</v>
      </c>
      <c r="AI13" s="195">
        <v>1077</v>
      </c>
      <c r="AJ13" s="190">
        <v>0</v>
      </c>
      <c r="AK13" s="191">
        <v>1</v>
      </c>
      <c r="AL13" s="196">
        <v>1</v>
      </c>
      <c r="AM13" s="193">
        <v>0</v>
      </c>
      <c r="AN13" s="191">
        <v>13</v>
      </c>
      <c r="AO13" s="191">
        <v>13</v>
      </c>
      <c r="AP13" s="191">
        <v>21</v>
      </c>
      <c r="AQ13" s="191">
        <v>14</v>
      </c>
      <c r="AR13" s="191">
        <v>8</v>
      </c>
      <c r="AS13" s="196">
        <v>69</v>
      </c>
      <c r="AT13" s="195">
        <v>70</v>
      </c>
      <c r="AU13" s="190">
        <v>13</v>
      </c>
      <c r="AV13" s="191">
        <v>16</v>
      </c>
      <c r="AW13" s="196">
        <v>29</v>
      </c>
      <c r="AX13" s="193">
        <v>0</v>
      </c>
      <c r="AY13" s="191">
        <v>96</v>
      </c>
      <c r="AZ13" s="191">
        <v>58</v>
      </c>
      <c r="BA13" s="191">
        <v>69</v>
      </c>
      <c r="BB13" s="191">
        <v>44</v>
      </c>
      <c r="BC13" s="191">
        <v>38</v>
      </c>
      <c r="BD13" s="196">
        <v>305</v>
      </c>
      <c r="BE13" s="195">
        <v>334</v>
      </c>
      <c r="BF13" s="190">
        <v>0</v>
      </c>
      <c r="BG13" s="191">
        <v>2</v>
      </c>
      <c r="BH13" s="196">
        <v>2</v>
      </c>
      <c r="BI13" s="193">
        <v>0</v>
      </c>
      <c r="BJ13" s="191">
        <v>113</v>
      </c>
      <c r="BK13" s="191">
        <v>111</v>
      </c>
      <c r="BL13" s="191">
        <v>128</v>
      </c>
      <c r="BM13" s="191">
        <v>91</v>
      </c>
      <c r="BN13" s="191">
        <v>78</v>
      </c>
      <c r="BO13" s="194">
        <v>521</v>
      </c>
      <c r="BP13" s="195">
        <v>523</v>
      </c>
      <c r="BQ13" s="190">
        <v>0</v>
      </c>
      <c r="BR13" s="191">
        <v>0</v>
      </c>
      <c r="BS13" s="196">
        <v>0</v>
      </c>
      <c r="BT13" s="193">
        <v>0</v>
      </c>
      <c r="BU13" s="191">
        <v>30</v>
      </c>
      <c r="BV13" s="191">
        <v>25</v>
      </c>
      <c r="BW13" s="191">
        <v>31</v>
      </c>
      <c r="BX13" s="191">
        <v>34</v>
      </c>
      <c r="BY13" s="191">
        <v>31</v>
      </c>
      <c r="BZ13" s="196">
        <v>151</v>
      </c>
      <c r="CA13" s="195">
        <v>151</v>
      </c>
      <c r="CB13" s="190">
        <v>0</v>
      </c>
      <c r="CC13" s="191">
        <v>0</v>
      </c>
      <c r="CD13" s="196">
        <v>0</v>
      </c>
      <c r="CE13" s="193">
        <v>0</v>
      </c>
      <c r="CF13" s="191">
        <v>0</v>
      </c>
      <c r="CG13" s="191">
        <v>1</v>
      </c>
      <c r="CH13" s="191">
        <v>3</v>
      </c>
      <c r="CI13" s="191">
        <v>20</v>
      </c>
      <c r="CJ13" s="191">
        <v>16</v>
      </c>
      <c r="CK13" s="196">
        <v>40</v>
      </c>
      <c r="CL13" s="195">
        <v>40</v>
      </c>
      <c r="CM13" s="190">
        <v>0</v>
      </c>
      <c r="CN13" s="191">
        <v>0</v>
      </c>
      <c r="CO13" s="196">
        <v>0</v>
      </c>
      <c r="CP13" s="193">
        <v>0</v>
      </c>
      <c r="CQ13" s="191">
        <v>26</v>
      </c>
      <c r="CR13" s="191">
        <v>28</v>
      </c>
      <c r="CS13" s="191">
        <v>26</v>
      </c>
      <c r="CT13" s="191">
        <v>50</v>
      </c>
      <c r="CU13" s="191">
        <v>29</v>
      </c>
      <c r="CV13" s="196">
        <v>159</v>
      </c>
      <c r="CW13" s="195">
        <v>159</v>
      </c>
    </row>
    <row r="14" spans="2:101" ht="21" customHeight="1" x14ac:dyDescent="0.2">
      <c r="B14" s="106" t="s">
        <v>11</v>
      </c>
      <c r="C14" s="190">
        <v>0</v>
      </c>
      <c r="D14" s="196">
        <v>0</v>
      </c>
      <c r="E14" s="207">
        <v>0</v>
      </c>
      <c r="F14" s="193">
        <v>0</v>
      </c>
      <c r="G14" s="191">
        <v>9</v>
      </c>
      <c r="H14" s="191">
        <v>6</v>
      </c>
      <c r="I14" s="191">
        <v>1</v>
      </c>
      <c r="J14" s="191">
        <v>6</v>
      </c>
      <c r="K14" s="191">
        <v>5</v>
      </c>
      <c r="L14" s="194">
        <v>27</v>
      </c>
      <c r="M14" s="195">
        <v>27</v>
      </c>
      <c r="N14" s="190">
        <v>0</v>
      </c>
      <c r="O14" s="191">
        <v>0</v>
      </c>
      <c r="P14" s="196">
        <v>0</v>
      </c>
      <c r="Q14" s="193">
        <v>0</v>
      </c>
      <c r="R14" s="191">
        <v>14</v>
      </c>
      <c r="S14" s="191">
        <v>11</v>
      </c>
      <c r="T14" s="191">
        <v>9</v>
      </c>
      <c r="U14" s="191">
        <v>14</v>
      </c>
      <c r="V14" s="191">
        <v>8</v>
      </c>
      <c r="W14" s="196">
        <v>56</v>
      </c>
      <c r="X14" s="195">
        <v>56</v>
      </c>
      <c r="Y14" s="190">
        <v>0</v>
      </c>
      <c r="Z14" s="191">
        <v>0</v>
      </c>
      <c r="AA14" s="196">
        <v>0</v>
      </c>
      <c r="AB14" s="193">
        <v>0</v>
      </c>
      <c r="AC14" s="191">
        <v>488</v>
      </c>
      <c r="AD14" s="191">
        <v>260</v>
      </c>
      <c r="AE14" s="191">
        <v>155</v>
      </c>
      <c r="AF14" s="191">
        <v>71</v>
      </c>
      <c r="AG14" s="191">
        <v>33</v>
      </c>
      <c r="AH14" s="196">
        <v>1007</v>
      </c>
      <c r="AI14" s="195">
        <v>1007</v>
      </c>
      <c r="AJ14" s="190">
        <v>0</v>
      </c>
      <c r="AK14" s="191">
        <v>0</v>
      </c>
      <c r="AL14" s="196">
        <v>0</v>
      </c>
      <c r="AM14" s="193">
        <v>0</v>
      </c>
      <c r="AN14" s="191">
        <v>23</v>
      </c>
      <c r="AO14" s="191">
        <v>16</v>
      </c>
      <c r="AP14" s="191">
        <v>13</v>
      </c>
      <c r="AQ14" s="191">
        <v>7</v>
      </c>
      <c r="AR14" s="191">
        <v>1</v>
      </c>
      <c r="AS14" s="196">
        <v>60</v>
      </c>
      <c r="AT14" s="195">
        <v>60</v>
      </c>
      <c r="AU14" s="190">
        <v>3</v>
      </c>
      <c r="AV14" s="191">
        <v>5</v>
      </c>
      <c r="AW14" s="196">
        <v>8</v>
      </c>
      <c r="AX14" s="193">
        <v>0</v>
      </c>
      <c r="AY14" s="191">
        <v>38</v>
      </c>
      <c r="AZ14" s="191">
        <v>39</v>
      </c>
      <c r="BA14" s="191">
        <v>38</v>
      </c>
      <c r="BB14" s="191">
        <v>25</v>
      </c>
      <c r="BC14" s="191">
        <v>12</v>
      </c>
      <c r="BD14" s="196">
        <v>152</v>
      </c>
      <c r="BE14" s="195">
        <v>160</v>
      </c>
      <c r="BF14" s="190">
        <v>0</v>
      </c>
      <c r="BG14" s="191">
        <v>2</v>
      </c>
      <c r="BH14" s="196">
        <v>2</v>
      </c>
      <c r="BI14" s="193">
        <v>0</v>
      </c>
      <c r="BJ14" s="191">
        <v>56</v>
      </c>
      <c r="BK14" s="191">
        <v>75</v>
      </c>
      <c r="BL14" s="191">
        <v>89</v>
      </c>
      <c r="BM14" s="191">
        <v>62</v>
      </c>
      <c r="BN14" s="191">
        <v>24</v>
      </c>
      <c r="BO14" s="194">
        <v>306</v>
      </c>
      <c r="BP14" s="195">
        <v>308</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1</v>
      </c>
      <c r="CH14" s="191">
        <v>0</v>
      </c>
      <c r="CI14" s="191">
        <v>1</v>
      </c>
      <c r="CJ14" s="191">
        <v>0</v>
      </c>
      <c r="CK14" s="196">
        <v>2</v>
      </c>
      <c r="CL14" s="195">
        <v>2</v>
      </c>
      <c r="CM14" s="190">
        <v>0</v>
      </c>
      <c r="CN14" s="191">
        <v>0</v>
      </c>
      <c r="CO14" s="196">
        <v>0</v>
      </c>
      <c r="CP14" s="193">
        <v>0</v>
      </c>
      <c r="CQ14" s="191">
        <v>10</v>
      </c>
      <c r="CR14" s="191">
        <v>7</v>
      </c>
      <c r="CS14" s="191">
        <v>8</v>
      </c>
      <c r="CT14" s="191">
        <v>7</v>
      </c>
      <c r="CU14" s="191">
        <v>6</v>
      </c>
      <c r="CV14" s="196">
        <v>38</v>
      </c>
      <c r="CW14" s="195">
        <v>38</v>
      </c>
    </row>
    <row r="15" spans="2:101" ht="21" customHeight="1" x14ac:dyDescent="0.2">
      <c r="B15" s="106" t="s">
        <v>12</v>
      </c>
      <c r="C15" s="190">
        <v>0</v>
      </c>
      <c r="D15" s="196">
        <v>0</v>
      </c>
      <c r="E15" s="207">
        <v>0</v>
      </c>
      <c r="F15" s="193">
        <v>0</v>
      </c>
      <c r="G15" s="191">
        <v>10</v>
      </c>
      <c r="H15" s="191">
        <v>4</v>
      </c>
      <c r="I15" s="191">
        <v>3</v>
      </c>
      <c r="J15" s="191">
        <v>4</v>
      </c>
      <c r="K15" s="191">
        <v>4</v>
      </c>
      <c r="L15" s="194">
        <v>25</v>
      </c>
      <c r="M15" s="195">
        <v>25</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400</v>
      </c>
      <c r="AD15" s="191">
        <v>251</v>
      </c>
      <c r="AE15" s="191">
        <v>151</v>
      </c>
      <c r="AF15" s="191">
        <v>69</v>
      </c>
      <c r="AG15" s="191">
        <v>31</v>
      </c>
      <c r="AH15" s="196">
        <v>902</v>
      </c>
      <c r="AI15" s="195">
        <v>902</v>
      </c>
      <c r="AJ15" s="190">
        <v>0</v>
      </c>
      <c r="AK15" s="191">
        <v>0</v>
      </c>
      <c r="AL15" s="196">
        <v>0</v>
      </c>
      <c r="AM15" s="193">
        <v>0</v>
      </c>
      <c r="AN15" s="191">
        <v>4</v>
      </c>
      <c r="AO15" s="191">
        <v>2</v>
      </c>
      <c r="AP15" s="191">
        <v>1</v>
      </c>
      <c r="AQ15" s="191">
        <v>1</v>
      </c>
      <c r="AR15" s="191">
        <v>1</v>
      </c>
      <c r="AS15" s="196">
        <v>9</v>
      </c>
      <c r="AT15" s="195">
        <v>9</v>
      </c>
      <c r="AU15" s="190">
        <v>0</v>
      </c>
      <c r="AV15" s="191">
        <v>1</v>
      </c>
      <c r="AW15" s="196">
        <v>1</v>
      </c>
      <c r="AX15" s="193">
        <v>0</v>
      </c>
      <c r="AY15" s="191">
        <v>28</v>
      </c>
      <c r="AZ15" s="191">
        <v>33</v>
      </c>
      <c r="BA15" s="191">
        <v>42</v>
      </c>
      <c r="BB15" s="191">
        <v>35</v>
      </c>
      <c r="BC15" s="191">
        <v>28</v>
      </c>
      <c r="BD15" s="196">
        <v>166</v>
      </c>
      <c r="BE15" s="195">
        <v>167</v>
      </c>
      <c r="BF15" s="190">
        <v>0</v>
      </c>
      <c r="BG15" s="191">
        <v>0</v>
      </c>
      <c r="BH15" s="196">
        <v>0</v>
      </c>
      <c r="BI15" s="193">
        <v>0</v>
      </c>
      <c r="BJ15" s="191">
        <v>39</v>
      </c>
      <c r="BK15" s="191">
        <v>48</v>
      </c>
      <c r="BL15" s="191">
        <v>44</v>
      </c>
      <c r="BM15" s="191">
        <v>31</v>
      </c>
      <c r="BN15" s="191">
        <v>39</v>
      </c>
      <c r="BO15" s="194">
        <v>201</v>
      </c>
      <c r="BP15" s="195">
        <v>201</v>
      </c>
      <c r="BQ15" s="190">
        <v>0</v>
      </c>
      <c r="BR15" s="191">
        <v>0</v>
      </c>
      <c r="BS15" s="196">
        <v>0</v>
      </c>
      <c r="BT15" s="193">
        <v>0</v>
      </c>
      <c r="BU15" s="191">
        <v>0</v>
      </c>
      <c r="BV15" s="191">
        <v>6</v>
      </c>
      <c r="BW15" s="191">
        <v>8</v>
      </c>
      <c r="BX15" s="191">
        <v>11</v>
      </c>
      <c r="BY15" s="191">
        <v>4</v>
      </c>
      <c r="BZ15" s="196">
        <v>29</v>
      </c>
      <c r="CA15" s="195">
        <v>29</v>
      </c>
      <c r="CB15" s="190">
        <v>0</v>
      </c>
      <c r="CC15" s="191">
        <v>0</v>
      </c>
      <c r="CD15" s="196">
        <v>0</v>
      </c>
      <c r="CE15" s="193">
        <v>0</v>
      </c>
      <c r="CF15" s="191">
        <v>0</v>
      </c>
      <c r="CG15" s="191">
        <v>0</v>
      </c>
      <c r="CH15" s="191">
        <v>12</v>
      </c>
      <c r="CI15" s="191">
        <v>13</v>
      </c>
      <c r="CJ15" s="191">
        <v>4</v>
      </c>
      <c r="CK15" s="196">
        <v>29</v>
      </c>
      <c r="CL15" s="195">
        <v>29</v>
      </c>
      <c r="CM15" s="190">
        <v>0</v>
      </c>
      <c r="CN15" s="191">
        <v>0</v>
      </c>
      <c r="CO15" s="196">
        <v>0</v>
      </c>
      <c r="CP15" s="193">
        <v>0</v>
      </c>
      <c r="CQ15" s="191">
        <v>6</v>
      </c>
      <c r="CR15" s="191">
        <v>17</v>
      </c>
      <c r="CS15" s="191">
        <v>27</v>
      </c>
      <c r="CT15" s="191">
        <v>26</v>
      </c>
      <c r="CU15" s="191">
        <v>14</v>
      </c>
      <c r="CV15" s="196">
        <v>90</v>
      </c>
      <c r="CW15" s="195">
        <v>90</v>
      </c>
    </row>
    <row r="16" spans="2:101" ht="21" customHeight="1" x14ac:dyDescent="0.2">
      <c r="B16" s="106" t="s">
        <v>13</v>
      </c>
      <c r="C16" s="190">
        <v>0</v>
      </c>
      <c r="D16" s="196">
        <v>0</v>
      </c>
      <c r="E16" s="207">
        <v>0</v>
      </c>
      <c r="F16" s="193">
        <v>0</v>
      </c>
      <c r="G16" s="191">
        <v>1</v>
      </c>
      <c r="H16" s="191">
        <v>1</v>
      </c>
      <c r="I16" s="191">
        <v>1</v>
      </c>
      <c r="J16" s="191">
        <v>1</v>
      </c>
      <c r="K16" s="191">
        <v>2</v>
      </c>
      <c r="L16" s="194">
        <v>6</v>
      </c>
      <c r="M16" s="195">
        <v>6</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165</v>
      </c>
      <c r="AD16" s="191">
        <v>173</v>
      </c>
      <c r="AE16" s="191">
        <v>73</v>
      </c>
      <c r="AF16" s="191">
        <v>37</v>
      </c>
      <c r="AG16" s="191">
        <v>14</v>
      </c>
      <c r="AH16" s="196">
        <v>462</v>
      </c>
      <c r="AI16" s="195">
        <v>462</v>
      </c>
      <c r="AJ16" s="190">
        <v>0</v>
      </c>
      <c r="AK16" s="191">
        <v>0</v>
      </c>
      <c r="AL16" s="196">
        <v>0</v>
      </c>
      <c r="AM16" s="193">
        <v>0</v>
      </c>
      <c r="AN16" s="191">
        <v>0</v>
      </c>
      <c r="AO16" s="191">
        <v>9</v>
      </c>
      <c r="AP16" s="191">
        <v>7</v>
      </c>
      <c r="AQ16" s="191">
        <v>6</v>
      </c>
      <c r="AR16" s="191">
        <v>8</v>
      </c>
      <c r="AS16" s="196">
        <v>30</v>
      </c>
      <c r="AT16" s="195">
        <v>30</v>
      </c>
      <c r="AU16" s="190">
        <v>3</v>
      </c>
      <c r="AV16" s="191">
        <v>1</v>
      </c>
      <c r="AW16" s="196">
        <v>4</v>
      </c>
      <c r="AX16" s="193">
        <v>0</v>
      </c>
      <c r="AY16" s="191">
        <v>14</v>
      </c>
      <c r="AZ16" s="191">
        <v>9</v>
      </c>
      <c r="BA16" s="191">
        <v>8</v>
      </c>
      <c r="BB16" s="191">
        <v>0</v>
      </c>
      <c r="BC16" s="191">
        <v>3</v>
      </c>
      <c r="BD16" s="196">
        <v>34</v>
      </c>
      <c r="BE16" s="195">
        <v>38</v>
      </c>
      <c r="BF16" s="190">
        <v>0</v>
      </c>
      <c r="BG16" s="191">
        <v>0</v>
      </c>
      <c r="BH16" s="196">
        <v>0</v>
      </c>
      <c r="BI16" s="193">
        <v>0</v>
      </c>
      <c r="BJ16" s="191">
        <v>14</v>
      </c>
      <c r="BK16" s="191">
        <v>11</v>
      </c>
      <c r="BL16" s="191">
        <v>14</v>
      </c>
      <c r="BM16" s="191">
        <v>18</v>
      </c>
      <c r="BN16" s="191">
        <v>11</v>
      </c>
      <c r="BO16" s="194">
        <v>68</v>
      </c>
      <c r="BP16" s="195">
        <v>68</v>
      </c>
      <c r="BQ16" s="190">
        <v>0</v>
      </c>
      <c r="BR16" s="191">
        <v>0</v>
      </c>
      <c r="BS16" s="196">
        <v>0</v>
      </c>
      <c r="BT16" s="193">
        <v>0</v>
      </c>
      <c r="BU16" s="191">
        <v>3</v>
      </c>
      <c r="BV16" s="191">
        <v>0</v>
      </c>
      <c r="BW16" s="191">
        <v>4</v>
      </c>
      <c r="BX16" s="191">
        <v>7</v>
      </c>
      <c r="BY16" s="191">
        <v>1</v>
      </c>
      <c r="BZ16" s="196">
        <v>15</v>
      </c>
      <c r="CA16" s="195">
        <v>15</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4</v>
      </c>
      <c r="H17" s="191">
        <v>4</v>
      </c>
      <c r="I17" s="191">
        <v>3</v>
      </c>
      <c r="J17" s="191">
        <v>4</v>
      </c>
      <c r="K17" s="191">
        <v>5</v>
      </c>
      <c r="L17" s="194">
        <v>20</v>
      </c>
      <c r="M17" s="195">
        <v>20</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214</v>
      </c>
      <c r="AD17" s="191">
        <v>211</v>
      </c>
      <c r="AE17" s="191">
        <v>81</v>
      </c>
      <c r="AF17" s="191">
        <v>36</v>
      </c>
      <c r="AG17" s="191">
        <v>24</v>
      </c>
      <c r="AH17" s="196">
        <v>566</v>
      </c>
      <c r="AI17" s="195">
        <v>566</v>
      </c>
      <c r="AJ17" s="190">
        <v>0</v>
      </c>
      <c r="AK17" s="191">
        <v>1</v>
      </c>
      <c r="AL17" s="196">
        <v>1</v>
      </c>
      <c r="AM17" s="193">
        <v>0</v>
      </c>
      <c r="AN17" s="191">
        <v>1</v>
      </c>
      <c r="AO17" s="191">
        <v>4</v>
      </c>
      <c r="AP17" s="191">
        <v>7</v>
      </c>
      <c r="AQ17" s="191">
        <v>2</v>
      </c>
      <c r="AR17" s="191">
        <v>2</v>
      </c>
      <c r="AS17" s="196">
        <v>16</v>
      </c>
      <c r="AT17" s="195">
        <v>17</v>
      </c>
      <c r="AU17" s="190">
        <v>2</v>
      </c>
      <c r="AV17" s="191">
        <v>11</v>
      </c>
      <c r="AW17" s="196">
        <v>13</v>
      </c>
      <c r="AX17" s="193">
        <v>0</v>
      </c>
      <c r="AY17" s="191">
        <v>22</v>
      </c>
      <c r="AZ17" s="191">
        <v>11</v>
      </c>
      <c r="BA17" s="191">
        <v>2</v>
      </c>
      <c r="BB17" s="191">
        <v>11</v>
      </c>
      <c r="BC17" s="191">
        <v>4</v>
      </c>
      <c r="BD17" s="196">
        <v>50</v>
      </c>
      <c r="BE17" s="195">
        <v>63</v>
      </c>
      <c r="BF17" s="190">
        <v>0</v>
      </c>
      <c r="BG17" s="191">
        <v>1</v>
      </c>
      <c r="BH17" s="196">
        <v>1</v>
      </c>
      <c r="BI17" s="193">
        <v>0</v>
      </c>
      <c r="BJ17" s="191">
        <v>36</v>
      </c>
      <c r="BK17" s="191">
        <v>45</v>
      </c>
      <c r="BL17" s="191">
        <v>38</v>
      </c>
      <c r="BM17" s="191">
        <v>23</v>
      </c>
      <c r="BN17" s="191">
        <v>18</v>
      </c>
      <c r="BO17" s="194">
        <v>160</v>
      </c>
      <c r="BP17" s="195">
        <v>161</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10</v>
      </c>
      <c r="CI17" s="191">
        <v>11</v>
      </c>
      <c r="CJ17" s="191">
        <v>8</v>
      </c>
      <c r="CK17" s="196">
        <v>29</v>
      </c>
      <c r="CL17" s="195">
        <v>29</v>
      </c>
      <c r="CM17" s="190">
        <v>0</v>
      </c>
      <c r="CN17" s="191">
        <v>0</v>
      </c>
      <c r="CO17" s="196">
        <v>0</v>
      </c>
      <c r="CP17" s="193">
        <v>0</v>
      </c>
      <c r="CQ17" s="191">
        <v>5</v>
      </c>
      <c r="CR17" s="191">
        <v>7</v>
      </c>
      <c r="CS17" s="191">
        <v>6</v>
      </c>
      <c r="CT17" s="191">
        <v>3</v>
      </c>
      <c r="CU17" s="191">
        <v>1</v>
      </c>
      <c r="CV17" s="196">
        <v>22</v>
      </c>
      <c r="CW17" s="195">
        <v>22</v>
      </c>
    </row>
    <row r="18" spans="2:101" ht="21" customHeight="1" x14ac:dyDescent="0.2">
      <c r="B18" s="106" t="s">
        <v>16</v>
      </c>
      <c r="C18" s="190">
        <v>0</v>
      </c>
      <c r="D18" s="196">
        <v>0</v>
      </c>
      <c r="E18" s="207">
        <v>0</v>
      </c>
      <c r="F18" s="193">
        <v>0</v>
      </c>
      <c r="G18" s="191">
        <v>7</v>
      </c>
      <c r="H18" s="191">
        <v>12</v>
      </c>
      <c r="I18" s="191">
        <v>17</v>
      </c>
      <c r="J18" s="191">
        <v>13</v>
      </c>
      <c r="K18" s="191">
        <v>9</v>
      </c>
      <c r="L18" s="194">
        <v>58</v>
      </c>
      <c r="M18" s="195">
        <v>58</v>
      </c>
      <c r="N18" s="190">
        <v>0</v>
      </c>
      <c r="O18" s="191">
        <v>0</v>
      </c>
      <c r="P18" s="196">
        <v>0</v>
      </c>
      <c r="Q18" s="193">
        <v>0</v>
      </c>
      <c r="R18" s="191">
        <v>0</v>
      </c>
      <c r="S18" s="191">
        <v>3</v>
      </c>
      <c r="T18" s="191">
        <v>2</v>
      </c>
      <c r="U18" s="191">
        <v>3</v>
      </c>
      <c r="V18" s="191">
        <v>1</v>
      </c>
      <c r="W18" s="196">
        <v>9</v>
      </c>
      <c r="X18" s="195">
        <v>9</v>
      </c>
      <c r="Y18" s="190">
        <v>0</v>
      </c>
      <c r="Z18" s="191">
        <v>0</v>
      </c>
      <c r="AA18" s="196">
        <v>0</v>
      </c>
      <c r="AB18" s="193">
        <v>0</v>
      </c>
      <c r="AC18" s="191">
        <v>152</v>
      </c>
      <c r="AD18" s="191">
        <v>197</v>
      </c>
      <c r="AE18" s="191">
        <v>89</v>
      </c>
      <c r="AF18" s="191">
        <v>44</v>
      </c>
      <c r="AG18" s="191">
        <v>14</v>
      </c>
      <c r="AH18" s="196">
        <v>496</v>
      </c>
      <c r="AI18" s="195">
        <v>496</v>
      </c>
      <c r="AJ18" s="190">
        <v>0</v>
      </c>
      <c r="AK18" s="191">
        <v>0</v>
      </c>
      <c r="AL18" s="196">
        <v>0</v>
      </c>
      <c r="AM18" s="193">
        <v>0</v>
      </c>
      <c r="AN18" s="191">
        <v>5</v>
      </c>
      <c r="AO18" s="191">
        <v>6</v>
      </c>
      <c r="AP18" s="191">
        <v>7</v>
      </c>
      <c r="AQ18" s="191">
        <v>7</v>
      </c>
      <c r="AR18" s="191">
        <v>3</v>
      </c>
      <c r="AS18" s="196">
        <v>28</v>
      </c>
      <c r="AT18" s="195">
        <v>28</v>
      </c>
      <c r="AU18" s="190">
        <v>3</v>
      </c>
      <c r="AV18" s="191">
        <v>4</v>
      </c>
      <c r="AW18" s="196">
        <v>7</v>
      </c>
      <c r="AX18" s="193">
        <v>0</v>
      </c>
      <c r="AY18" s="191">
        <v>19</v>
      </c>
      <c r="AZ18" s="191">
        <v>25</v>
      </c>
      <c r="BA18" s="191">
        <v>12</v>
      </c>
      <c r="BB18" s="191">
        <v>15</v>
      </c>
      <c r="BC18" s="191">
        <v>10</v>
      </c>
      <c r="BD18" s="196">
        <v>81</v>
      </c>
      <c r="BE18" s="195">
        <v>88</v>
      </c>
      <c r="BF18" s="190">
        <v>0</v>
      </c>
      <c r="BG18" s="191">
        <v>1</v>
      </c>
      <c r="BH18" s="196">
        <v>1</v>
      </c>
      <c r="BI18" s="193">
        <v>0</v>
      </c>
      <c r="BJ18" s="191">
        <v>25</v>
      </c>
      <c r="BK18" s="191">
        <v>49</v>
      </c>
      <c r="BL18" s="191">
        <v>42</v>
      </c>
      <c r="BM18" s="191">
        <v>37</v>
      </c>
      <c r="BN18" s="191">
        <v>23</v>
      </c>
      <c r="BO18" s="194">
        <v>176</v>
      </c>
      <c r="BP18" s="195">
        <v>177</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0</v>
      </c>
      <c r="CH18" s="191">
        <v>7</v>
      </c>
      <c r="CI18" s="191">
        <v>13</v>
      </c>
      <c r="CJ18" s="191">
        <v>8</v>
      </c>
      <c r="CK18" s="196">
        <v>28</v>
      </c>
      <c r="CL18" s="195">
        <v>28</v>
      </c>
      <c r="CM18" s="190">
        <v>0</v>
      </c>
      <c r="CN18" s="191">
        <v>0</v>
      </c>
      <c r="CO18" s="196">
        <v>0</v>
      </c>
      <c r="CP18" s="193">
        <v>0</v>
      </c>
      <c r="CQ18" s="191">
        <v>2</v>
      </c>
      <c r="CR18" s="191">
        <v>5</v>
      </c>
      <c r="CS18" s="191">
        <v>6</v>
      </c>
      <c r="CT18" s="191">
        <v>3</v>
      </c>
      <c r="CU18" s="191">
        <v>8</v>
      </c>
      <c r="CV18" s="196">
        <v>24</v>
      </c>
      <c r="CW18" s="195">
        <v>24</v>
      </c>
    </row>
    <row r="19" spans="2:101" ht="21" customHeight="1" x14ac:dyDescent="0.2">
      <c r="B19" s="106" t="s">
        <v>17</v>
      </c>
      <c r="C19" s="190">
        <v>0</v>
      </c>
      <c r="D19" s="196">
        <v>0</v>
      </c>
      <c r="E19" s="207">
        <v>0</v>
      </c>
      <c r="F19" s="193">
        <v>0</v>
      </c>
      <c r="G19" s="191">
        <v>1</v>
      </c>
      <c r="H19" s="191">
        <v>3</v>
      </c>
      <c r="I19" s="191">
        <v>2</v>
      </c>
      <c r="J19" s="191">
        <v>2</v>
      </c>
      <c r="K19" s="191">
        <v>1</v>
      </c>
      <c r="L19" s="194">
        <v>9</v>
      </c>
      <c r="M19" s="195">
        <v>9</v>
      </c>
      <c r="N19" s="190">
        <v>0</v>
      </c>
      <c r="O19" s="191">
        <v>0</v>
      </c>
      <c r="P19" s="196">
        <v>0</v>
      </c>
      <c r="Q19" s="193">
        <v>0</v>
      </c>
      <c r="R19" s="191">
        <v>0</v>
      </c>
      <c r="S19" s="191">
        <v>0</v>
      </c>
      <c r="T19" s="191">
        <v>0</v>
      </c>
      <c r="U19" s="191">
        <v>0</v>
      </c>
      <c r="V19" s="191">
        <v>0</v>
      </c>
      <c r="W19" s="196">
        <v>0</v>
      </c>
      <c r="X19" s="195">
        <v>0</v>
      </c>
      <c r="Y19" s="190">
        <v>0</v>
      </c>
      <c r="Z19" s="191">
        <v>0</v>
      </c>
      <c r="AA19" s="196">
        <v>0</v>
      </c>
      <c r="AB19" s="193">
        <v>0</v>
      </c>
      <c r="AC19" s="191">
        <v>277</v>
      </c>
      <c r="AD19" s="191">
        <v>354</v>
      </c>
      <c r="AE19" s="191">
        <v>160</v>
      </c>
      <c r="AF19" s="191">
        <v>88</v>
      </c>
      <c r="AG19" s="191">
        <v>35</v>
      </c>
      <c r="AH19" s="196">
        <v>914</v>
      </c>
      <c r="AI19" s="195">
        <v>914</v>
      </c>
      <c r="AJ19" s="190">
        <v>2</v>
      </c>
      <c r="AK19" s="191">
        <v>2</v>
      </c>
      <c r="AL19" s="196">
        <v>4</v>
      </c>
      <c r="AM19" s="193">
        <v>0</v>
      </c>
      <c r="AN19" s="191">
        <v>22</v>
      </c>
      <c r="AO19" s="191">
        <v>21</v>
      </c>
      <c r="AP19" s="191">
        <v>16</v>
      </c>
      <c r="AQ19" s="191">
        <v>13</v>
      </c>
      <c r="AR19" s="191">
        <v>4</v>
      </c>
      <c r="AS19" s="196">
        <v>76</v>
      </c>
      <c r="AT19" s="195">
        <v>80</v>
      </c>
      <c r="AU19" s="190">
        <v>3</v>
      </c>
      <c r="AV19" s="191">
        <v>3</v>
      </c>
      <c r="AW19" s="196">
        <v>6</v>
      </c>
      <c r="AX19" s="193">
        <v>0</v>
      </c>
      <c r="AY19" s="191">
        <v>7</v>
      </c>
      <c r="AZ19" s="191">
        <v>32</v>
      </c>
      <c r="BA19" s="191">
        <v>36</v>
      </c>
      <c r="BB19" s="191">
        <v>30</v>
      </c>
      <c r="BC19" s="191">
        <v>16</v>
      </c>
      <c r="BD19" s="196">
        <v>121</v>
      </c>
      <c r="BE19" s="195">
        <v>127</v>
      </c>
      <c r="BF19" s="190">
        <v>0</v>
      </c>
      <c r="BG19" s="191">
        <v>0</v>
      </c>
      <c r="BH19" s="196">
        <v>0</v>
      </c>
      <c r="BI19" s="193">
        <v>0</v>
      </c>
      <c r="BJ19" s="191">
        <v>36</v>
      </c>
      <c r="BK19" s="191">
        <v>63</v>
      </c>
      <c r="BL19" s="191">
        <v>82</v>
      </c>
      <c r="BM19" s="191">
        <v>44</v>
      </c>
      <c r="BN19" s="191">
        <v>27</v>
      </c>
      <c r="BO19" s="194">
        <v>252</v>
      </c>
      <c r="BP19" s="195">
        <v>252</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1</v>
      </c>
      <c r="CH19" s="191">
        <v>30</v>
      </c>
      <c r="CI19" s="191">
        <v>44</v>
      </c>
      <c r="CJ19" s="191">
        <v>29</v>
      </c>
      <c r="CK19" s="196">
        <v>104</v>
      </c>
      <c r="CL19" s="195">
        <v>104</v>
      </c>
      <c r="CM19" s="190">
        <v>0</v>
      </c>
      <c r="CN19" s="191">
        <v>0</v>
      </c>
      <c r="CO19" s="196">
        <v>0</v>
      </c>
      <c r="CP19" s="193">
        <v>0</v>
      </c>
      <c r="CQ19" s="191">
        <v>1</v>
      </c>
      <c r="CR19" s="191">
        <v>3</v>
      </c>
      <c r="CS19" s="191">
        <v>5</v>
      </c>
      <c r="CT19" s="191">
        <v>5</v>
      </c>
      <c r="CU19" s="191">
        <v>15</v>
      </c>
      <c r="CV19" s="196">
        <v>29</v>
      </c>
      <c r="CW19" s="195">
        <v>29</v>
      </c>
    </row>
    <row r="20" spans="2:101" ht="21" customHeight="1" x14ac:dyDescent="0.2">
      <c r="B20" s="106" t="s">
        <v>18</v>
      </c>
      <c r="C20" s="190">
        <v>0</v>
      </c>
      <c r="D20" s="196">
        <v>0</v>
      </c>
      <c r="E20" s="207">
        <v>0</v>
      </c>
      <c r="F20" s="193">
        <v>0</v>
      </c>
      <c r="G20" s="191">
        <v>9</v>
      </c>
      <c r="H20" s="191">
        <v>7</v>
      </c>
      <c r="I20" s="191">
        <v>5</v>
      </c>
      <c r="J20" s="191">
        <v>5</v>
      </c>
      <c r="K20" s="191">
        <v>5</v>
      </c>
      <c r="L20" s="194">
        <v>31</v>
      </c>
      <c r="M20" s="195">
        <v>31</v>
      </c>
      <c r="N20" s="190">
        <v>0</v>
      </c>
      <c r="O20" s="191">
        <v>0</v>
      </c>
      <c r="P20" s="196">
        <v>0</v>
      </c>
      <c r="Q20" s="193">
        <v>0</v>
      </c>
      <c r="R20" s="191">
        <v>0</v>
      </c>
      <c r="S20" s="191">
        <v>0</v>
      </c>
      <c r="T20" s="191">
        <v>0</v>
      </c>
      <c r="U20" s="191">
        <v>0</v>
      </c>
      <c r="V20" s="191">
        <v>2</v>
      </c>
      <c r="W20" s="196">
        <v>2</v>
      </c>
      <c r="X20" s="195">
        <v>2</v>
      </c>
      <c r="Y20" s="190">
        <v>0</v>
      </c>
      <c r="Z20" s="191">
        <v>0</v>
      </c>
      <c r="AA20" s="196">
        <v>0</v>
      </c>
      <c r="AB20" s="193">
        <v>0</v>
      </c>
      <c r="AC20" s="191">
        <v>312</v>
      </c>
      <c r="AD20" s="191">
        <v>201</v>
      </c>
      <c r="AE20" s="191">
        <v>92</v>
      </c>
      <c r="AF20" s="191">
        <v>39</v>
      </c>
      <c r="AG20" s="191">
        <v>13</v>
      </c>
      <c r="AH20" s="196">
        <v>657</v>
      </c>
      <c r="AI20" s="195">
        <v>657</v>
      </c>
      <c r="AJ20" s="190">
        <v>0</v>
      </c>
      <c r="AK20" s="191">
        <v>0</v>
      </c>
      <c r="AL20" s="196">
        <v>0</v>
      </c>
      <c r="AM20" s="193">
        <v>0</v>
      </c>
      <c r="AN20" s="191">
        <v>11</v>
      </c>
      <c r="AO20" s="191">
        <v>11</v>
      </c>
      <c r="AP20" s="191">
        <v>22</v>
      </c>
      <c r="AQ20" s="191">
        <v>14</v>
      </c>
      <c r="AR20" s="191">
        <v>7</v>
      </c>
      <c r="AS20" s="196">
        <v>65</v>
      </c>
      <c r="AT20" s="195">
        <v>65</v>
      </c>
      <c r="AU20" s="190">
        <v>4</v>
      </c>
      <c r="AV20" s="191">
        <v>15</v>
      </c>
      <c r="AW20" s="196">
        <v>19</v>
      </c>
      <c r="AX20" s="193">
        <v>0</v>
      </c>
      <c r="AY20" s="191">
        <v>46</v>
      </c>
      <c r="AZ20" s="191">
        <v>43</v>
      </c>
      <c r="BA20" s="191">
        <v>51</v>
      </c>
      <c r="BB20" s="191">
        <v>21</v>
      </c>
      <c r="BC20" s="191">
        <v>9</v>
      </c>
      <c r="BD20" s="196">
        <v>170</v>
      </c>
      <c r="BE20" s="195">
        <v>189</v>
      </c>
      <c r="BF20" s="190">
        <v>0</v>
      </c>
      <c r="BG20" s="191">
        <v>3</v>
      </c>
      <c r="BH20" s="196">
        <v>3</v>
      </c>
      <c r="BI20" s="193">
        <v>0</v>
      </c>
      <c r="BJ20" s="191">
        <v>55</v>
      </c>
      <c r="BK20" s="191">
        <v>79</v>
      </c>
      <c r="BL20" s="191">
        <v>97</v>
      </c>
      <c r="BM20" s="191">
        <v>72</v>
      </c>
      <c r="BN20" s="191">
        <v>22</v>
      </c>
      <c r="BO20" s="194">
        <v>325</v>
      </c>
      <c r="BP20" s="195">
        <v>328</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1</v>
      </c>
      <c r="CH20" s="191">
        <v>6</v>
      </c>
      <c r="CI20" s="191">
        <v>16</v>
      </c>
      <c r="CJ20" s="191">
        <v>5</v>
      </c>
      <c r="CK20" s="196">
        <v>28</v>
      </c>
      <c r="CL20" s="195">
        <v>28</v>
      </c>
      <c r="CM20" s="190">
        <v>0</v>
      </c>
      <c r="CN20" s="191">
        <v>0</v>
      </c>
      <c r="CO20" s="196">
        <v>0</v>
      </c>
      <c r="CP20" s="193">
        <v>0</v>
      </c>
      <c r="CQ20" s="191">
        <v>6</v>
      </c>
      <c r="CR20" s="191">
        <v>11</v>
      </c>
      <c r="CS20" s="191">
        <v>12</v>
      </c>
      <c r="CT20" s="191">
        <v>21</v>
      </c>
      <c r="CU20" s="191">
        <v>25</v>
      </c>
      <c r="CV20" s="196">
        <v>75</v>
      </c>
      <c r="CW20" s="195">
        <v>75</v>
      </c>
    </row>
    <row r="21" spans="2:101" ht="21" customHeight="1" x14ac:dyDescent="0.2">
      <c r="B21" s="106" t="s">
        <v>19</v>
      </c>
      <c r="C21" s="190">
        <v>0</v>
      </c>
      <c r="D21" s="196">
        <v>0</v>
      </c>
      <c r="E21" s="207">
        <v>0</v>
      </c>
      <c r="F21" s="193">
        <v>0</v>
      </c>
      <c r="G21" s="191">
        <v>11</v>
      </c>
      <c r="H21" s="191">
        <v>13</v>
      </c>
      <c r="I21" s="191">
        <v>7</v>
      </c>
      <c r="J21" s="191">
        <v>5</v>
      </c>
      <c r="K21" s="191">
        <v>3</v>
      </c>
      <c r="L21" s="194">
        <v>39</v>
      </c>
      <c r="M21" s="195">
        <v>39</v>
      </c>
      <c r="N21" s="190">
        <v>0</v>
      </c>
      <c r="O21" s="191">
        <v>0</v>
      </c>
      <c r="P21" s="196">
        <v>0</v>
      </c>
      <c r="Q21" s="193">
        <v>0</v>
      </c>
      <c r="R21" s="191">
        <v>1</v>
      </c>
      <c r="S21" s="191">
        <v>0</v>
      </c>
      <c r="T21" s="191">
        <v>3</v>
      </c>
      <c r="U21" s="191">
        <v>3</v>
      </c>
      <c r="V21" s="191">
        <v>1</v>
      </c>
      <c r="W21" s="196">
        <v>8</v>
      </c>
      <c r="X21" s="195">
        <v>8</v>
      </c>
      <c r="Y21" s="190">
        <v>0</v>
      </c>
      <c r="Z21" s="191">
        <v>0</v>
      </c>
      <c r="AA21" s="196">
        <v>0</v>
      </c>
      <c r="AB21" s="193">
        <v>0</v>
      </c>
      <c r="AC21" s="191">
        <v>136</v>
      </c>
      <c r="AD21" s="191">
        <v>88</v>
      </c>
      <c r="AE21" s="191">
        <v>44</v>
      </c>
      <c r="AF21" s="191">
        <v>20</v>
      </c>
      <c r="AG21" s="191">
        <v>7</v>
      </c>
      <c r="AH21" s="196">
        <v>295</v>
      </c>
      <c r="AI21" s="195">
        <v>295</v>
      </c>
      <c r="AJ21" s="190">
        <v>1</v>
      </c>
      <c r="AK21" s="191">
        <v>0</v>
      </c>
      <c r="AL21" s="196">
        <v>1</v>
      </c>
      <c r="AM21" s="193">
        <v>0</v>
      </c>
      <c r="AN21" s="191">
        <v>15</v>
      </c>
      <c r="AO21" s="191">
        <v>19</v>
      </c>
      <c r="AP21" s="191">
        <v>16</v>
      </c>
      <c r="AQ21" s="191">
        <v>3</v>
      </c>
      <c r="AR21" s="191">
        <v>4</v>
      </c>
      <c r="AS21" s="196">
        <v>57</v>
      </c>
      <c r="AT21" s="195">
        <v>58</v>
      </c>
      <c r="AU21" s="190">
        <v>0</v>
      </c>
      <c r="AV21" s="191">
        <v>2</v>
      </c>
      <c r="AW21" s="196">
        <v>2</v>
      </c>
      <c r="AX21" s="193">
        <v>0</v>
      </c>
      <c r="AY21" s="191">
        <v>24</v>
      </c>
      <c r="AZ21" s="191">
        <v>37</v>
      </c>
      <c r="BA21" s="191">
        <v>27</v>
      </c>
      <c r="BB21" s="191">
        <v>15</v>
      </c>
      <c r="BC21" s="191">
        <v>8</v>
      </c>
      <c r="BD21" s="196">
        <v>111</v>
      </c>
      <c r="BE21" s="195">
        <v>113</v>
      </c>
      <c r="BF21" s="190">
        <v>0</v>
      </c>
      <c r="BG21" s="191">
        <v>0</v>
      </c>
      <c r="BH21" s="196">
        <v>0</v>
      </c>
      <c r="BI21" s="193">
        <v>0</v>
      </c>
      <c r="BJ21" s="191">
        <v>14</v>
      </c>
      <c r="BK21" s="191">
        <v>23</v>
      </c>
      <c r="BL21" s="191">
        <v>32</v>
      </c>
      <c r="BM21" s="191">
        <v>16</v>
      </c>
      <c r="BN21" s="191">
        <v>14</v>
      </c>
      <c r="BO21" s="194">
        <v>99</v>
      </c>
      <c r="BP21" s="195">
        <v>99</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0</v>
      </c>
      <c r="CR21" s="191">
        <v>1</v>
      </c>
      <c r="CS21" s="191">
        <v>2</v>
      </c>
      <c r="CT21" s="191">
        <v>3</v>
      </c>
      <c r="CU21" s="191">
        <v>10</v>
      </c>
      <c r="CV21" s="196">
        <v>16</v>
      </c>
      <c r="CW21" s="195">
        <v>16</v>
      </c>
    </row>
    <row r="22" spans="2:101" ht="21" customHeight="1" x14ac:dyDescent="0.2">
      <c r="B22" s="106" t="s">
        <v>20</v>
      </c>
      <c r="C22" s="190">
        <v>0</v>
      </c>
      <c r="D22" s="196">
        <v>0</v>
      </c>
      <c r="E22" s="207">
        <v>0</v>
      </c>
      <c r="F22" s="193">
        <v>0</v>
      </c>
      <c r="G22" s="191">
        <v>1</v>
      </c>
      <c r="H22" s="191">
        <v>0</v>
      </c>
      <c r="I22" s="191">
        <v>0</v>
      </c>
      <c r="J22" s="191">
        <v>0</v>
      </c>
      <c r="K22" s="191">
        <v>1</v>
      </c>
      <c r="L22" s="194">
        <v>2</v>
      </c>
      <c r="M22" s="195">
        <v>2</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223</v>
      </c>
      <c r="AD22" s="191">
        <v>118</v>
      </c>
      <c r="AE22" s="191">
        <v>55</v>
      </c>
      <c r="AF22" s="191">
        <v>16</v>
      </c>
      <c r="AG22" s="191">
        <v>7</v>
      </c>
      <c r="AH22" s="196">
        <v>419</v>
      </c>
      <c r="AI22" s="195">
        <v>419</v>
      </c>
      <c r="AJ22" s="190">
        <v>0</v>
      </c>
      <c r="AK22" s="191">
        <v>0</v>
      </c>
      <c r="AL22" s="196">
        <v>0</v>
      </c>
      <c r="AM22" s="193">
        <v>0</v>
      </c>
      <c r="AN22" s="191">
        <v>1</v>
      </c>
      <c r="AO22" s="191">
        <v>1</v>
      </c>
      <c r="AP22" s="191">
        <v>6</v>
      </c>
      <c r="AQ22" s="191">
        <v>2</v>
      </c>
      <c r="AR22" s="191">
        <v>1</v>
      </c>
      <c r="AS22" s="196">
        <v>11</v>
      </c>
      <c r="AT22" s="195">
        <v>11</v>
      </c>
      <c r="AU22" s="190">
        <v>0</v>
      </c>
      <c r="AV22" s="191">
        <v>1</v>
      </c>
      <c r="AW22" s="196">
        <v>1</v>
      </c>
      <c r="AX22" s="193">
        <v>0</v>
      </c>
      <c r="AY22" s="191">
        <v>19</v>
      </c>
      <c r="AZ22" s="191">
        <v>11</v>
      </c>
      <c r="BA22" s="191">
        <v>14</v>
      </c>
      <c r="BB22" s="191">
        <v>2</v>
      </c>
      <c r="BC22" s="191">
        <v>3</v>
      </c>
      <c r="BD22" s="196">
        <v>49</v>
      </c>
      <c r="BE22" s="195">
        <v>50</v>
      </c>
      <c r="BF22" s="190">
        <v>0</v>
      </c>
      <c r="BG22" s="191">
        <v>0</v>
      </c>
      <c r="BH22" s="196">
        <v>0</v>
      </c>
      <c r="BI22" s="193">
        <v>0</v>
      </c>
      <c r="BJ22" s="191">
        <v>17</v>
      </c>
      <c r="BK22" s="191">
        <v>34</v>
      </c>
      <c r="BL22" s="191">
        <v>53</v>
      </c>
      <c r="BM22" s="191">
        <v>16</v>
      </c>
      <c r="BN22" s="191">
        <v>18</v>
      </c>
      <c r="BO22" s="194">
        <v>138</v>
      </c>
      <c r="BP22" s="195">
        <v>138</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0</v>
      </c>
      <c r="H23" s="191">
        <v>3</v>
      </c>
      <c r="I23" s="191">
        <v>1</v>
      </c>
      <c r="J23" s="191">
        <v>0</v>
      </c>
      <c r="K23" s="191">
        <v>2</v>
      </c>
      <c r="L23" s="194">
        <v>6</v>
      </c>
      <c r="M23" s="195">
        <v>6</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232</v>
      </c>
      <c r="AD23" s="191">
        <v>183</v>
      </c>
      <c r="AE23" s="191">
        <v>80</v>
      </c>
      <c r="AF23" s="191">
        <v>34</v>
      </c>
      <c r="AG23" s="191">
        <v>15</v>
      </c>
      <c r="AH23" s="196">
        <v>544</v>
      </c>
      <c r="AI23" s="195">
        <v>544</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8</v>
      </c>
      <c r="AZ23" s="191">
        <v>9</v>
      </c>
      <c r="BA23" s="191">
        <v>17</v>
      </c>
      <c r="BB23" s="191">
        <v>6</v>
      </c>
      <c r="BC23" s="191">
        <v>3</v>
      </c>
      <c r="BD23" s="196">
        <v>43</v>
      </c>
      <c r="BE23" s="195">
        <v>43</v>
      </c>
      <c r="BF23" s="190">
        <v>0</v>
      </c>
      <c r="BG23" s="191">
        <v>0</v>
      </c>
      <c r="BH23" s="196">
        <v>0</v>
      </c>
      <c r="BI23" s="193">
        <v>0</v>
      </c>
      <c r="BJ23" s="191">
        <v>15</v>
      </c>
      <c r="BK23" s="191">
        <v>37</v>
      </c>
      <c r="BL23" s="191">
        <v>37</v>
      </c>
      <c r="BM23" s="191">
        <v>21</v>
      </c>
      <c r="BN23" s="191">
        <v>11</v>
      </c>
      <c r="BO23" s="194">
        <v>121</v>
      </c>
      <c r="BP23" s="195">
        <v>121</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1</v>
      </c>
      <c r="CR23" s="191">
        <v>1</v>
      </c>
      <c r="CS23" s="191">
        <v>0</v>
      </c>
      <c r="CT23" s="191">
        <v>2</v>
      </c>
      <c r="CU23" s="191">
        <v>2</v>
      </c>
      <c r="CV23" s="196">
        <v>6</v>
      </c>
      <c r="CW23" s="195">
        <v>6</v>
      </c>
    </row>
    <row r="24" spans="2:101" ht="21" customHeight="1" x14ac:dyDescent="0.2">
      <c r="B24" s="106" t="s">
        <v>22</v>
      </c>
      <c r="C24" s="190">
        <v>0</v>
      </c>
      <c r="D24" s="196">
        <v>0</v>
      </c>
      <c r="E24" s="207">
        <v>0</v>
      </c>
      <c r="F24" s="193">
        <v>0</v>
      </c>
      <c r="G24" s="191">
        <v>0</v>
      </c>
      <c r="H24" s="191">
        <v>6</v>
      </c>
      <c r="I24" s="191">
        <v>6</v>
      </c>
      <c r="J24" s="191">
        <v>4</v>
      </c>
      <c r="K24" s="191">
        <v>0</v>
      </c>
      <c r="L24" s="194">
        <v>16</v>
      </c>
      <c r="M24" s="195">
        <v>16</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136</v>
      </c>
      <c r="AD24" s="191">
        <v>107</v>
      </c>
      <c r="AE24" s="191">
        <v>44</v>
      </c>
      <c r="AF24" s="191">
        <v>27</v>
      </c>
      <c r="AG24" s="191">
        <v>5</v>
      </c>
      <c r="AH24" s="196">
        <v>319</v>
      </c>
      <c r="AI24" s="195">
        <v>319</v>
      </c>
      <c r="AJ24" s="190">
        <v>0</v>
      </c>
      <c r="AK24" s="191">
        <v>0</v>
      </c>
      <c r="AL24" s="196">
        <v>0</v>
      </c>
      <c r="AM24" s="193">
        <v>0</v>
      </c>
      <c r="AN24" s="191">
        <v>3</v>
      </c>
      <c r="AO24" s="191">
        <v>1</v>
      </c>
      <c r="AP24" s="191">
        <v>6</v>
      </c>
      <c r="AQ24" s="191">
        <v>4</v>
      </c>
      <c r="AR24" s="191">
        <v>1</v>
      </c>
      <c r="AS24" s="196">
        <v>15</v>
      </c>
      <c r="AT24" s="195">
        <v>15</v>
      </c>
      <c r="AU24" s="190">
        <v>4</v>
      </c>
      <c r="AV24" s="191">
        <v>6</v>
      </c>
      <c r="AW24" s="196">
        <v>10</v>
      </c>
      <c r="AX24" s="193">
        <v>0</v>
      </c>
      <c r="AY24" s="191">
        <v>23</v>
      </c>
      <c r="AZ24" s="191">
        <v>25</v>
      </c>
      <c r="BA24" s="191">
        <v>13</v>
      </c>
      <c r="BB24" s="191">
        <v>8</v>
      </c>
      <c r="BC24" s="191">
        <v>8</v>
      </c>
      <c r="BD24" s="196">
        <v>77</v>
      </c>
      <c r="BE24" s="195">
        <v>87</v>
      </c>
      <c r="BF24" s="190">
        <v>0</v>
      </c>
      <c r="BG24" s="191">
        <v>0</v>
      </c>
      <c r="BH24" s="196">
        <v>0</v>
      </c>
      <c r="BI24" s="193">
        <v>0</v>
      </c>
      <c r="BJ24" s="191">
        <v>10</v>
      </c>
      <c r="BK24" s="191">
        <v>17</v>
      </c>
      <c r="BL24" s="191">
        <v>18</v>
      </c>
      <c r="BM24" s="191">
        <v>13</v>
      </c>
      <c r="BN24" s="191">
        <v>5</v>
      </c>
      <c r="BO24" s="194">
        <v>63</v>
      </c>
      <c r="BP24" s="195">
        <v>63</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2</v>
      </c>
      <c r="CH24" s="191">
        <v>6</v>
      </c>
      <c r="CI24" s="191">
        <v>13</v>
      </c>
      <c r="CJ24" s="191">
        <v>9</v>
      </c>
      <c r="CK24" s="196">
        <v>30</v>
      </c>
      <c r="CL24" s="195">
        <v>30</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1</v>
      </c>
      <c r="J25" s="191">
        <v>0</v>
      </c>
      <c r="K25" s="191">
        <v>1</v>
      </c>
      <c r="L25" s="194">
        <v>2</v>
      </c>
      <c r="M25" s="195">
        <v>2</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70</v>
      </c>
      <c r="AD25" s="191">
        <v>62</v>
      </c>
      <c r="AE25" s="191">
        <v>27</v>
      </c>
      <c r="AF25" s="191">
        <v>19</v>
      </c>
      <c r="AG25" s="191">
        <v>4</v>
      </c>
      <c r="AH25" s="196">
        <v>182</v>
      </c>
      <c r="AI25" s="195">
        <v>182</v>
      </c>
      <c r="AJ25" s="190">
        <v>0</v>
      </c>
      <c r="AK25" s="191">
        <v>0</v>
      </c>
      <c r="AL25" s="196">
        <v>0</v>
      </c>
      <c r="AM25" s="193">
        <v>0</v>
      </c>
      <c r="AN25" s="191">
        <v>0</v>
      </c>
      <c r="AO25" s="191">
        <v>0</v>
      </c>
      <c r="AP25" s="191">
        <v>3</v>
      </c>
      <c r="AQ25" s="191">
        <v>0</v>
      </c>
      <c r="AR25" s="191">
        <v>0</v>
      </c>
      <c r="AS25" s="196">
        <v>3</v>
      </c>
      <c r="AT25" s="195">
        <v>3</v>
      </c>
      <c r="AU25" s="190">
        <v>0</v>
      </c>
      <c r="AV25" s="191">
        <v>0</v>
      </c>
      <c r="AW25" s="196">
        <v>0</v>
      </c>
      <c r="AX25" s="193">
        <v>0</v>
      </c>
      <c r="AY25" s="191">
        <v>6</v>
      </c>
      <c r="AZ25" s="191">
        <v>3</v>
      </c>
      <c r="BA25" s="191">
        <v>4</v>
      </c>
      <c r="BB25" s="191">
        <v>0</v>
      </c>
      <c r="BC25" s="191">
        <v>0</v>
      </c>
      <c r="BD25" s="196">
        <v>13</v>
      </c>
      <c r="BE25" s="195">
        <v>13</v>
      </c>
      <c r="BF25" s="190">
        <v>0</v>
      </c>
      <c r="BG25" s="191">
        <v>0</v>
      </c>
      <c r="BH25" s="196">
        <v>0</v>
      </c>
      <c r="BI25" s="193">
        <v>0</v>
      </c>
      <c r="BJ25" s="191">
        <v>38</v>
      </c>
      <c r="BK25" s="191">
        <v>21</v>
      </c>
      <c r="BL25" s="191">
        <v>21</v>
      </c>
      <c r="BM25" s="191">
        <v>21</v>
      </c>
      <c r="BN25" s="191">
        <v>10</v>
      </c>
      <c r="BO25" s="194">
        <v>111</v>
      </c>
      <c r="BP25" s="195">
        <v>111</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1</v>
      </c>
      <c r="CR25" s="191">
        <v>1</v>
      </c>
      <c r="CS25" s="191">
        <v>5</v>
      </c>
      <c r="CT25" s="191">
        <v>3</v>
      </c>
      <c r="CU25" s="191">
        <v>2</v>
      </c>
      <c r="CV25" s="196">
        <v>12</v>
      </c>
      <c r="CW25" s="195">
        <v>12</v>
      </c>
    </row>
    <row r="26" spans="2:101" ht="21" customHeight="1" x14ac:dyDescent="0.2">
      <c r="B26" s="106" t="s">
        <v>24</v>
      </c>
      <c r="C26" s="190">
        <v>0</v>
      </c>
      <c r="D26" s="196">
        <v>0</v>
      </c>
      <c r="E26" s="207">
        <v>0</v>
      </c>
      <c r="F26" s="193">
        <v>0</v>
      </c>
      <c r="G26" s="191">
        <v>1</v>
      </c>
      <c r="H26" s="191">
        <v>0</v>
      </c>
      <c r="I26" s="191">
        <v>2</v>
      </c>
      <c r="J26" s="191">
        <v>4</v>
      </c>
      <c r="K26" s="191">
        <v>1</v>
      </c>
      <c r="L26" s="194">
        <v>8</v>
      </c>
      <c r="M26" s="195">
        <v>8</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24</v>
      </c>
      <c r="AD26" s="191">
        <v>14</v>
      </c>
      <c r="AE26" s="191">
        <v>16</v>
      </c>
      <c r="AF26" s="191">
        <v>4</v>
      </c>
      <c r="AG26" s="191">
        <v>2</v>
      </c>
      <c r="AH26" s="196">
        <v>60</v>
      </c>
      <c r="AI26" s="195">
        <v>60</v>
      </c>
      <c r="AJ26" s="190">
        <v>0</v>
      </c>
      <c r="AK26" s="191">
        <v>0</v>
      </c>
      <c r="AL26" s="196">
        <v>0</v>
      </c>
      <c r="AM26" s="193">
        <v>0</v>
      </c>
      <c r="AN26" s="191">
        <v>5</v>
      </c>
      <c r="AO26" s="191">
        <v>4</v>
      </c>
      <c r="AP26" s="191">
        <v>2</v>
      </c>
      <c r="AQ26" s="191">
        <v>3</v>
      </c>
      <c r="AR26" s="191">
        <v>1</v>
      </c>
      <c r="AS26" s="196">
        <v>15</v>
      </c>
      <c r="AT26" s="195">
        <v>15</v>
      </c>
      <c r="AU26" s="190">
        <v>3</v>
      </c>
      <c r="AV26" s="191">
        <v>3</v>
      </c>
      <c r="AW26" s="196">
        <v>6</v>
      </c>
      <c r="AX26" s="193">
        <v>0</v>
      </c>
      <c r="AY26" s="191">
        <v>13</v>
      </c>
      <c r="AZ26" s="191">
        <v>11</v>
      </c>
      <c r="BA26" s="191">
        <v>4</v>
      </c>
      <c r="BB26" s="191">
        <v>5</v>
      </c>
      <c r="BC26" s="191">
        <v>1</v>
      </c>
      <c r="BD26" s="196">
        <v>34</v>
      </c>
      <c r="BE26" s="195">
        <v>40</v>
      </c>
      <c r="BF26" s="190">
        <v>0</v>
      </c>
      <c r="BG26" s="191">
        <v>0</v>
      </c>
      <c r="BH26" s="196">
        <v>0</v>
      </c>
      <c r="BI26" s="193">
        <v>0</v>
      </c>
      <c r="BJ26" s="191">
        <v>1</v>
      </c>
      <c r="BK26" s="191">
        <v>7</v>
      </c>
      <c r="BL26" s="191">
        <v>6</v>
      </c>
      <c r="BM26" s="191">
        <v>4</v>
      </c>
      <c r="BN26" s="191">
        <v>1</v>
      </c>
      <c r="BO26" s="194">
        <v>19</v>
      </c>
      <c r="BP26" s="195">
        <v>19</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77</v>
      </c>
      <c r="AD27" s="191">
        <v>42</v>
      </c>
      <c r="AE27" s="191">
        <v>17</v>
      </c>
      <c r="AF27" s="191">
        <v>8</v>
      </c>
      <c r="AG27" s="191">
        <v>2</v>
      </c>
      <c r="AH27" s="196">
        <v>146</v>
      </c>
      <c r="AI27" s="195">
        <v>146</v>
      </c>
      <c r="AJ27" s="190">
        <v>0</v>
      </c>
      <c r="AK27" s="191">
        <v>0</v>
      </c>
      <c r="AL27" s="196">
        <v>0</v>
      </c>
      <c r="AM27" s="193">
        <v>0</v>
      </c>
      <c r="AN27" s="191">
        <v>0</v>
      </c>
      <c r="AO27" s="191">
        <v>0</v>
      </c>
      <c r="AP27" s="191">
        <v>0</v>
      </c>
      <c r="AQ27" s="191">
        <v>0</v>
      </c>
      <c r="AR27" s="191">
        <v>0</v>
      </c>
      <c r="AS27" s="196">
        <v>0</v>
      </c>
      <c r="AT27" s="195">
        <v>0</v>
      </c>
      <c r="AU27" s="190">
        <v>1</v>
      </c>
      <c r="AV27" s="191">
        <v>2</v>
      </c>
      <c r="AW27" s="196">
        <v>3</v>
      </c>
      <c r="AX27" s="193">
        <v>0</v>
      </c>
      <c r="AY27" s="191">
        <v>6</v>
      </c>
      <c r="AZ27" s="191">
        <v>4</v>
      </c>
      <c r="BA27" s="191">
        <v>3</v>
      </c>
      <c r="BB27" s="191">
        <v>3</v>
      </c>
      <c r="BC27" s="191">
        <v>1</v>
      </c>
      <c r="BD27" s="196">
        <v>17</v>
      </c>
      <c r="BE27" s="195">
        <v>20</v>
      </c>
      <c r="BF27" s="190">
        <v>0</v>
      </c>
      <c r="BG27" s="191">
        <v>0</v>
      </c>
      <c r="BH27" s="196">
        <v>0</v>
      </c>
      <c r="BI27" s="193">
        <v>0</v>
      </c>
      <c r="BJ27" s="191">
        <v>12</v>
      </c>
      <c r="BK27" s="191">
        <v>4</v>
      </c>
      <c r="BL27" s="191">
        <v>12</v>
      </c>
      <c r="BM27" s="191">
        <v>6</v>
      </c>
      <c r="BN27" s="191">
        <v>2</v>
      </c>
      <c r="BO27" s="194">
        <v>36</v>
      </c>
      <c r="BP27" s="195">
        <v>36</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50</v>
      </c>
      <c r="AD28" s="191">
        <v>46</v>
      </c>
      <c r="AE28" s="191">
        <v>27</v>
      </c>
      <c r="AF28" s="191">
        <v>14</v>
      </c>
      <c r="AG28" s="191">
        <v>6</v>
      </c>
      <c r="AH28" s="196">
        <v>143</v>
      </c>
      <c r="AI28" s="195">
        <v>143</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5</v>
      </c>
      <c r="AZ28" s="191">
        <v>7</v>
      </c>
      <c r="BA28" s="191">
        <v>6</v>
      </c>
      <c r="BB28" s="191">
        <v>3</v>
      </c>
      <c r="BC28" s="191">
        <v>2</v>
      </c>
      <c r="BD28" s="196">
        <v>23</v>
      </c>
      <c r="BE28" s="195">
        <v>23</v>
      </c>
      <c r="BF28" s="190">
        <v>0</v>
      </c>
      <c r="BG28" s="191">
        <v>0</v>
      </c>
      <c r="BH28" s="196">
        <v>0</v>
      </c>
      <c r="BI28" s="193">
        <v>0</v>
      </c>
      <c r="BJ28" s="191">
        <v>4</v>
      </c>
      <c r="BK28" s="191">
        <v>14</v>
      </c>
      <c r="BL28" s="191">
        <v>24</v>
      </c>
      <c r="BM28" s="191">
        <v>12</v>
      </c>
      <c r="BN28" s="191">
        <v>4</v>
      </c>
      <c r="BO28" s="194">
        <v>58</v>
      </c>
      <c r="BP28" s="195">
        <v>58</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1</v>
      </c>
      <c r="J29" s="191">
        <v>0</v>
      </c>
      <c r="K29" s="191">
        <v>0</v>
      </c>
      <c r="L29" s="194">
        <v>1</v>
      </c>
      <c r="M29" s="195">
        <v>1</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34</v>
      </c>
      <c r="AD29" s="191">
        <v>17</v>
      </c>
      <c r="AE29" s="191">
        <v>8</v>
      </c>
      <c r="AF29" s="191">
        <v>2</v>
      </c>
      <c r="AG29" s="191">
        <v>1</v>
      </c>
      <c r="AH29" s="196">
        <v>62</v>
      </c>
      <c r="AI29" s="195">
        <v>62</v>
      </c>
      <c r="AJ29" s="190">
        <v>0</v>
      </c>
      <c r="AK29" s="191">
        <v>0</v>
      </c>
      <c r="AL29" s="196">
        <v>0</v>
      </c>
      <c r="AM29" s="193">
        <v>0</v>
      </c>
      <c r="AN29" s="191">
        <v>2</v>
      </c>
      <c r="AO29" s="191">
        <v>2</v>
      </c>
      <c r="AP29" s="191">
        <v>3</v>
      </c>
      <c r="AQ29" s="191">
        <v>1</v>
      </c>
      <c r="AR29" s="191">
        <v>0</v>
      </c>
      <c r="AS29" s="196">
        <v>8</v>
      </c>
      <c r="AT29" s="195">
        <v>8</v>
      </c>
      <c r="AU29" s="190">
        <v>0</v>
      </c>
      <c r="AV29" s="191">
        <v>0</v>
      </c>
      <c r="AW29" s="196">
        <v>0</v>
      </c>
      <c r="AX29" s="193">
        <v>0</v>
      </c>
      <c r="AY29" s="191">
        <v>16</v>
      </c>
      <c r="AZ29" s="191">
        <v>5</v>
      </c>
      <c r="BA29" s="191">
        <v>4</v>
      </c>
      <c r="BB29" s="191">
        <v>2</v>
      </c>
      <c r="BC29" s="191">
        <v>1</v>
      </c>
      <c r="BD29" s="196">
        <v>28</v>
      </c>
      <c r="BE29" s="195">
        <v>28</v>
      </c>
      <c r="BF29" s="190">
        <v>0</v>
      </c>
      <c r="BG29" s="191">
        <v>0</v>
      </c>
      <c r="BH29" s="196">
        <v>0</v>
      </c>
      <c r="BI29" s="193">
        <v>0</v>
      </c>
      <c r="BJ29" s="191">
        <v>6</v>
      </c>
      <c r="BK29" s="191">
        <v>7</v>
      </c>
      <c r="BL29" s="191">
        <v>11</v>
      </c>
      <c r="BM29" s="191">
        <v>4</v>
      </c>
      <c r="BN29" s="191">
        <v>4</v>
      </c>
      <c r="BO29" s="194">
        <v>32</v>
      </c>
      <c r="BP29" s="195">
        <v>32</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7</v>
      </c>
      <c r="CI29" s="191">
        <v>8</v>
      </c>
      <c r="CJ29" s="191">
        <v>5</v>
      </c>
      <c r="CK29" s="196">
        <v>20</v>
      </c>
      <c r="CL29" s="195">
        <v>20</v>
      </c>
      <c r="CM29" s="190">
        <v>0</v>
      </c>
      <c r="CN29" s="191">
        <v>0</v>
      </c>
      <c r="CO29" s="196">
        <v>0</v>
      </c>
      <c r="CP29" s="193">
        <v>0</v>
      </c>
      <c r="CQ29" s="191">
        <v>2</v>
      </c>
      <c r="CR29" s="191">
        <v>2</v>
      </c>
      <c r="CS29" s="191">
        <v>2</v>
      </c>
      <c r="CT29" s="191">
        <v>0</v>
      </c>
      <c r="CU29" s="191">
        <v>1</v>
      </c>
      <c r="CV29" s="196">
        <v>7</v>
      </c>
      <c r="CW29" s="195">
        <v>7</v>
      </c>
    </row>
    <row r="30" spans="2:101" ht="21" customHeight="1" x14ac:dyDescent="0.2">
      <c r="B30" s="106" t="s">
        <v>28</v>
      </c>
      <c r="C30" s="190">
        <v>0</v>
      </c>
      <c r="D30" s="196">
        <v>0</v>
      </c>
      <c r="E30" s="207">
        <v>0</v>
      </c>
      <c r="F30" s="193">
        <v>0</v>
      </c>
      <c r="G30" s="191">
        <v>0</v>
      </c>
      <c r="H30" s="191">
        <v>0</v>
      </c>
      <c r="I30" s="191">
        <v>0</v>
      </c>
      <c r="J30" s="191">
        <v>0</v>
      </c>
      <c r="K30" s="191">
        <v>1</v>
      </c>
      <c r="L30" s="194">
        <v>1</v>
      </c>
      <c r="M30" s="195">
        <v>1</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27</v>
      </c>
      <c r="AD30" s="191">
        <v>14</v>
      </c>
      <c r="AE30" s="191">
        <v>3</v>
      </c>
      <c r="AF30" s="191">
        <v>1</v>
      </c>
      <c r="AG30" s="191">
        <v>1</v>
      </c>
      <c r="AH30" s="196">
        <v>46</v>
      </c>
      <c r="AI30" s="195">
        <v>46</v>
      </c>
      <c r="AJ30" s="190">
        <v>0</v>
      </c>
      <c r="AK30" s="191">
        <v>0</v>
      </c>
      <c r="AL30" s="196">
        <v>0</v>
      </c>
      <c r="AM30" s="193">
        <v>0</v>
      </c>
      <c r="AN30" s="191">
        <v>4</v>
      </c>
      <c r="AO30" s="191">
        <v>3</v>
      </c>
      <c r="AP30" s="191">
        <v>2</v>
      </c>
      <c r="AQ30" s="191">
        <v>1</v>
      </c>
      <c r="AR30" s="191">
        <v>0</v>
      </c>
      <c r="AS30" s="196">
        <v>10</v>
      </c>
      <c r="AT30" s="195">
        <v>10</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1</v>
      </c>
      <c r="BK30" s="191">
        <v>5</v>
      </c>
      <c r="BL30" s="191">
        <v>3</v>
      </c>
      <c r="BM30" s="191">
        <v>4</v>
      </c>
      <c r="BN30" s="191">
        <v>5</v>
      </c>
      <c r="BO30" s="194">
        <v>18</v>
      </c>
      <c r="BP30" s="195">
        <v>18</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1</v>
      </c>
      <c r="CJ30" s="191">
        <v>0</v>
      </c>
      <c r="CK30" s="196">
        <v>1</v>
      </c>
      <c r="CL30" s="195">
        <v>1</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2</v>
      </c>
      <c r="H31" s="191">
        <v>0</v>
      </c>
      <c r="I31" s="191">
        <v>1</v>
      </c>
      <c r="J31" s="191">
        <v>0</v>
      </c>
      <c r="K31" s="191">
        <v>0</v>
      </c>
      <c r="L31" s="194">
        <v>3</v>
      </c>
      <c r="M31" s="195">
        <v>3</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11</v>
      </c>
      <c r="AD31" s="191">
        <v>21</v>
      </c>
      <c r="AE31" s="191">
        <v>9</v>
      </c>
      <c r="AF31" s="191">
        <v>3</v>
      </c>
      <c r="AG31" s="191">
        <v>0</v>
      </c>
      <c r="AH31" s="196">
        <v>44</v>
      </c>
      <c r="AI31" s="195">
        <v>44</v>
      </c>
      <c r="AJ31" s="190">
        <v>0</v>
      </c>
      <c r="AK31" s="191">
        <v>0</v>
      </c>
      <c r="AL31" s="196">
        <v>0</v>
      </c>
      <c r="AM31" s="193">
        <v>0</v>
      </c>
      <c r="AN31" s="191">
        <v>2</v>
      </c>
      <c r="AO31" s="191">
        <v>1</v>
      </c>
      <c r="AP31" s="191">
        <v>0</v>
      </c>
      <c r="AQ31" s="191">
        <v>0</v>
      </c>
      <c r="AR31" s="191">
        <v>0</v>
      </c>
      <c r="AS31" s="196">
        <v>3</v>
      </c>
      <c r="AT31" s="195">
        <v>3</v>
      </c>
      <c r="AU31" s="190">
        <v>0</v>
      </c>
      <c r="AV31" s="191">
        <v>1</v>
      </c>
      <c r="AW31" s="196">
        <v>1</v>
      </c>
      <c r="AX31" s="193">
        <v>0</v>
      </c>
      <c r="AY31" s="191">
        <v>6</v>
      </c>
      <c r="AZ31" s="191">
        <v>5</v>
      </c>
      <c r="BA31" s="191">
        <v>5</v>
      </c>
      <c r="BB31" s="191">
        <v>6</v>
      </c>
      <c r="BC31" s="191">
        <v>1</v>
      </c>
      <c r="BD31" s="196">
        <v>23</v>
      </c>
      <c r="BE31" s="195">
        <v>24</v>
      </c>
      <c r="BF31" s="190">
        <v>0</v>
      </c>
      <c r="BG31" s="191">
        <v>0</v>
      </c>
      <c r="BH31" s="196">
        <v>0</v>
      </c>
      <c r="BI31" s="193">
        <v>0</v>
      </c>
      <c r="BJ31" s="191">
        <v>8</v>
      </c>
      <c r="BK31" s="191">
        <v>10</v>
      </c>
      <c r="BL31" s="191">
        <v>10</v>
      </c>
      <c r="BM31" s="191">
        <v>1</v>
      </c>
      <c r="BN31" s="191">
        <v>1</v>
      </c>
      <c r="BO31" s="194">
        <v>30</v>
      </c>
      <c r="BP31" s="195">
        <v>3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13</v>
      </c>
      <c r="CI31" s="191">
        <v>8</v>
      </c>
      <c r="CJ31" s="191">
        <v>6</v>
      </c>
      <c r="CK31" s="196">
        <v>27</v>
      </c>
      <c r="CL31" s="195">
        <v>27</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2</v>
      </c>
      <c r="I32" s="191">
        <v>1</v>
      </c>
      <c r="J32" s="191">
        <v>0</v>
      </c>
      <c r="K32" s="191">
        <v>0</v>
      </c>
      <c r="L32" s="194">
        <v>3</v>
      </c>
      <c r="M32" s="195">
        <v>3</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25</v>
      </c>
      <c r="AD32" s="191">
        <v>12</v>
      </c>
      <c r="AE32" s="191">
        <v>8</v>
      </c>
      <c r="AF32" s="191">
        <v>2</v>
      </c>
      <c r="AG32" s="191">
        <v>2</v>
      </c>
      <c r="AH32" s="196">
        <v>49</v>
      </c>
      <c r="AI32" s="195">
        <v>49</v>
      </c>
      <c r="AJ32" s="190">
        <v>0</v>
      </c>
      <c r="AK32" s="191">
        <v>0</v>
      </c>
      <c r="AL32" s="196">
        <v>0</v>
      </c>
      <c r="AM32" s="193">
        <v>0</v>
      </c>
      <c r="AN32" s="191">
        <v>1</v>
      </c>
      <c r="AO32" s="191">
        <v>1</v>
      </c>
      <c r="AP32" s="191">
        <v>0</v>
      </c>
      <c r="AQ32" s="191">
        <v>0</v>
      </c>
      <c r="AR32" s="191">
        <v>0</v>
      </c>
      <c r="AS32" s="196">
        <v>2</v>
      </c>
      <c r="AT32" s="195">
        <v>2</v>
      </c>
      <c r="AU32" s="190">
        <v>0</v>
      </c>
      <c r="AV32" s="191">
        <v>0</v>
      </c>
      <c r="AW32" s="196">
        <v>0</v>
      </c>
      <c r="AX32" s="193">
        <v>0</v>
      </c>
      <c r="AY32" s="191">
        <v>0</v>
      </c>
      <c r="AZ32" s="191">
        <v>0</v>
      </c>
      <c r="BA32" s="191">
        <v>1</v>
      </c>
      <c r="BB32" s="191">
        <v>0</v>
      </c>
      <c r="BC32" s="191">
        <v>0</v>
      </c>
      <c r="BD32" s="196">
        <v>1</v>
      </c>
      <c r="BE32" s="195">
        <v>1</v>
      </c>
      <c r="BF32" s="190">
        <v>0</v>
      </c>
      <c r="BG32" s="191">
        <v>0</v>
      </c>
      <c r="BH32" s="196">
        <v>0</v>
      </c>
      <c r="BI32" s="193">
        <v>0</v>
      </c>
      <c r="BJ32" s="191">
        <v>5</v>
      </c>
      <c r="BK32" s="191">
        <v>4</v>
      </c>
      <c r="BL32" s="191">
        <v>2</v>
      </c>
      <c r="BM32" s="191">
        <v>6</v>
      </c>
      <c r="BN32" s="191">
        <v>1</v>
      </c>
      <c r="BO32" s="194">
        <v>18</v>
      </c>
      <c r="BP32" s="195">
        <v>18</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1</v>
      </c>
      <c r="I33" s="191">
        <v>0</v>
      </c>
      <c r="J33" s="191">
        <v>0</v>
      </c>
      <c r="K33" s="191">
        <v>0</v>
      </c>
      <c r="L33" s="194">
        <v>1</v>
      </c>
      <c r="M33" s="195">
        <v>1</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29</v>
      </c>
      <c r="AD33" s="191">
        <v>17</v>
      </c>
      <c r="AE33" s="191">
        <v>4</v>
      </c>
      <c r="AF33" s="191">
        <v>1</v>
      </c>
      <c r="AG33" s="191">
        <v>0</v>
      </c>
      <c r="AH33" s="196">
        <v>51</v>
      </c>
      <c r="AI33" s="195">
        <v>51</v>
      </c>
      <c r="AJ33" s="190">
        <v>0</v>
      </c>
      <c r="AK33" s="191">
        <v>0</v>
      </c>
      <c r="AL33" s="196">
        <v>0</v>
      </c>
      <c r="AM33" s="193">
        <v>0</v>
      </c>
      <c r="AN33" s="191">
        <v>0</v>
      </c>
      <c r="AO33" s="191">
        <v>1</v>
      </c>
      <c r="AP33" s="191">
        <v>1</v>
      </c>
      <c r="AQ33" s="191">
        <v>1</v>
      </c>
      <c r="AR33" s="191">
        <v>0</v>
      </c>
      <c r="AS33" s="196">
        <v>3</v>
      </c>
      <c r="AT33" s="195">
        <v>3</v>
      </c>
      <c r="AU33" s="190">
        <v>0</v>
      </c>
      <c r="AV33" s="191">
        <v>0</v>
      </c>
      <c r="AW33" s="196">
        <v>0</v>
      </c>
      <c r="AX33" s="193">
        <v>0</v>
      </c>
      <c r="AY33" s="191">
        <v>8</v>
      </c>
      <c r="AZ33" s="191">
        <v>5</v>
      </c>
      <c r="BA33" s="191">
        <v>9</v>
      </c>
      <c r="BB33" s="191">
        <v>1</v>
      </c>
      <c r="BC33" s="191">
        <v>0</v>
      </c>
      <c r="BD33" s="196">
        <v>23</v>
      </c>
      <c r="BE33" s="195">
        <v>23</v>
      </c>
      <c r="BF33" s="190">
        <v>0</v>
      </c>
      <c r="BG33" s="191">
        <v>0</v>
      </c>
      <c r="BH33" s="196">
        <v>0</v>
      </c>
      <c r="BI33" s="193">
        <v>0</v>
      </c>
      <c r="BJ33" s="191">
        <v>8</v>
      </c>
      <c r="BK33" s="191">
        <v>10</v>
      </c>
      <c r="BL33" s="191">
        <v>13</v>
      </c>
      <c r="BM33" s="191">
        <v>9</v>
      </c>
      <c r="BN33" s="191">
        <v>5</v>
      </c>
      <c r="BO33" s="194">
        <v>45</v>
      </c>
      <c r="BP33" s="195">
        <v>45</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1</v>
      </c>
      <c r="CJ33" s="191">
        <v>0</v>
      </c>
      <c r="CK33" s="196">
        <v>1</v>
      </c>
      <c r="CL33" s="195">
        <v>1</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0</v>
      </c>
      <c r="H34" s="191">
        <v>4</v>
      </c>
      <c r="I34" s="191">
        <v>1</v>
      </c>
      <c r="J34" s="191">
        <v>2</v>
      </c>
      <c r="K34" s="191">
        <v>0</v>
      </c>
      <c r="L34" s="194">
        <v>7</v>
      </c>
      <c r="M34" s="195">
        <v>7</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49</v>
      </c>
      <c r="AD34" s="191">
        <v>30</v>
      </c>
      <c r="AE34" s="191">
        <v>7</v>
      </c>
      <c r="AF34" s="191">
        <v>3</v>
      </c>
      <c r="AG34" s="191">
        <v>2</v>
      </c>
      <c r="AH34" s="196">
        <v>91</v>
      </c>
      <c r="AI34" s="195">
        <v>91</v>
      </c>
      <c r="AJ34" s="190">
        <v>0</v>
      </c>
      <c r="AK34" s="191">
        <v>0</v>
      </c>
      <c r="AL34" s="196">
        <v>0</v>
      </c>
      <c r="AM34" s="193">
        <v>0</v>
      </c>
      <c r="AN34" s="191">
        <v>5</v>
      </c>
      <c r="AO34" s="191">
        <v>1</v>
      </c>
      <c r="AP34" s="191">
        <v>1</v>
      </c>
      <c r="AQ34" s="191">
        <v>0</v>
      </c>
      <c r="AR34" s="191">
        <v>1</v>
      </c>
      <c r="AS34" s="196">
        <v>8</v>
      </c>
      <c r="AT34" s="195">
        <v>8</v>
      </c>
      <c r="AU34" s="190">
        <v>0</v>
      </c>
      <c r="AV34" s="191">
        <v>4</v>
      </c>
      <c r="AW34" s="196">
        <v>4</v>
      </c>
      <c r="AX34" s="193">
        <v>0</v>
      </c>
      <c r="AY34" s="191">
        <v>8</v>
      </c>
      <c r="AZ34" s="191">
        <v>2</v>
      </c>
      <c r="BA34" s="191">
        <v>3</v>
      </c>
      <c r="BB34" s="191">
        <v>4</v>
      </c>
      <c r="BC34" s="191">
        <v>0</v>
      </c>
      <c r="BD34" s="196">
        <v>17</v>
      </c>
      <c r="BE34" s="195">
        <v>21</v>
      </c>
      <c r="BF34" s="190">
        <v>0</v>
      </c>
      <c r="BG34" s="191">
        <v>1</v>
      </c>
      <c r="BH34" s="196">
        <v>1</v>
      </c>
      <c r="BI34" s="193">
        <v>0</v>
      </c>
      <c r="BJ34" s="191">
        <v>2</v>
      </c>
      <c r="BK34" s="191">
        <v>3</v>
      </c>
      <c r="BL34" s="191">
        <v>8</v>
      </c>
      <c r="BM34" s="191">
        <v>10</v>
      </c>
      <c r="BN34" s="191">
        <v>4</v>
      </c>
      <c r="BO34" s="194">
        <v>27</v>
      </c>
      <c r="BP34" s="195">
        <v>28</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1</v>
      </c>
      <c r="CG34" s="191">
        <v>0</v>
      </c>
      <c r="CH34" s="191">
        <v>13</v>
      </c>
      <c r="CI34" s="191">
        <v>7</v>
      </c>
      <c r="CJ34" s="191">
        <v>5</v>
      </c>
      <c r="CK34" s="196">
        <v>26</v>
      </c>
      <c r="CL34" s="195">
        <v>26</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22</v>
      </c>
      <c r="AD35" s="191">
        <v>10</v>
      </c>
      <c r="AE35" s="191">
        <v>4</v>
      </c>
      <c r="AF35" s="191">
        <v>3</v>
      </c>
      <c r="AG35" s="191">
        <v>2</v>
      </c>
      <c r="AH35" s="196">
        <v>41</v>
      </c>
      <c r="AI35" s="195">
        <v>41</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1</v>
      </c>
      <c r="BH35" s="196">
        <v>1</v>
      </c>
      <c r="BI35" s="193">
        <v>0</v>
      </c>
      <c r="BJ35" s="191">
        <v>3</v>
      </c>
      <c r="BK35" s="191">
        <v>3</v>
      </c>
      <c r="BL35" s="191">
        <v>8</v>
      </c>
      <c r="BM35" s="191">
        <v>2</v>
      </c>
      <c r="BN35" s="191">
        <v>1</v>
      </c>
      <c r="BO35" s="194">
        <v>17</v>
      </c>
      <c r="BP35" s="195">
        <v>18</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12</v>
      </c>
      <c r="AD36" s="191">
        <v>3</v>
      </c>
      <c r="AE36" s="191">
        <v>2</v>
      </c>
      <c r="AF36" s="191">
        <v>1</v>
      </c>
      <c r="AG36" s="191">
        <v>0</v>
      </c>
      <c r="AH36" s="196">
        <v>18</v>
      </c>
      <c r="AI36" s="195">
        <v>18</v>
      </c>
      <c r="AJ36" s="190">
        <v>0</v>
      </c>
      <c r="AK36" s="191">
        <v>0</v>
      </c>
      <c r="AL36" s="196">
        <v>0</v>
      </c>
      <c r="AM36" s="193">
        <v>0</v>
      </c>
      <c r="AN36" s="191">
        <v>0</v>
      </c>
      <c r="AO36" s="191">
        <v>0</v>
      </c>
      <c r="AP36" s="191">
        <v>0</v>
      </c>
      <c r="AQ36" s="191">
        <v>0</v>
      </c>
      <c r="AR36" s="191">
        <v>1</v>
      </c>
      <c r="AS36" s="196">
        <v>1</v>
      </c>
      <c r="AT36" s="195">
        <v>1</v>
      </c>
      <c r="AU36" s="190">
        <v>1</v>
      </c>
      <c r="AV36" s="191">
        <v>2</v>
      </c>
      <c r="AW36" s="196">
        <v>3</v>
      </c>
      <c r="AX36" s="193">
        <v>0</v>
      </c>
      <c r="AY36" s="191">
        <v>11</v>
      </c>
      <c r="AZ36" s="191">
        <v>7</v>
      </c>
      <c r="BA36" s="191">
        <v>4</v>
      </c>
      <c r="BB36" s="191">
        <v>2</v>
      </c>
      <c r="BC36" s="191">
        <v>0</v>
      </c>
      <c r="BD36" s="196">
        <v>24</v>
      </c>
      <c r="BE36" s="195">
        <v>27</v>
      </c>
      <c r="BF36" s="190">
        <v>0</v>
      </c>
      <c r="BG36" s="191">
        <v>0</v>
      </c>
      <c r="BH36" s="196">
        <v>0</v>
      </c>
      <c r="BI36" s="193">
        <v>0</v>
      </c>
      <c r="BJ36" s="191">
        <v>8</v>
      </c>
      <c r="BK36" s="191">
        <v>5</v>
      </c>
      <c r="BL36" s="191">
        <v>0</v>
      </c>
      <c r="BM36" s="191">
        <v>4</v>
      </c>
      <c r="BN36" s="191">
        <v>1</v>
      </c>
      <c r="BO36" s="194">
        <v>18</v>
      </c>
      <c r="BP36" s="195">
        <v>18</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11</v>
      </c>
      <c r="CR36" s="191">
        <v>8</v>
      </c>
      <c r="CS36" s="191">
        <v>6</v>
      </c>
      <c r="CT36" s="191">
        <v>2</v>
      </c>
      <c r="CU36" s="191">
        <v>2</v>
      </c>
      <c r="CV36" s="196">
        <v>29</v>
      </c>
      <c r="CW36" s="195">
        <v>29</v>
      </c>
    </row>
    <row r="37" spans="2:101" ht="21" customHeight="1" x14ac:dyDescent="0.2">
      <c r="B37" s="106" t="s">
        <v>35</v>
      </c>
      <c r="C37" s="190">
        <v>0</v>
      </c>
      <c r="D37" s="196">
        <v>0</v>
      </c>
      <c r="E37" s="207">
        <v>0</v>
      </c>
      <c r="F37" s="193">
        <v>0</v>
      </c>
      <c r="G37" s="191">
        <v>1</v>
      </c>
      <c r="H37" s="191">
        <v>1</v>
      </c>
      <c r="I37" s="191">
        <v>2</v>
      </c>
      <c r="J37" s="191">
        <v>0</v>
      </c>
      <c r="K37" s="191">
        <v>1</v>
      </c>
      <c r="L37" s="194">
        <v>5</v>
      </c>
      <c r="M37" s="195">
        <v>5</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18</v>
      </c>
      <c r="AD37" s="191">
        <v>7</v>
      </c>
      <c r="AE37" s="191">
        <v>10</v>
      </c>
      <c r="AF37" s="191">
        <v>9</v>
      </c>
      <c r="AG37" s="191">
        <v>3</v>
      </c>
      <c r="AH37" s="196">
        <v>47</v>
      </c>
      <c r="AI37" s="195">
        <v>47</v>
      </c>
      <c r="AJ37" s="190">
        <v>0</v>
      </c>
      <c r="AK37" s="191">
        <v>0</v>
      </c>
      <c r="AL37" s="196">
        <v>0</v>
      </c>
      <c r="AM37" s="193">
        <v>0</v>
      </c>
      <c r="AN37" s="191">
        <v>0</v>
      </c>
      <c r="AO37" s="191">
        <v>0</v>
      </c>
      <c r="AP37" s="191">
        <v>0</v>
      </c>
      <c r="AQ37" s="191">
        <v>0</v>
      </c>
      <c r="AR37" s="191">
        <v>0</v>
      </c>
      <c r="AS37" s="196">
        <v>0</v>
      </c>
      <c r="AT37" s="195">
        <v>0</v>
      </c>
      <c r="AU37" s="190">
        <v>2</v>
      </c>
      <c r="AV37" s="191">
        <v>5</v>
      </c>
      <c r="AW37" s="196">
        <v>7</v>
      </c>
      <c r="AX37" s="193">
        <v>0</v>
      </c>
      <c r="AY37" s="191">
        <v>7</v>
      </c>
      <c r="AZ37" s="191">
        <v>5</v>
      </c>
      <c r="BA37" s="191">
        <v>12</v>
      </c>
      <c r="BB37" s="191">
        <v>4</v>
      </c>
      <c r="BC37" s="191">
        <v>3</v>
      </c>
      <c r="BD37" s="196">
        <v>31</v>
      </c>
      <c r="BE37" s="195">
        <v>38</v>
      </c>
      <c r="BF37" s="190">
        <v>0</v>
      </c>
      <c r="BG37" s="191">
        <v>0</v>
      </c>
      <c r="BH37" s="196">
        <v>0</v>
      </c>
      <c r="BI37" s="193">
        <v>0</v>
      </c>
      <c r="BJ37" s="191">
        <v>15</v>
      </c>
      <c r="BK37" s="191">
        <v>13</v>
      </c>
      <c r="BL37" s="191">
        <v>14</v>
      </c>
      <c r="BM37" s="191">
        <v>10</v>
      </c>
      <c r="BN37" s="191">
        <v>7</v>
      </c>
      <c r="BO37" s="194">
        <v>59</v>
      </c>
      <c r="BP37" s="195">
        <v>59</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1</v>
      </c>
      <c r="I38" s="191">
        <v>1</v>
      </c>
      <c r="J38" s="191">
        <v>0</v>
      </c>
      <c r="K38" s="191">
        <v>0</v>
      </c>
      <c r="L38" s="194">
        <v>2</v>
      </c>
      <c r="M38" s="195">
        <v>2</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77</v>
      </c>
      <c r="AD38" s="191">
        <v>51</v>
      </c>
      <c r="AE38" s="191">
        <v>36</v>
      </c>
      <c r="AF38" s="191">
        <v>12</v>
      </c>
      <c r="AG38" s="191">
        <v>17</v>
      </c>
      <c r="AH38" s="196">
        <v>193</v>
      </c>
      <c r="AI38" s="195">
        <v>193</v>
      </c>
      <c r="AJ38" s="190">
        <v>0</v>
      </c>
      <c r="AK38" s="191">
        <v>0</v>
      </c>
      <c r="AL38" s="196">
        <v>0</v>
      </c>
      <c r="AM38" s="193">
        <v>0</v>
      </c>
      <c r="AN38" s="191">
        <v>0</v>
      </c>
      <c r="AO38" s="191">
        <v>0</v>
      </c>
      <c r="AP38" s="191">
        <v>0</v>
      </c>
      <c r="AQ38" s="191">
        <v>0</v>
      </c>
      <c r="AR38" s="191">
        <v>0</v>
      </c>
      <c r="AS38" s="196">
        <v>0</v>
      </c>
      <c r="AT38" s="195">
        <v>0</v>
      </c>
      <c r="AU38" s="190">
        <v>0</v>
      </c>
      <c r="AV38" s="191">
        <v>0</v>
      </c>
      <c r="AW38" s="196">
        <v>0</v>
      </c>
      <c r="AX38" s="193">
        <v>0</v>
      </c>
      <c r="AY38" s="191">
        <v>14</v>
      </c>
      <c r="AZ38" s="191">
        <v>14</v>
      </c>
      <c r="BA38" s="191">
        <v>8</v>
      </c>
      <c r="BB38" s="191">
        <v>2</v>
      </c>
      <c r="BC38" s="191">
        <v>2</v>
      </c>
      <c r="BD38" s="196">
        <v>40</v>
      </c>
      <c r="BE38" s="195">
        <v>40</v>
      </c>
      <c r="BF38" s="190">
        <v>0</v>
      </c>
      <c r="BG38" s="191">
        <v>0</v>
      </c>
      <c r="BH38" s="196">
        <v>0</v>
      </c>
      <c r="BI38" s="193">
        <v>0</v>
      </c>
      <c r="BJ38" s="191">
        <v>5</v>
      </c>
      <c r="BK38" s="191">
        <v>20</v>
      </c>
      <c r="BL38" s="191">
        <v>12</v>
      </c>
      <c r="BM38" s="191">
        <v>7</v>
      </c>
      <c r="BN38" s="191">
        <v>5</v>
      </c>
      <c r="BO38" s="194">
        <v>49</v>
      </c>
      <c r="BP38" s="195">
        <v>49</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row>
    <row r="39" spans="2:101" ht="21" customHeight="1" thickBot="1" x14ac:dyDescent="0.25">
      <c r="B39" s="108" t="s">
        <v>37</v>
      </c>
      <c r="C39" s="197">
        <v>0</v>
      </c>
      <c r="D39" s="203">
        <v>0</v>
      </c>
      <c r="E39" s="208">
        <v>0</v>
      </c>
      <c r="F39" s="200">
        <v>0</v>
      </c>
      <c r="G39" s="198">
        <v>0</v>
      </c>
      <c r="H39" s="198">
        <v>0</v>
      </c>
      <c r="I39" s="198">
        <v>0</v>
      </c>
      <c r="J39" s="198">
        <v>1</v>
      </c>
      <c r="K39" s="198">
        <v>0</v>
      </c>
      <c r="L39" s="201">
        <v>1</v>
      </c>
      <c r="M39" s="202">
        <v>1</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13</v>
      </c>
      <c r="AD39" s="198">
        <v>8</v>
      </c>
      <c r="AE39" s="198">
        <v>6</v>
      </c>
      <c r="AF39" s="198">
        <v>1</v>
      </c>
      <c r="AG39" s="198">
        <v>1</v>
      </c>
      <c r="AH39" s="203">
        <v>29</v>
      </c>
      <c r="AI39" s="202">
        <v>29</v>
      </c>
      <c r="AJ39" s="197">
        <v>0</v>
      </c>
      <c r="AK39" s="198">
        <v>0</v>
      </c>
      <c r="AL39" s="203">
        <v>0</v>
      </c>
      <c r="AM39" s="200">
        <v>0</v>
      </c>
      <c r="AN39" s="198">
        <v>1</v>
      </c>
      <c r="AO39" s="198">
        <v>0</v>
      </c>
      <c r="AP39" s="198">
        <v>0</v>
      </c>
      <c r="AQ39" s="198">
        <v>0</v>
      </c>
      <c r="AR39" s="198">
        <v>0</v>
      </c>
      <c r="AS39" s="203">
        <v>1</v>
      </c>
      <c r="AT39" s="202">
        <v>1</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3</v>
      </c>
      <c r="BK39" s="198">
        <v>0</v>
      </c>
      <c r="BL39" s="198">
        <v>2</v>
      </c>
      <c r="BM39" s="198">
        <v>7</v>
      </c>
      <c r="BN39" s="198">
        <v>1</v>
      </c>
      <c r="BO39" s="201">
        <v>13</v>
      </c>
      <c r="BP39" s="202">
        <v>13</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Q4:W4"/>
    <mergeCell ref="AU3:BE3"/>
    <mergeCell ref="I1:J1"/>
    <mergeCell ref="L1:M1"/>
    <mergeCell ref="CA4:CA5"/>
    <mergeCell ref="BF3:BP3"/>
    <mergeCell ref="BQ3:CA3"/>
    <mergeCell ref="BP4:BP5"/>
    <mergeCell ref="BE4:BE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8.554687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1">
        <f>第１表!F2</f>
        <v>6</v>
      </c>
      <c r="J1" s="441"/>
      <c r="K1" s="18">
        <f>第１表!G2</f>
        <v>9</v>
      </c>
      <c r="L1" s="445">
        <f>IF(K1&lt;3,K1+12-2,K1-2)</f>
        <v>7</v>
      </c>
      <c r="M1" s="445"/>
    </row>
    <row r="2" spans="2:101" s="71" customFormat="1" ht="24" customHeight="1" thickBot="1" x14ac:dyDescent="0.25">
      <c r="B2" s="142" t="s">
        <v>128</v>
      </c>
    </row>
    <row r="3" spans="2:101" ht="21" customHeight="1" thickBot="1" x14ac:dyDescent="0.25">
      <c r="B3" s="466"/>
      <c r="C3" s="463" t="s">
        <v>94</v>
      </c>
      <c r="D3" s="464"/>
      <c r="E3" s="464"/>
      <c r="F3" s="464"/>
      <c r="G3" s="464"/>
      <c r="H3" s="464"/>
      <c r="I3" s="464"/>
      <c r="J3" s="464"/>
      <c r="K3" s="464"/>
      <c r="L3" s="464"/>
      <c r="M3" s="465"/>
      <c r="N3" s="463" t="s">
        <v>88</v>
      </c>
      <c r="O3" s="464"/>
      <c r="P3" s="464"/>
      <c r="Q3" s="464"/>
      <c r="R3" s="464"/>
      <c r="S3" s="464"/>
      <c r="T3" s="464"/>
      <c r="U3" s="464"/>
      <c r="V3" s="464"/>
      <c r="W3" s="464"/>
      <c r="X3" s="465"/>
      <c r="Y3" s="463" t="s">
        <v>139</v>
      </c>
      <c r="Z3" s="464"/>
      <c r="AA3" s="464"/>
      <c r="AB3" s="464"/>
      <c r="AC3" s="464"/>
      <c r="AD3" s="464"/>
      <c r="AE3" s="464"/>
      <c r="AF3" s="464"/>
      <c r="AG3" s="464"/>
      <c r="AH3" s="464"/>
      <c r="AI3" s="465"/>
      <c r="AJ3" s="463" t="s">
        <v>90</v>
      </c>
      <c r="AK3" s="464"/>
      <c r="AL3" s="464"/>
      <c r="AM3" s="464"/>
      <c r="AN3" s="464"/>
      <c r="AO3" s="464"/>
      <c r="AP3" s="464"/>
      <c r="AQ3" s="464"/>
      <c r="AR3" s="464"/>
      <c r="AS3" s="464"/>
      <c r="AT3" s="465"/>
      <c r="AU3" s="479" t="s">
        <v>89</v>
      </c>
      <c r="AV3" s="480"/>
      <c r="AW3" s="480"/>
      <c r="AX3" s="480"/>
      <c r="AY3" s="480"/>
      <c r="AZ3" s="480"/>
      <c r="BA3" s="480"/>
      <c r="BB3" s="480"/>
      <c r="BC3" s="480"/>
      <c r="BD3" s="480"/>
      <c r="BE3" s="481"/>
      <c r="BF3" s="479" t="s">
        <v>91</v>
      </c>
      <c r="BG3" s="480"/>
      <c r="BH3" s="480"/>
      <c r="BI3" s="480"/>
      <c r="BJ3" s="480"/>
      <c r="BK3" s="480"/>
      <c r="BL3" s="480"/>
      <c r="BM3" s="480"/>
      <c r="BN3" s="480"/>
      <c r="BO3" s="480"/>
      <c r="BP3" s="481"/>
      <c r="BQ3" s="479" t="s">
        <v>92</v>
      </c>
      <c r="BR3" s="480"/>
      <c r="BS3" s="480"/>
      <c r="BT3" s="480"/>
      <c r="BU3" s="480"/>
      <c r="BV3" s="480"/>
      <c r="BW3" s="480"/>
      <c r="BX3" s="480"/>
      <c r="BY3" s="480"/>
      <c r="BZ3" s="480"/>
      <c r="CA3" s="481"/>
      <c r="CB3" s="479" t="s">
        <v>93</v>
      </c>
      <c r="CC3" s="480"/>
      <c r="CD3" s="480"/>
      <c r="CE3" s="480"/>
      <c r="CF3" s="480"/>
      <c r="CG3" s="480"/>
      <c r="CH3" s="480"/>
      <c r="CI3" s="480"/>
      <c r="CJ3" s="480"/>
      <c r="CK3" s="480"/>
      <c r="CL3" s="481"/>
      <c r="CM3" s="480" t="s">
        <v>138</v>
      </c>
      <c r="CN3" s="480"/>
      <c r="CO3" s="480"/>
      <c r="CP3" s="480"/>
      <c r="CQ3" s="480"/>
      <c r="CR3" s="480"/>
      <c r="CS3" s="480"/>
      <c r="CT3" s="480"/>
      <c r="CU3" s="480"/>
      <c r="CV3" s="480"/>
      <c r="CW3" s="481"/>
    </row>
    <row r="4" spans="2:101" ht="21" customHeight="1" x14ac:dyDescent="0.2">
      <c r="B4" s="467"/>
      <c r="C4" s="471" t="s">
        <v>61</v>
      </c>
      <c r="D4" s="472"/>
      <c r="E4" s="473"/>
      <c r="F4" s="474" t="s">
        <v>62</v>
      </c>
      <c r="G4" s="472"/>
      <c r="H4" s="472"/>
      <c r="I4" s="472"/>
      <c r="J4" s="472"/>
      <c r="K4" s="472"/>
      <c r="L4" s="475"/>
      <c r="M4" s="469" t="s">
        <v>52</v>
      </c>
      <c r="N4" s="471" t="s">
        <v>61</v>
      </c>
      <c r="O4" s="472"/>
      <c r="P4" s="473"/>
      <c r="Q4" s="474" t="s">
        <v>62</v>
      </c>
      <c r="R4" s="472"/>
      <c r="S4" s="472"/>
      <c r="T4" s="472"/>
      <c r="U4" s="472"/>
      <c r="V4" s="472"/>
      <c r="W4" s="473"/>
      <c r="X4" s="469" t="s">
        <v>52</v>
      </c>
      <c r="Y4" s="471" t="s">
        <v>61</v>
      </c>
      <c r="Z4" s="472"/>
      <c r="AA4" s="473"/>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93" t="s">
        <v>61</v>
      </c>
      <c r="AV4" s="491"/>
      <c r="AW4" s="492"/>
      <c r="AX4" s="490" t="s">
        <v>62</v>
      </c>
      <c r="AY4" s="491"/>
      <c r="AZ4" s="491"/>
      <c r="BA4" s="491"/>
      <c r="BB4" s="491"/>
      <c r="BC4" s="491"/>
      <c r="BD4" s="492"/>
      <c r="BE4" s="488" t="s">
        <v>52</v>
      </c>
      <c r="BF4" s="493" t="s">
        <v>61</v>
      </c>
      <c r="BG4" s="491"/>
      <c r="BH4" s="492"/>
      <c r="BI4" s="490" t="s">
        <v>62</v>
      </c>
      <c r="BJ4" s="491"/>
      <c r="BK4" s="491"/>
      <c r="BL4" s="491"/>
      <c r="BM4" s="491"/>
      <c r="BN4" s="491"/>
      <c r="BO4" s="492"/>
      <c r="BP4" s="488" t="s">
        <v>52</v>
      </c>
      <c r="BQ4" s="493" t="s">
        <v>61</v>
      </c>
      <c r="BR4" s="491"/>
      <c r="BS4" s="492"/>
      <c r="BT4" s="490" t="s">
        <v>62</v>
      </c>
      <c r="BU4" s="491"/>
      <c r="BV4" s="491"/>
      <c r="BW4" s="491"/>
      <c r="BX4" s="491"/>
      <c r="BY4" s="491"/>
      <c r="BZ4" s="492"/>
      <c r="CA4" s="488" t="s">
        <v>52</v>
      </c>
      <c r="CB4" s="493" t="s">
        <v>61</v>
      </c>
      <c r="CC4" s="491"/>
      <c r="CD4" s="492"/>
      <c r="CE4" s="490" t="s">
        <v>62</v>
      </c>
      <c r="CF4" s="491"/>
      <c r="CG4" s="491"/>
      <c r="CH4" s="491"/>
      <c r="CI4" s="491"/>
      <c r="CJ4" s="491"/>
      <c r="CK4" s="492"/>
      <c r="CL4" s="488" t="s">
        <v>52</v>
      </c>
      <c r="CM4" s="493" t="s">
        <v>61</v>
      </c>
      <c r="CN4" s="491"/>
      <c r="CO4" s="492"/>
      <c r="CP4" s="490" t="s">
        <v>62</v>
      </c>
      <c r="CQ4" s="491"/>
      <c r="CR4" s="491"/>
      <c r="CS4" s="491"/>
      <c r="CT4" s="491"/>
      <c r="CU4" s="491"/>
      <c r="CV4" s="492"/>
      <c r="CW4" s="488" t="s">
        <v>52</v>
      </c>
    </row>
    <row r="5" spans="2:101" ht="30" customHeight="1" thickBot="1" x14ac:dyDescent="0.25">
      <c r="B5" s="468"/>
      <c r="C5" s="177" t="s">
        <v>43</v>
      </c>
      <c r="D5" s="182" t="s">
        <v>44</v>
      </c>
      <c r="E5" s="205" t="s">
        <v>45</v>
      </c>
      <c r="F5" s="180" t="s">
        <v>83</v>
      </c>
      <c r="G5" s="178" t="s">
        <v>47</v>
      </c>
      <c r="H5" s="178" t="s">
        <v>48</v>
      </c>
      <c r="I5" s="178" t="s">
        <v>49</v>
      </c>
      <c r="J5" s="178" t="s">
        <v>50</v>
      </c>
      <c r="K5" s="178" t="s">
        <v>51</v>
      </c>
      <c r="L5" s="181" t="s">
        <v>45</v>
      </c>
      <c r="M5" s="470"/>
      <c r="N5" s="177" t="s">
        <v>43</v>
      </c>
      <c r="O5" s="178" t="s">
        <v>44</v>
      </c>
      <c r="P5" s="182" t="s">
        <v>45</v>
      </c>
      <c r="Q5" s="180" t="s">
        <v>83</v>
      </c>
      <c r="R5" s="178" t="s">
        <v>47</v>
      </c>
      <c r="S5" s="178" t="s">
        <v>48</v>
      </c>
      <c r="T5" s="178" t="s">
        <v>49</v>
      </c>
      <c r="U5" s="178" t="s">
        <v>50</v>
      </c>
      <c r="V5" s="178" t="s">
        <v>51</v>
      </c>
      <c r="W5" s="182" t="s">
        <v>45</v>
      </c>
      <c r="X5" s="470"/>
      <c r="Y5" s="177" t="s">
        <v>43</v>
      </c>
      <c r="Z5" s="178" t="s">
        <v>44</v>
      </c>
      <c r="AA5" s="182"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2" t="s">
        <v>45</v>
      </c>
      <c r="AX5" s="180" t="s">
        <v>83</v>
      </c>
      <c r="AY5" s="178" t="s">
        <v>47</v>
      </c>
      <c r="AZ5" s="178" t="s">
        <v>48</v>
      </c>
      <c r="BA5" s="178" t="s">
        <v>49</v>
      </c>
      <c r="BB5" s="178" t="s">
        <v>50</v>
      </c>
      <c r="BC5" s="178" t="s">
        <v>51</v>
      </c>
      <c r="BD5" s="182" t="s">
        <v>45</v>
      </c>
      <c r="BE5" s="489"/>
      <c r="BF5" s="177" t="s">
        <v>43</v>
      </c>
      <c r="BG5" s="178" t="s">
        <v>44</v>
      </c>
      <c r="BH5" s="182" t="s">
        <v>45</v>
      </c>
      <c r="BI5" s="180" t="s">
        <v>83</v>
      </c>
      <c r="BJ5" s="178" t="s">
        <v>47</v>
      </c>
      <c r="BK5" s="178" t="s">
        <v>48</v>
      </c>
      <c r="BL5" s="178" t="s">
        <v>49</v>
      </c>
      <c r="BM5" s="178" t="s">
        <v>50</v>
      </c>
      <c r="BN5" s="178" t="s">
        <v>51</v>
      </c>
      <c r="BO5" s="182" t="s">
        <v>45</v>
      </c>
      <c r="BP5" s="489"/>
      <c r="BQ5" s="177" t="s">
        <v>43</v>
      </c>
      <c r="BR5" s="178" t="s">
        <v>44</v>
      </c>
      <c r="BS5" s="182" t="s">
        <v>45</v>
      </c>
      <c r="BT5" s="180" t="s">
        <v>83</v>
      </c>
      <c r="BU5" s="178" t="s">
        <v>47</v>
      </c>
      <c r="BV5" s="178" t="s">
        <v>48</v>
      </c>
      <c r="BW5" s="178" t="s">
        <v>49</v>
      </c>
      <c r="BX5" s="178" t="s">
        <v>50</v>
      </c>
      <c r="BY5" s="178" t="s">
        <v>51</v>
      </c>
      <c r="BZ5" s="182" t="s">
        <v>45</v>
      </c>
      <c r="CA5" s="489"/>
      <c r="CB5" s="177" t="s">
        <v>43</v>
      </c>
      <c r="CC5" s="178" t="s">
        <v>44</v>
      </c>
      <c r="CD5" s="182" t="s">
        <v>45</v>
      </c>
      <c r="CE5" s="180" t="s">
        <v>83</v>
      </c>
      <c r="CF5" s="178" t="s">
        <v>47</v>
      </c>
      <c r="CG5" s="178" t="s">
        <v>48</v>
      </c>
      <c r="CH5" s="178" t="s">
        <v>49</v>
      </c>
      <c r="CI5" s="178" t="s">
        <v>50</v>
      </c>
      <c r="CJ5" s="178" t="s">
        <v>51</v>
      </c>
      <c r="CK5" s="182" t="s">
        <v>45</v>
      </c>
      <c r="CL5" s="489"/>
      <c r="CM5" s="177" t="s">
        <v>43</v>
      </c>
      <c r="CN5" s="178" t="s">
        <v>44</v>
      </c>
      <c r="CO5" s="182" t="s">
        <v>45</v>
      </c>
      <c r="CP5" s="180" t="s">
        <v>83</v>
      </c>
      <c r="CQ5" s="178" t="s">
        <v>47</v>
      </c>
      <c r="CR5" s="178" t="s">
        <v>48</v>
      </c>
      <c r="CS5" s="178" t="s">
        <v>49</v>
      </c>
      <c r="CT5" s="178" t="s">
        <v>50</v>
      </c>
      <c r="CU5" s="178" t="s">
        <v>51</v>
      </c>
      <c r="CV5" s="182" t="s">
        <v>45</v>
      </c>
      <c r="CW5" s="489"/>
    </row>
    <row r="6" spans="2:101" ht="21" customHeight="1" x14ac:dyDescent="0.2">
      <c r="B6" s="84" t="s">
        <v>4</v>
      </c>
      <c r="C6" s="183">
        <v>0</v>
      </c>
      <c r="D6" s="189">
        <v>0</v>
      </c>
      <c r="E6" s="206">
        <v>0</v>
      </c>
      <c r="F6" s="186">
        <v>0</v>
      </c>
      <c r="G6" s="184">
        <v>23</v>
      </c>
      <c r="H6" s="184">
        <v>20</v>
      </c>
      <c r="I6" s="184">
        <v>22</v>
      </c>
      <c r="J6" s="184">
        <v>28</v>
      </c>
      <c r="K6" s="184">
        <v>17</v>
      </c>
      <c r="L6" s="187">
        <v>110</v>
      </c>
      <c r="M6" s="188">
        <v>110</v>
      </c>
      <c r="N6" s="183">
        <v>0</v>
      </c>
      <c r="O6" s="184">
        <v>0</v>
      </c>
      <c r="P6" s="189">
        <v>0</v>
      </c>
      <c r="Q6" s="186">
        <v>0</v>
      </c>
      <c r="R6" s="184">
        <v>10</v>
      </c>
      <c r="S6" s="184">
        <v>30</v>
      </c>
      <c r="T6" s="184">
        <v>31</v>
      </c>
      <c r="U6" s="184">
        <v>32</v>
      </c>
      <c r="V6" s="184">
        <v>28</v>
      </c>
      <c r="W6" s="189">
        <v>131</v>
      </c>
      <c r="X6" s="188">
        <v>131</v>
      </c>
      <c r="Y6" s="183">
        <v>0</v>
      </c>
      <c r="Z6" s="184">
        <v>0</v>
      </c>
      <c r="AA6" s="189">
        <v>0</v>
      </c>
      <c r="AB6" s="186">
        <v>0</v>
      </c>
      <c r="AC6" s="184">
        <v>998</v>
      </c>
      <c r="AD6" s="184">
        <v>911</v>
      </c>
      <c r="AE6" s="184">
        <v>343</v>
      </c>
      <c r="AF6" s="184">
        <v>142</v>
      </c>
      <c r="AG6" s="184">
        <v>68</v>
      </c>
      <c r="AH6" s="189">
        <v>2462</v>
      </c>
      <c r="AI6" s="188">
        <v>2462</v>
      </c>
      <c r="AJ6" s="183">
        <v>1</v>
      </c>
      <c r="AK6" s="184">
        <v>0</v>
      </c>
      <c r="AL6" s="189">
        <v>1</v>
      </c>
      <c r="AM6" s="186">
        <v>0</v>
      </c>
      <c r="AN6" s="184">
        <v>62</v>
      </c>
      <c r="AO6" s="184">
        <v>70</v>
      </c>
      <c r="AP6" s="184">
        <v>78</v>
      </c>
      <c r="AQ6" s="184">
        <v>33</v>
      </c>
      <c r="AR6" s="184">
        <v>17</v>
      </c>
      <c r="AS6" s="189">
        <v>260</v>
      </c>
      <c r="AT6" s="188">
        <v>261</v>
      </c>
      <c r="AU6" s="183">
        <v>10</v>
      </c>
      <c r="AV6" s="184">
        <v>8</v>
      </c>
      <c r="AW6" s="189">
        <v>18</v>
      </c>
      <c r="AX6" s="186">
        <v>0</v>
      </c>
      <c r="AY6" s="184">
        <v>79</v>
      </c>
      <c r="AZ6" s="184">
        <v>76</v>
      </c>
      <c r="BA6" s="184">
        <v>73</v>
      </c>
      <c r="BB6" s="184">
        <v>42</v>
      </c>
      <c r="BC6" s="184">
        <v>23</v>
      </c>
      <c r="BD6" s="189">
        <v>293</v>
      </c>
      <c r="BE6" s="188">
        <v>311</v>
      </c>
      <c r="BF6" s="183">
        <v>0</v>
      </c>
      <c r="BG6" s="184">
        <v>1</v>
      </c>
      <c r="BH6" s="189">
        <v>1</v>
      </c>
      <c r="BI6" s="186">
        <v>0</v>
      </c>
      <c r="BJ6" s="184">
        <v>105</v>
      </c>
      <c r="BK6" s="184">
        <v>129</v>
      </c>
      <c r="BL6" s="184">
        <v>145</v>
      </c>
      <c r="BM6" s="184">
        <v>112</v>
      </c>
      <c r="BN6" s="184">
        <v>52</v>
      </c>
      <c r="BO6" s="187">
        <v>543</v>
      </c>
      <c r="BP6" s="188">
        <v>544</v>
      </c>
      <c r="BQ6" s="183">
        <v>0</v>
      </c>
      <c r="BR6" s="184">
        <v>0</v>
      </c>
      <c r="BS6" s="189">
        <v>0</v>
      </c>
      <c r="BT6" s="186">
        <v>0</v>
      </c>
      <c r="BU6" s="184">
        <v>2</v>
      </c>
      <c r="BV6" s="184">
        <v>5</v>
      </c>
      <c r="BW6" s="184">
        <v>5</v>
      </c>
      <c r="BX6" s="184">
        <v>6</v>
      </c>
      <c r="BY6" s="184">
        <v>3</v>
      </c>
      <c r="BZ6" s="189">
        <v>21</v>
      </c>
      <c r="CA6" s="188">
        <v>21</v>
      </c>
      <c r="CB6" s="183">
        <v>0</v>
      </c>
      <c r="CC6" s="184">
        <v>0</v>
      </c>
      <c r="CD6" s="189">
        <v>0</v>
      </c>
      <c r="CE6" s="186">
        <v>0</v>
      </c>
      <c r="CF6" s="184">
        <v>1</v>
      </c>
      <c r="CG6" s="184">
        <v>3</v>
      </c>
      <c r="CH6" s="184">
        <v>13</v>
      </c>
      <c r="CI6" s="184">
        <v>31</v>
      </c>
      <c r="CJ6" s="184">
        <v>14</v>
      </c>
      <c r="CK6" s="189">
        <v>62</v>
      </c>
      <c r="CL6" s="188">
        <v>62</v>
      </c>
      <c r="CM6" s="183">
        <v>0</v>
      </c>
      <c r="CN6" s="184">
        <v>0</v>
      </c>
      <c r="CO6" s="189">
        <v>0</v>
      </c>
      <c r="CP6" s="186">
        <v>0</v>
      </c>
      <c r="CQ6" s="184">
        <v>20</v>
      </c>
      <c r="CR6" s="184">
        <v>17</v>
      </c>
      <c r="CS6" s="184">
        <v>32</v>
      </c>
      <c r="CT6" s="184">
        <v>29</v>
      </c>
      <c r="CU6" s="184">
        <v>28</v>
      </c>
      <c r="CV6" s="189">
        <v>126</v>
      </c>
      <c r="CW6" s="188">
        <v>126</v>
      </c>
    </row>
    <row r="7" spans="2:101" ht="21" customHeight="1" x14ac:dyDescent="0.2">
      <c r="B7" s="95" t="s">
        <v>5</v>
      </c>
      <c r="C7" s="190">
        <v>0</v>
      </c>
      <c r="D7" s="196">
        <v>0</v>
      </c>
      <c r="E7" s="207">
        <v>0</v>
      </c>
      <c r="F7" s="193">
        <v>0</v>
      </c>
      <c r="G7" s="191">
        <v>11</v>
      </c>
      <c r="H7" s="191">
        <v>11</v>
      </c>
      <c r="I7" s="191">
        <v>9</v>
      </c>
      <c r="J7" s="191">
        <v>16</v>
      </c>
      <c r="K7" s="191">
        <v>8</v>
      </c>
      <c r="L7" s="194">
        <v>55</v>
      </c>
      <c r="M7" s="195">
        <v>55</v>
      </c>
      <c r="N7" s="190">
        <v>0</v>
      </c>
      <c r="O7" s="191">
        <v>0</v>
      </c>
      <c r="P7" s="196">
        <v>0</v>
      </c>
      <c r="Q7" s="193">
        <v>0</v>
      </c>
      <c r="R7" s="191">
        <v>5</v>
      </c>
      <c r="S7" s="191">
        <v>23</v>
      </c>
      <c r="T7" s="191">
        <v>22</v>
      </c>
      <c r="U7" s="191">
        <v>30</v>
      </c>
      <c r="V7" s="191">
        <v>23</v>
      </c>
      <c r="W7" s="196">
        <v>103</v>
      </c>
      <c r="X7" s="195">
        <v>103</v>
      </c>
      <c r="Y7" s="190">
        <v>0</v>
      </c>
      <c r="Z7" s="191">
        <v>0</v>
      </c>
      <c r="AA7" s="196">
        <v>0</v>
      </c>
      <c r="AB7" s="193">
        <v>0</v>
      </c>
      <c r="AC7" s="191">
        <v>401</v>
      </c>
      <c r="AD7" s="191">
        <v>445</v>
      </c>
      <c r="AE7" s="191">
        <v>178</v>
      </c>
      <c r="AF7" s="191">
        <v>67</v>
      </c>
      <c r="AG7" s="191">
        <v>33</v>
      </c>
      <c r="AH7" s="196">
        <v>1124</v>
      </c>
      <c r="AI7" s="195">
        <v>1124</v>
      </c>
      <c r="AJ7" s="190">
        <v>0</v>
      </c>
      <c r="AK7" s="191">
        <v>0</v>
      </c>
      <c r="AL7" s="196">
        <v>0</v>
      </c>
      <c r="AM7" s="193">
        <v>0</v>
      </c>
      <c r="AN7" s="191">
        <v>30</v>
      </c>
      <c r="AO7" s="191">
        <v>40</v>
      </c>
      <c r="AP7" s="191">
        <v>39</v>
      </c>
      <c r="AQ7" s="191">
        <v>15</v>
      </c>
      <c r="AR7" s="191">
        <v>7</v>
      </c>
      <c r="AS7" s="196">
        <v>131</v>
      </c>
      <c r="AT7" s="195">
        <v>131</v>
      </c>
      <c r="AU7" s="190">
        <v>3</v>
      </c>
      <c r="AV7" s="191">
        <v>3</v>
      </c>
      <c r="AW7" s="196">
        <v>6</v>
      </c>
      <c r="AX7" s="193">
        <v>0</v>
      </c>
      <c r="AY7" s="191">
        <v>32</v>
      </c>
      <c r="AZ7" s="191">
        <v>35</v>
      </c>
      <c r="BA7" s="191">
        <v>34</v>
      </c>
      <c r="BB7" s="191">
        <v>20</v>
      </c>
      <c r="BC7" s="191">
        <v>11</v>
      </c>
      <c r="BD7" s="196">
        <v>132</v>
      </c>
      <c r="BE7" s="195">
        <v>138</v>
      </c>
      <c r="BF7" s="190">
        <v>0</v>
      </c>
      <c r="BG7" s="191">
        <v>1</v>
      </c>
      <c r="BH7" s="196">
        <v>1</v>
      </c>
      <c r="BI7" s="193">
        <v>0</v>
      </c>
      <c r="BJ7" s="191">
        <v>37</v>
      </c>
      <c r="BK7" s="191">
        <v>55</v>
      </c>
      <c r="BL7" s="191">
        <v>44</v>
      </c>
      <c r="BM7" s="191">
        <v>34</v>
      </c>
      <c r="BN7" s="191">
        <v>24</v>
      </c>
      <c r="BO7" s="194">
        <v>194</v>
      </c>
      <c r="BP7" s="195">
        <v>195</v>
      </c>
      <c r="BQ7" s="190">
        <v>0</v>
      </c>
      <c r="BR7" s="191">
        <v>0</v>
      </c>
      <c r="BS7" s="196">
        <v>0</v>
      </c>
      <c r="BT7" s="193">
        <v>0</v>
      </c>
      <c r="BU7" s="191">
        <v>0</v>
      </c>
      <c r="BV7" s="191">
        <v>0</v>
      </c>
      <c r="BW7" s="191">
        <v>0</v>
      </c>
      <c r="BX7" s="191">
        <v>0</v>
      </c>
      <c r="BY7" s="191">
        <v>0</v>
      </c>
      <c r="BZ7" s="196">
        <v>0</v>
      </c>
      <c r="CA7" s="195">
        <v>0</v>
      </c>
      <c r="CB7" s="190">
        <v>0</v>
      </c>
      <c r="CC7" s="191">
        <v>0</v>
      </c>
      <c r="CD7" s="196">
        <v>0</v>
      </c>
      <c r="CE7" s="193">
        <v>0</v>
      </c>
      <c r="CF7" s="191">
        <v>1</v>
      </c>
      <c r="CG7" s="191">
        <v>1</v>
      </c>
      <c r="CH7" s="191">
        <v>2</v>
      </c>
      <c r="CI7" s="191">
        <v>5</v>
      </c>
      <c r="CJ7" s="191">
        <v>2</v>
      </c>
      <c r="CK7" s="196">
        <v>11</v>
      </c>
      <c r="CL7" s="195">
        <v>11</v>
      </c>
      <c r="CM7" s="190">
        <v>0</v>
      </c>
      <c r="CN7" s="191">
        <v>0</v>
      </c>
      <c r="CO7" s="196">
        <v>0</v>
      </c>
      <c r="CP7" s="193">
        <v>0</v>
      </c>
      <c r="CQ7" s="191">
        <v>2</v>
      </c>
      <c r="CR7" s="191">
        <v>6</v>
      </c>
      <c r="CS7" s="191">
        <v>8</v>
      </c>
      <c r="CT7" s="191">
        <v>7</v>
      </c>
      <c r="CU7" s="191">
        <v>11</v>
      </c>
      <c r="CV7" s="196">
        <v>34</v>
      </c>
      <c r="CW7" s="195">
        <v>34</v>
      </c>
    </row>
    <row r="8" spans="2:101" ht="21" customHeight="1" x14ac:dyDescent="0.2">
      <c r="B8" s="106" t="s">
        <v>6</v>
      </c>
      <c r="C8" s="190">
        <v>0</v>
      </c>
      <c r="D8" s="196">
        <v>0</v>
      </c>
      <c r="E8" s="207">
        <v>0</v>
      </c>
      <c r="F8" s="193">
        <v>0</v>
      </c>
      <c r="G8" s="191">
        <v>4</v>
      </c>
      <c r="H8" s="191">
        <v>4</v>
      </c>
      <c r="I8" s="191">
        <v>3</v>
      </c>
      <c r="J8" s="191">
        <v>4</v>
      </c>
      <c r="K8" s="191">
        <v>4</v>
      </c>
      <c r="L8" s="194">
        <v>19</v>
      </c>
      <c r="M8" s="195">
        <v>19</v>
      </c>
      <c r="N8" s="190">
        <v>0</v>
      </c>
      <c r="O8" s="191">
        <v>0</v>
      </c>
      <c r="P8" s="196">
        <v>0</v>
      </c>
      <c r="Q8" s="193">
        <v>0</v>
      </c>
      <c r="R8" s="191">
        <v>4</v>
      </c>
      <c r="S8" s="191">
        <v>5</v>
      </c>
      <c r="T8" s="191">
        <v>8</v>
      </c>
      <c r="U8" s="191">
        <v>2</v>
      </c>
      <c r="V8" s="191">
        <v>5</v>
      </c>
      <c r="W8" s="196">
        <v>24</v>
      </c>
      <c r="X8" s="195">
        <v>24</v>
      </c>
      <c r="Y8" s="190">
        <v>0</v>
      </c>
      <c r="Z8" s="191">
        <v>0</v>
      </c>
      <c r="AA8" s="196">
        <v>0</v>
      </c>
      <c r="AB8" s="193">
        <v>0</v>
      </c>
      <c r="AC8" s="191">
        <v>110</v>
      </c>
      <c r="AD8" s="191">
        <v>81</v>
      </c>
      <c r="AE8" s="191">
        <v>31</v>
      </c>
      <c r="AF8" s="191">
        <v>16</v>
      </c>
      <c r="AG8" s="191">
        <v>15</v>
      </c>
      <c r="AH8" s="196">
        <v>253</v>
      </c>
      <c r="AI8" s="195">
        <v>253</v>
      </c>
      <c r="AJ8" s="190">
        <v>0</v>
      </c>
      <c r="AK8" s="191">
        <v>0</v>
      </c>
      <c r="AL8" s="196">
        <v>0</v>
      </c>
      <c r="AM8" s="193">
        <v>0</v>
      </c>
      <c r="AN8" s="191">
        <v>12</v>
      </c>
      <c r="AO8" s="191">
        <v>14</v>
      </c>
      <c r="AP8" s="191">
        <v>17</v>
      </c>
      <c r="AQ8" s="191">
        <v>9</v>
      </c>
      <c r="AR8" s="191">
        <v>4</v>
      </c>
      <c r="AS8" s="196">
        <v>56</v>
      </c>
      <c r="AT8" s="195">
        <v>56</v>
      </c>
      <c r="AU8" s="190">
        <v>3</v>
      </c>
      <c r="AV8" s="191">
        <v>2</v>
      </c>
      <c r="AW8" s="196">
        <v>5</v>
      </c>
      <c r="AX8" s="193">
        <v>0</v>
      </c>
      <c r="AY8" s="191">
        <v>13</v>
      </c>
      <c r="AZ8" s="191">
        <v>9</v>
      </c>
      <c r="BA8" s="191">
        <v>3</v>
      </c>
      <c r="BB8" s="191">
        <v>6</v>
      </c>
      <c r="BC8" s="191">
        <v>2</v>
      </c>
      <c r="BD8" s="196">
        <v>33</v>
      </c>
      <c r="BE8" s="195">
        <v>38</v>
      </c>
      <c r="BF8" s="190">
        <v>0</v>
      </c>
      <c r="BG8" s="191">
        <v>0</v>
      </c>
      <c r="BH8" s="196">
        <v>0</v>
      </c>
      <c r="BI8" s="193">
        <v>0</v>
      </c>
      <c r="BJ8" s="191">
        <v>24</v>
      </c>
      <c r="BK8" s="191">
        <v>26</v>
      </c>
      <c r="BL8" s="191">
        <v>20</v>
      </c>
      <c r="BM8" s="191">
        <v>24</v>
      </c>
      <c r="BN8" s="191">
        <v>7</v>
      </c>
      <c r="BO8" s="194">
        <v>101</v>
      </c>
      <c r="BP8" s="195">
        <v>101</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0</v>
      </c>
      <c r="CG8" s="191">
        <v>0</v>
      </c>
      <c r="CH8" s="191">
        <v>3</v>
      </c>
      <c r="CI8" s="191">
        <v>8</v>
      </c>
      <c r="CJ8" s="191">
        <v>4</v>
      </c>
      <c r="CK8" s="196">
        <v>15</v>
      </c>
      <c r="CL8" s="195">
        <v>15</v>
      </c>
      <c r="CM8" s="190">
        <v>0</v>
      </c>
      <c r="CN8" s="191">
        <v>0</v>
      </c>
      <c r="CO8" s="196">
        <v>0</v>
      </c>
      <c r="CP8" s="193">
        <v>0</v>
      </c>
      <c r="CQ8" s="191">
        <v>9</v>
      </c>
      <c r="CR8" s="191">
        <v>3</v>
      </c>
      <c r="CS8" s="191">
        <v>7</v>
      </c>
      <c r="CT8" s="191">
        <v>7</v>
      </c>
      <c r="CU8" s="191">
        <v>4</v>
      </c>
      <c r="CV8" s="196">
        <v>30</v>
      </c>
      <c r="CW8" s="195">
        <v>30</v>
      </c>
    </row>
    <row r="9" spans="2:101" ht="21" customHeight="1" x14ac:dyDescent="0.2">
      <c r="B9" s="106" t="s">
        <v>14</v>
      </c>
      <c r="C9" s="190">
        <v>0</v>
      </c>
      <c r="D9" s="196">
        <v>0</v>
      </c>
      <c r="E9" s="207">
        <v>0</v>
      </c>
      <c r="F9" s="193">
        <v>0</v>
      </c>
      <c r="G9" s="191">
        <v>1</v>
      </c>
      <c r="H9" s="191">
        <v>2</v>
      </c>
      <c r="I9" s="191">
        <v>3</v>
      </c>
      <c r="J9" s="191">
        <v>3</v>
      </c>
      <c r="K9" s="191">
        <v>3</v>
      </c>
      <c r="L9" s="194">
        <v>12</v>
      </c>
      <c r="M9" s="195">
        <v>12</v>
      </c>
      <c r="N9" s="190">
        <v>0</v>
      </c>
      <c r="O9" s="191">
        <v>0</v>
      </c>
      <c r="P9" s="196">
        <v>0</v>
      </c>
      <c r="Q9" s="193">
        <v>0</v>
      </c>
      <c r="R9" s="191">
        <v>0</v>
      </c>
      <c r="S9" s="191">
        <v>0</v>
      </c>
      <c r="T9" s="191">
        <v>0</v>
      </c>
      <c r="U9" s="191">
        <v>0</v>
      </c>
      <c r="V9" s="191">
        <v>0</v>
      </c>
      <c r="W9" s="196">
        <v>0</v>
      </c>
      <c r="X9" s="195">
        <v>0</v>
      </c>
      <c r="Y9" s="190">
        <v>0</v>
      </c>
      <c r="Z9" s="191">
        <v>0</v>
      </c>
      <c r="AA9" s="196">
        <v>0</v>
      </c>
      <c r="AB9" s="193">
        <v>0</v>
      </c>
      <c r="AC9" s="191">
        <v>87</v>
      </c>
      <c r="AD9" s="191">
        <v>81</v>
      </c>
      <c r="AE9" s="191">
        <v>37</v>
      </c>
      <c r="AF9" s="191">
        <v>17</v>
      </c>
      <c r="AG9" s="191">
        <v>2</v>
      </c>
      <c r="AH9" s="196">
        <v>224</v>
      </c>
      <c r="AI9" s="195">
        <v>224</v>
      </c>
      <c r="AJ9" s="190">
        <v>0</v>
      </c>
      <c r="AK9" s="191">
        <v>0</v>
      </c>
      <c r="AL9" s="196">
        <v>0</v>
      </c>
      <c r="AM9" s="193">
        <v>0</v>
      </c>
      <c r="AN9" s="191">
        <v>3</v>
      </c>
      <c r="AO9" s="191">
        <v>5</v>
      </c>
      <c r="AP9" s="191">
        <v>1</v>
      </c>
      <c r="AQ9" s="191">
        <v>0</v>
      </c>
      <c r="AR9" s="191">
        <v>0</v>
      </c>
      <c r="AS9" s="196">
        <v>9</v>
      </c>
      <c r="AT9" s="195">
        <v>9</v>
      </c>
      <c r="AU9" s="190">
        <v>0</v>
      </c>
      <c r="AV9" s="191">
        <v>1</v>
      </c>
      <c r="AW9" s="196">
        <v>1</v>
      </c>
      <c r="AX9" s="193">
        <v>0</v>
      </c>
      <c r="AY9" s="191">
        <v>6</v>
      </c>
      <c r="AZ9" s="191">
        <v>5</v>
      </c>
      <c r="BA9" s="191">
        <v>8</v>
      </c>
      <c r="BB9" s="191">
        <v>4</v>
      </c>
      <c r="BC9" s="191">
        <v>2</v>
      </c>
      <c r="BD9" s="196">
        <v>25</v>
      </c>
      <c r="BE9" s="195">
        <v>26</v>
      </c>
      <c r="BF9" s="190">
        <v>0</v>
      </c>
      <c r="BG9" s="191">
        <v>0</v>
      </c>
      <c r="BH9" s="196">
        <v>0</v>
      </c>
      <c r="BI9" s="193">
        <v>0</v>
      </c>
      <c r="BJ9" s="191">
        <v>7</v>
      </c>
      <c r="BK9" s="191">
        <v>8</v>
      </c>
      <c r="BL9" s="191">
        <v>15</v>
      </c>
      <c r="BM9" s="191">
        <v>13</v>
      </c>
      <c r="BN9" s="191">
        <v>4</v>
      </c>
      <c r="BO9" s="194">
        <v>47</v>
      </c>
      <c r="BP9" s="195">
        <v>47</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1</v>
      </c>
      <c r="CI9" s="191">
        <v>2</v>
      </c>
      <c r="CJ9" s="191">
        <v>0</v>
      </c>
      <c r="CK9" s="196">
        <v>3</v>
      </c>
      <c r="CL9" s="195">
        <v>3</v>
      </c>
      <c r="CM9" s="190">
        <v>0</v>
      </c>
      <c r="CN9" s="191">
        <v>0</v>
      </c>
      <c r="CO9" s="196">
        <v>0</v>
      </c>
      <c r="CP9" s="193">
        <v>0</v>
      </c>
      <c r="CQ9" s="191">
        <v>2</v>
      </c>
      <c r="CR9" s="191">
        <v>0</v>
      </c>
      <c r="CS9" s="191">
        <v>1</v>
      </c>
      <c r="CT9" s="191">
        <v>3</v>
      </c>
      <c r="CU9" s="191">
        <v>3</v>
      </c>
      <c r="CV9" s="196">
        <v>9</v>
      </c>
      <c r="CW9" s="195">
        <v>9</v>
      </c>
    </row>
    <row r="10" spans="2:101" ht="21" customHeight="1" x14ac:dyDescent="0.2">
      <c r="B10" s="106" t="s">
        <v>7</v>
      </c>
      <c r="C10" s="190">
        <v>0</v>
      </c>
      <c r="D10" s="196">
        <v>0</v>
      </c>
      <c r="E10" s="207">
        <v>0</v>
      </c>
      <c r="F10" s="193">
        <v>0</v>
      </c>
      <c r="G10" s="191">
        <v>1</v>
      </c>
      <c r="H10" s="191">
        <v>0</v>
      </c>
      <c r="I10" s="191">
        <v>0</v>
      </c>
      <c r="J10" s="191">
        <v>0</v>
      </c>
      <c r="K10" s="191">
        <v>0</v>
      </c>
      <c r="L10" s="194">
        <v>1</v>
      </c>
      <c r="M10" s="195">
        <v>1</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76</v>
      </c>
      <c r="AD10" s="191">
        <v>65</v>
      </c>
      <c r="AE10" s="191">
        <v>17</v>
      </c>
      <c r="AF10" s="191">
        <v>3</v>
      </c>
      <c r="AG10" s="191">
        <v>2</v>
      </c>
      <c r="AH10" s="196">
        <v>163</v>
      </c>
      <c r="AI10" s="195">
        <v>163</v>
      </c>
      <c r="AJ10" s="190">
        <v>0</v>
      </c>
      <c r="AK10" s="191">
        <v>0</v>
      </c>
      <c r="AL10" s="196">
        <v>0</v>
      </c>
      <c r="AM10" s="193">
        <v>0</v>
      </c>
      <c r="AN10" s="191">
        <v>9</v>
      </c>
      <c r="AO10" s="191">
        <v>5</v>
      </c>
      <c r="AP10" s="191">
        <v>5</v>
      </c>
      <c r="AQ10" s="191">
        <v>4</v>
      </c>
      <c r="AR10" s="191">
        <v>2</v>
      </c>
      <c r="AS10" s="196">
        <v>25</v>
      </c>
      <c r="AT10" s="195">
        <v>25</v>
      </c>
      <c r="AU10" s="190">
        <v>0</v>
      </c>
      <c r="AV10" s="191">
        <v>0</v>
      </c>
      <c r="AW10" s="196">
        <v>0</v>
      </c>
      <c r="AX10" s="193">
        <v>0</v>
      </c>
      <c r="AY10" s="191">
        <v>5</v>
      </c>
      <c r="AZ10" s="191">
        <v>2</v>
      </c>
      <c r="BA10" s="191">
        <v>2</v>
      </c>
      <c r="BB10" s="191">
        <v>1</v>
      </c>
      <c r="BC10" s="191">
        <v>0</v>
      </c>
      <c r="BD10" s="196">
        <v>10</v>
      </c>
      <c r="BE10" s="195">
        <v>10</v>
      </c>
      <c r="BF10" s="190">
        <v>0</v>
      </c>
      <c r="BG10" s="191">
        <v>0</v>
      </c>
      <c r="BH10" s="196">
        <v>0</v>
      </c>
      <c r="BI10" s="193">
        <v>0</v>
      </c>
      <c r="BJ10" s="191">
        <v>9</v>
      </c>
      <c r="BK10" s="191">
        <v>8</v>
      </c>
      <c r="BL10" s="191">
        <v>11</v>
      </c>
      <c r="BM10" s="191">
        <v>7</v>
      </c>
      <c r="BN10" s="191">
        <v>2</v>
      </c>
      <c r="BO10" s="194">
        <v>37</v>
      </c>
      <c r="BP10" s="195">
        <v>37</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1</v>
      </c>
      <c r="CR10" s="191">
        <v>0</v>
      </c>
      <c r="CS10" s="191">
        <v>2</v>
      </c>
      <c r="CT10" s="191">
        <v>2</v>
      </c>
      <c r="CU10" s="191">
        <v>4</v>
      </c>
      <c r="CV10" s="196">
        <v>9</v>
      </c>
      <c r="CW10" s="195">
        <v>9</v>
      </c>
    </row>
    <row r="11" spans="2:101" ht="21" customHeight="1" x14ac:dyDescent="0.2">
      <c r="B11" s="106" t="s">
        <v>8</v>
      </c>
      <c r="C11" s="190">
        <v>0</v>
      </c>
      <c r="D11" s="196">
        <v>0</v>
      </c>
      <c r="E11" s="207">
        <v>0</v>
      </c>
      <c r="F11" s="193">
        <v>0</v>
      </c>
      <c r="G11" s="191">
        <v>2</v>
      </c>
      <c r="H11" s="191">
        <v>0</v>
      </c>
      <c r="I11" s="191">
        <v>0</v>
      </c>
      <c r="J11" s="191">
        <v>0</v>
      </c>
      <c r="K11" s="191">
        <v>0</v>
      </c>
      <c r="L11" s="194">
        <v>2</v>
      </c>
      <c r="M11" s="195">
        <v>2</v>
      </c>
      <c r="N11" s="190">
        <v>0</v>
      </c>
      <c r="O11" s="191">
        <v>0</v>
      </c>
      <c r="P11" s="196">
        <v>0</v>
      </c>
      <c r="Q11" s="193">
        <v>0</v>
      </c>
      <c r="R11" s="191">
        <v>0</v>
      </c>
      <c r="S11" s="191">
        <v>0</v>
      </c>
      <c r="T11" s="191">
        <v>0</v>
      </c>
      <c r="U11" s="191">
        <v>0</v>
      </c>
      <c r="V11" s="191">
        <v>0</v>
      </c>
      <c r="W11" s="196">
        <v>0</v>
      </c>
      <c r="X11" s="195">
        <v>0</v>
      </c>
      <c r="Y11" s="190">
        <v>0</v>
      </c>
      <c r="Z11" s="191">
        <v>0</v>
      </c>
      <c r="AA11" s="196">
        <v>0</v>
      </c>
      <c r="AB11" s="193">
        <v>0</v>
      </c>
      <c r="AC11" s="191">
        <v>33</v>
      </c>
      <c r="AD11" s="191">
        <v>41</v>
      </c>
      <c r="AE11" s="191">
        <v>9</v>
      </c>
      <c r="AF11" s="191">
        <v>5</v>
      </c>
      <c r="AG11" s="191">
        <v>2</v>
      </c>
      <c r="AH11" s="196">
        <v>90</v>
      </c>
      <c r="AI11" s="195">
        <v>90</v>
      </c>
      <c r="AJ11" s="190">
        <v>0</v>
      </c>
      <c r="AK11" s="191">
        <v>0</v>
      </c>
      <c r="AL11" s="196">
        <v>0</v>
      </c>
      <c r="AM11" s="193">
        <v>0</v>
      </c>
      <c r="AN11" s="191">
        <v>0</v>
      </c>
      <c r="AO11" s="191">
        <v>0</v>
      </c>
      <c r="AP11" s="191">
        <v>0</v>
      </c>
      <c r="AQ11" s="191">
        <v>0</v>
      </c>
      <c r="AR11" s="191">
        <v>0</v>
      </c>
      <c r="AS11" s="196">
        <v>0</v>
      </c>
      <c r="AT11" s="195">
        <v>0</v>
      </c>
      <c r="AU11" s="190">
        <v>0</v>
      </c>
      <c r="AV11" s="191">
        <v>1</v>
      </c>
      <c r="AW11" s="196">
        <v>1</v>
      </c>
      <c r="AX11" s="193">
        <v>0</v>
      </c>
      <c r="AY11" s="191">
        <v>1</v>
      </c>
      <c r="AZ11" s="191">
        <v>1</v>
      </c>
      <c r="BA11" s="191">
        <v>2</v>
      </c>
      <c r="BB11" s="191">
        <v>1</v>
      </c>
      <c r="BC11" s="191">
        <v>0</v>
      </c>
      <c r="BD11" s="196">
        <v>5</v>
      </c>
      <c r="BE11" s="195">
        <v>6</v>
      </c>
      <c r="BF11" s="190">
        <v>0</v>
      </c>
      <c r="BG11" s="191">
        <v>0</v>
      </c>
      <c r="BH11" s="196">
        <v>0</v>
      </c>
      <c r="BI11" s="193">
        <v>0</v>
      </c>
      <c r="BJ11" s="191">
        <v>5</v>
      </c>
      <c r="BK11" s="191">
        <v>1</v>
      </c>
      <c r="BL11" s="191">
        <v>5</v>
      </c>
      <c r="BM11" s="191">
        <v>5</v>
      </c>
      <c r="BN11" s="191">
        <v>1</v>
      </c>
      <c r="BO11" s="194">
        <v>17</v>
      </c>
      <c r="BP11" s="195">
        <v>17</v>
      </c>
      <c r="BQ11" s="190">
        <v>0</v>
      </c>
      <c r="BR11" s="191">
        <v>0</v>
      </c>
      <c r="BS11" s="196">
        <v>0</v>
      </c>
      <c r="BT11" s="193">
        <v>0</v>
      </c>
      <c r="BU11" s="191">
        <v>0</v>
      </c>
      <c r="BV11" s="191">
        <v>0</v>
      </c>
      <c r="BW11" s="191">
        <v>2</v>
      </c>
      <c r="BX11" s="191">
        <v>0</v>
      </c>
      <c r="BY11" s="191">
        <v>2</v>
      </c>
      <c r="BZ11" s="196">
        <v>4</v>
      </c>
      <c r="CA11" s="195">
        <v>4</v>
      </c>
      <c r="CB11" s="190">
        <v>0</v>
      </c>
      <c r="CC11" s="191">
        <v>0</v>
      </c>
      <c r="CD11" s="196">
        <v>0</v>
      </c>
      <c r="CE11" s="193">
        <v>0</v>
      </c>
      <c r="CF11" s="191">
        <v>0</v>
      </c>
      <c r="CG11" s="191">
        <v>0</v>
      </c>
      <c r="CH11" s="191">
        <v>0</v>
      </c>
      <c r="CI11" s="191">
        <v>1</v>
      </c>
      <c r="CJ11" s="191">
        <v>0</v>
      </c>
      <c r="CK11" s="196">
        <v>1</v>
      </c>
      <c r="CL11" s="195">
        <v>1</v>
      </c>
      <c r="CM11" s="190">
        <v>0</v>
      </c>
      <c r="CN11" s="191">
        <v>0</v>
      </c>
      <c r="CO11" s="196">
        <v>0</v>
      </c>
      <c r="CP11" s="193">
        <v>0</v>
      </c>
      <c r="CQ11" s="191">
        <v>3</v>
      </c>
      <c r="CR11" s="191">
        <v>1</v>
      </c>
      <c r="CS11" s="191">
        <v>0</v>
      </c>
      <c r="CT11" s="191">
        <v>2</v>
      </c>
      <c r="CU11" s="191">
        <v>0</v>
      </c>
      <c r="CV11" s="196">
        <v>6</v>
      </c>
      <c r="CW11" s="195">
        <v>6</v>
      </c>
    </row>
    <row r="12" spans="2:101" ht="21" customHeight="1" x14ac:dyDescent="0.2">
      <c r="B12" s="106" t="s">
        <v>9</v>
      </c>
      <c r="C12" s="190">
        <v>0</v>
      </c>
      <c r="D12" s="196">
        <v>0</v>
      </c>
      <c r="E12" s="207">
        <v>0</v>
      </c>
      <c r="F12" s="193">
        <v>0</v>
      </c>
      <c r="G12" s="191">
        <v>0</v>
      </c>
      <c r="H12" s="191">
        <v>0</v>
      </c>
      <c r="I12" s="191">
        <v>0</v>
      </c>
      <c r="J12" s="191">
        <v>0</v>
      </c>
      <c r="K12" s="191">
        <v>0</v>
      </c>
      <c r="L12" s="194">
        <v>0</v>
      </c>
      <c r="M12" s="195">
        <v>0</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47</v>
      </c>
      <c r="AD12" s="191">
        <v>20</v>
      </c>
      <c r="AE12" s="191">
        <v>14</v>
      </c>
      <c r="AF12" s="191">
        <v>7</v>
      </c>
      <c r="AG12" s="191">
        <v>3</v>
      </c>
      <c r="AH12" s="196">
        <v>91</v>
      </c>
      <c r="AI12" s="195">
        <v>91</v>
      </c>
      <c r="AJ12" s="190">
        <v>0</v>
      </c>
      <c r="AK12" s="191">
        <v>0</v>
      </c>
      <c r="AL12" s="196">
        <v>0</v>
      </c>
      <c r="AM12" s="193">
        <v>0</v>
      </c>
      <c r="AN12" s="191">
        <v>0</v>
      </c>
      <c r="AO12" s="191">
        <v>0</v>
      </c>
      <c r="AP12" s="191">
        <v>0</v>
      </c>
      <c r="AQ12" s="191">
        <v>0</v>
      </c>
      <c r="AR12" s="191">
        <v>1</v>
      </c>
      <c r="AS12" s="196">
        <v>1</v>
      </c>
      <c r="AT12" s="195">
        <v>1</v>
      </c>
      <c r="AU12" s="190">
        <v>1</v>
      </c>
      <c r="AV12" s="191">
        <v>0</v>
      </c>
      <c r="AW12" s="196">
        <v>1</v>
      </c>
      <c r="AX12" s="193">
        <v>0</v>
      </c>
      <c r="AY12" s="191">
        <v>1</v>
      </c>
      <c r="AZ12" s="191">
        <v>3</v>
      </c>
      <c r="BA12" s="191">
        <v>1</v>
      </c>
      <c r="BB12" s="191">
        <v>0</v>
      </c>
      <c r="BC12" s="191">
        <v>0</v>
      </c>
      <c r="BD12" s="196">
        <v>5</v>
      </c>
      <c r="BE12" s="195">
        <v>6</v>
      </c>
      <c r="BF12" s="190">
        <v>0</v>
      </c>
      <c r="BG12" s="191">
        <v>0</v>
      </c>
      <c r="BH12" s="196">
        <v>0</v>
      </c>
      <c r="BI12" s="193">
        <v>0</v>
      </c>
      <c r="BJ12" s="191">
        <v>2</v>
      </c>
      <c r="BK12" s="191">
        <v>2</v>
      </c>
      <c r="BL12" s="191">
        <v>8</v>
      </c>
      <c r="BM12" s="191">
        <v>3</v>
      </c>
      <c r="BN12" s="191">
        <v>0</v>
      </c>
      <c r="BO12" s="194">
        <v>15</v>
      </c>
      <c r="BP12" s="195">
        <v>15</v>
      </c>
      <c r="BQ12" s="190">
        <v>0</v>
      </c>
      <c r="BR12" s="191">
        <v>0</v>
      </c>
      <c r="BS12" s="196">
        <v>0</v>
      </c>
      <c r="BT12" s="193">
        <v>0</v>
      </c>
      <c r="BU12" s="191">
        <v>0</v>
      </c>
      <c r="BV12" s="191">
        <v>1</v>
      </c>
      <c r="BW12" s="191">
        <v>0</v>
      </c>
      <c r="BX12" s="191">
        <v>0</v>
      </c>
      <c r="BY12" s="191">
        <v>0</v>
      </c>
      <c r="BZ12" s="196">
        <v>1</v>
      </c>
      <c r="CA12" s="195">
        <v>1</v>
      </c>
      <c r="CB12" s="190">
        <v>0</v>
      </c>
      <c r="CC12" s="191">
        <v>0</v>
      </c>
      <c r="CD12" s="196">
        <v>0</v>
      </c>
      <c r="CE12" s="193">
        <v>0</v>
      </c>
      <c r="CF12" s="191">
        <v>0</v>
      </c>
      <c r="CG12" s="191">
        <v>0</v>
      </c>
      <c r="CH12" s="191">
        <v>0</v>
      </c>
      <c r="CI12" s="191">
        <v>0</v>
      </c>
      <c r="CJ12" s="191">
        <v>0</v>
      </c>
      <c r="CK12" s="196">
        <v>0</v>
      </c>
      <c r="CL12" s="195">
        <v>0</v>
      </c>
      <c r="CM12" s="190">
        <v>0</v>
      </c>
      <c r="CN12" s="191">
        <v>0</v>
      </c>
      <c r="CO12" s="196">
        <v>0</v>
      </c>
      <c r="CP12" s="193">
        <v>0</v>
      </c>
      <c r="CQ12" s="191">
        <v>0</v>
      </c>
      <c r="CR12" s="191">
        <v>1</v>
      </c>
      <c r="CS12" s="191">
        <v>2</v>
      </c>
      <c r="CT12" s="191">
        <v>0</v>
      </c>
      <c r="CU12" s="191">
        <v>0</v>
      </c>
      <c r="CV12" s="196">
        <v>3</v>
      </c>
      <c r="CW12" s="195">
        <v>3</v>
      </c>
    </row>
    <row r="13" spans="2:101" ht="21" customHeight="1" x14ac:dyDescent="0.2">
      <c r="B13" s="106" t="s">
        <v>10</v>
      </c>
      <c r="C13" s="190">
        <v>0</v>
      </c>
      <c r="D13" s="196">
        <v>0</v>
      </c>
      <c r="E13" s="207">
        <v>0</v>
      </c>
      <c r="F13" s="193">
        <v>0</v>
      </c>
      <c r="G13" s="191">
        <v>1</v>
      </c>
      <c r="H13" s="191">
        <v>1</v>
      </c>
      <c r="I13" s="191">
        <v>2</v>
      </c>
      <c r="J13" s="191">
        <v>1</v>
      </c>
      <c r="K13" s="191">
        <v>0</v>
      </c>
      <c r="L13" s="194">
        <v>5</v>
      </c>
      <c r="M13" s="195">
        <v>5</v>
      </c>
      <c r="N13" s="190">
        <v>0</v>
      </c>
      <c r="O13" s="191">
        <v>0</v>
      </c>
      <c r="P13" s="196">
        <v>0</v>
      </c>
      <c r="Q13" s="193">
        <v>0</v>
      </c>
      <c r="R13" s="191">
        <v>1</v>
      </c>
      <c r="S13" s="191">
        <v>1</v>
      </c>
      <c r="T13" s="191">
        <v>1</v>
      </c>
      <c r="U13" s="191">
        <v>0</v>
      </c>
      <c r="V13" s="191">
        <v>0</v>
      </c>
      <c r="W13" s="196">
        <v>3</v>
      </c>
      <c r="X13" s="195">
        <v>3</v>
      </c>
      <c r="Y13" s="190">
        <v>0</v>
      </c>
      <c r="Z13" s="191">
        <v>0</v>
      </c>
      <c r="AA13" s="196">
        <v>0</v>
      </c>
      <c r="AB13" s="193">
        <v>0</v>
      </c>
      <c r="AC13" s="191">
        <v>36</v>
      </c>
      <c r="AD13" s="191">
        <v>17</v>
      </c>
      <c r="AE13" s="191">
        <v>5</v>
      </c>
      <c r="AF13" s="191">
        <v>4</v>
      </c>
      <c r="AG13" s="191">
        <v>2</v>
      </c>
      <c r="AH13" s="196">
        <v>64</v>
      </c>
      <c r="AI13" s="195">
        <v>64</v>
      </c>
      <c r="AJ13" s="190">
        <v>0</v>
      </c>
      <c r="AK13" s="191">
        <v>0</v>
      </c>
      <c r="AL13" s="196">
        <v>0</v>
      </c>
      <c r="AM13" s="193">
        <v>0</v>
      </c>
      <c r="AN13" s="191">
        <v>5</v>
      </c>
      <c r="AO13" s="191">
        <v>0</v>
      </c>
      <c r="AP13" s="191">
        <v>1</v>
      </c>
      <c r="AQ13" s="191">
        <v>0</v>
      </c>
      <c r="AR13" s="191">
        <v>0</v>
      </c>
      <c r="AS13" s="196">
        <v>6</v>
      </c>
      <c r="AT13" s="195">
        <v>6</v>
      </c>
      <c r="AU13" s="190">
        <v>1</v>
      </c>
      <c r="AV13" s="191">
        <v>0</v>
      </c>
      <c r="AW13" s="196">
        <v>1</v>
      </c>
      <c r="AX13" s="193">
        <v>0</v>
      </c>
      <c r="AY13" s="191">
        <v>6</v>
      </c>
      <c r="AZ13" s="191">
        <v>1</v>
      </c>
      <c r="BA13" s="191">
        <v>2</v>
      </c>
      <c r="BB13" s="191">
        <v>2</v>
      </c>
      <c r="BC13" s="191">
        <v>0</v>
      </c>
      <c r="BD13" s="196">
        <v>11</v>
      </c>
      <c r="BE13" s="195">
        <v>12</v>
      </c>
      <c r="BF13" s="190">
        <v>0</v>
      </c>
      <c r="BG13" s="191">
        <v>0</v>
      </c>
      <c r="BH13" s="196">
        <v>0</v>
      </c>
      <c r="BI13" s="193">
        <v>0</v>
      </c>
      <c r="BJ13" s="191">
        <v>7</v>
      </c>
      <c r="BK13" s="191">
        <v>6</v>
      </c>
      <c r="BL13" s="191">
        <v>9</v>
      </c>
      <c r="BM13" s="191">
        <v>5</v>
      </c>
      <c r="BN13" s="191">
        <v>5</v>
      </c>
      <c r="BO13" s="194">
        <v>32</v>
      </c>
      <c r="BP13" s="195">
        <v>32</v>
      </c>
      <c r="BQ13" s="190">
        <v>0</v>
      </c>
      <c r="BR13" s="191">
        <v>0</v>
      </c>
      <c r="BS13" s="196">
        <v>0</v>
      </c>
      <c r="BT13" s="193">
        <v>0</v>
      </c>
      <c r="BU13" s="191">
        <v>2</v>
      </c>
      <c r="BV13" s="191">
        <v>1</v>
      </c>
      <c r="BW13" s="191">
        <v>2</v>
      </c>
      <c r="BX13" s="191">
        <v>3</v>
      </c>
      <c r="BY13" s="191">
        <v>1</v>
      </c>
      <c r="BZ13" s="196">
        <v>9</v>
      </c>
      <c r="CA13" s="195">
        <v>9</v>
      </c>
      <c r="CB13" s="190">
        <v>0</v>
      </c>
      <c r="CC13" s="191">
        <v>0</v>
      </c>
      <c r="CD13" s="196">
        <v>0</v>
      </c>
      <c r="CE13" s="193">
        <v>0</v>
      </c>
      <c r="CF13" s="191">
        <v>0</v>
      </c>
      <c r="CG13" s="191">
        <v>1</v>
      </c>
      <c r="CH13" s="191">
        <v>1</v>
      </c>
      <c r="CI13" s="191">
        <v>3</v>
      </c>
      <c r="CJ13" s="191">
        <v>6</v>
      </c>
      <c r="CK13" s="196">
        <v>11</v>
      </c>
      <c r="CL13" s="195">
        <v>11</v>
      </c>
      <c r="CM13" s="190">
        <v>0</v>
      </c>
      <c r="CN13" s="191">
        <v>0</v>
      </c>
      <c r="CO13" s="196">
        <v>0</v>
      </c>
      <c r="CP13" s="193">
        <v>0</v>
      </c>
      <c r="CQ13" s="191">
        <v>1</v>
      </c>
      <c r="CR13" s="191">
        <v>3</v>
      </c>
      <c r="CS13" s="191">
        <v>2</v>
      </c>
      <c r="CT13" s="191">
        <v>3</v>
      </c>
      <c r="CU13" s="191">
        <v>2</v>
      </c>
      <c r="CV13" s="196">
        <v>11</v>
      </c>
      <c r="CW13" s="195">
        <v>11</v>
      </c>
    </row>
    <row r="14" spans="2:101" ht="21" customHeight="1" x14ac:dyDescent="0.2">
      <c r="B14" s="106" t="s">
        <v>11</v>
      </c>
      <c r="C14" s="190">
        <v>0</v>
      </c>
      <c r="D14" s="196">
        <v>0</v>
      </c>
      <c r="E14" s="207">
        <v>0</v>
      </c>
      <c r="F14" s="193">
        <v>0</v>
      </c>
      <c r="G14" s="191">
        <v>2</v>
      </c>
      <c r="H14" s="191">
        <v>0</v>
      </c>
      <c r="I14" s="191">
        <v>0</v>
      </c>
      <c r="J14" s="191">
        <v>0</v>
      </c>
      <c r="K14" s="191">
        <v>0</v>
      </c>
      <c r="L14" s="194">
        <v>2</v>
      </c>
      <c r="M14" s="195">
        <v>2</v>
      </c>
      <c r="N14" s="190">
        <v>0</v>
      </c>
      <c r="O14" s="191">
        <v>0</v>
      </c>
      <c r="P14" s="196">
        <v>0</v>
      </c>
      <c r="Q14" s="193">
        <v>0</v>
      </c>
      <c r="R14" s="191">
        <v>0</v>
      </c>
      <c r="S14" s="191">
        <v>1</v>
      </c>
      <c r="T14" s="191">
        <v>0</v>
      </c>
      <c r="U14" s="191">
        <v>0</v>
      </c>
      <c r="V14" s="191">
        <v>0</v>
      </c>
      <c r="W14" s="196">
        <v>1</v>
      </c>
      <c r="X14" s="195">
        <v>1</v>
      </c>
      <c r="Y14" s="190">
        <v>0</v>
      </c>
      <c r="Z14" s="191">
        <v>0</v>
      </c>
      <c r="AA14" s="196">
        <v>0</v>
      </c>
      <c r="AB14" s="193">
        <v>0</v>
      </c>
      <c r="AC14" s="191">
        <v>19</v>
      </c>
      <c r="AD14" s="191">
        <v>7</v>
      </c>
      <c r="AE14" s="191">
        <v>5</v>
      </c>
      <c r="AF14" s="191">
        <v>2</v>
      </c>
      <c r="AG14" s="191">
        <v>1</v>
      </c>
      <c r="AH14" s="196">
        <v>34</v>
      </c>
      <c r="AI14" s="195">
        <v>34</v>
      </c>
      <c r="AJ14" s="190">
        <v>0</v>
      </c>
      <c r="AK14" s="191">
        <v>0</v>
      </c>
      <c r="AL14" s="196">
        <v>0</v>
      </c>
      <c r="AM14" s="193">
        <v>0</v>
      </c>
      <c r="AN14" s="191">
        <v>0</v>
      </c>
      <c r="AO14" s="191">
        <v>1</v>
      </c>
      <c r="AP14" s="191">
        <v>2</v>
      </c>
      <c r="AQ14" s="191">
        <v>0</v>
      </c>
      <c r="AR14" s="191">
        <v>0</v>
      </c>
      <c r="AS14" s="196">
        <v>3</v>
      </c>
      <c r="AT14" s="195">
        <v>3</v>
      </c>
      <c r="AU14" s="190">
        <v>0</v>
      </c>
      <c r="AV14" s="191">
        <v>0</v>
      </c>
      <c r="AW14" s="196">
        <v>0</v>
      </c>
      <c r="AX14" s="193">
        <v>0</v>
      </c>
      <c r="AY14" s="191">
        <v>1</v>
      </c>
      <c r="AZ14" s="191">
        <v>3</v>
      </c>
      <c r="BA14" s="191">
        <v>1</v>
      </c>
      <c r="BB14" s="191">
        <v>0</v>
      </c>
      <c r="BC14" s="191">
        <v>0</v>
      </c>
      <c r="BD14" s="196">
        <v>5</v>
      </c>
      <c r="BE14" s="195">
        <v>5</v>
      </c>
      <c r="BF14" s="190">
        <v>0</v>
      </c>
      <c r="BG14" s="191">
        <v>0</v>
      </c>
      <c r="BH14" s="196">
        <v>0</v>
      </c>
      <c r="BI14" s="193">
        <v>0</v>
      </c>
      <c r="BJ14" s="191">
        <v>1</v>
      </c>
      <c r="BK14" s="191">
        <v>3</v>
      </c>
      <c r="BL14" s="191">
        <v>1</v>
      </c>
      <c r="BM14" s="191">
        <v>4</v>
      </c>
      <c r="BN14" s="191">
        <v>0</v>
      </c>
      <c r="BO14" s="194">
        <v>9</v>
      </c>
      <c r="BP14" s="195">
        <v>9</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0</v>
      </c>
      <c r="CH14" s="191">
        <v>0</v>
      </c>
      <c r="CI14" s="191">
        <v>0</v>
      </c>
      <c r="CJ14" s="191">
        <v>0</v>
      </c>
      <c r="CK14" s="196">
        <v>0</v>
      </c>
      <c r="CL14" s="195">
        <v>0</v>
      </c>
      <c r="CM14" s="190">
        <v>0</v>
      </c>
      <c r="CN14" s="191">
        <v>0</v>
      </c>
      <c r="CO14" s="196">
        <v>0</v>
      </c>
      <c r="CP14" s="193">
        <v>0</v>
      </c>
      <c r="CQ14" s="191">
        <v>1</v>
      </c>
      <c r="CR14" s="191">
        <v>1</v>
      </c>
      <c r="CS14" s="191">
        <v>1</v>
      </c>
      <c r="CT14" s="191">
        <v>0</v>
      </c>
      <c r="CU14" s="191">
        <v>1</v>
      </c>
      <c r="CV14" s="196">
        <v>4</v>
      </c>
      <c r="CW14" s="195">
        <v>4</v>
      </c>
    </row>
    <row r="15" spans="2:101" ht="21" customHeight="1" x14ac:dyDescent="0.2">
      <c r="B15" s="106" t="s">
        <v>12</v>
      </c>
      <c r="C15" s="190">
        <v>0</v>
      </c>
      <c r="D15" s="196">
        <v>0</v>
      </c>
      <c r="E15" s="207">
        <v>0</v>
      </c>
      <c r="F15" s="193">
        <v>0</v>
      </c>
      <c r="G15" s="191">
        <v>0</v>
      </c>
      <c r="H15" s="191">
        <v>0</v>
      </c>
      <c r="I15" s="191">
        <v>0</v>
      </c>
      <c r="J15" s="191">
        <v>0</v>
      </c>
      <c r="K15" s="191">
        <v>0</v>
      </c>
      <c r="L15" s="194">
        <v>0</v>
      </c>
      <c r="M15" s="195">
        <v>0</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24</v>
      </c>
      <c r="AD15" s="191">
        <v>22</v>
      </c>
      <c r="AE15" s="191">
        <v>4</v>
      </c>
      <c r="AF15" s="191">
        <v>4</v>
      </c>
      <c r="AG15" s="191">
        <v>1</v>
      </c>
      <c r="AH15" s="196">
        <v>55</v>
      </c>
      <c r="AI15" s="195">
        <v>55</v>
      </c>
      <c r="AJ15" s="190">
        <v>0</v>
      </c>
      <c r="AK15" s="191">
        <v>0</v>
      </c>
      <c r="AL15" s="196">
        <v>0</v>
      </c>
      <c r="AM15" s="193">
        <v>0</v>
      </c>
      <c r="AN15" s="191">
        <v>0</v>
      </c>
      <c r="AO15" s="191">
        <v>0</v>
      </c>
      <c r="AP15" s="191">
        <v>0</v>
      </c>
      <c r="AQ15" s="191">
        <v>0</v>
      </c>
      <c r="AR15" s="191">
        <v>0</v>
      </c>
      <c r="AS15" s="196">
        <v>0</v>
      </c>
      <c r="AT15" s="195">
        <v>0</v>
      </c>
      <c r="AU15" s="190">
        <v>0</v>
      </c>
      <c r="AV15" s="191">
        <v>0</v>
      </c>
      <c r="AW15" s="196">
        <v>0</v>
      </c>
      <c r="AX15" s="193">
        <v>0</v>
      </c>
      <c r="AY15" s="191">
        <v>2</v>
      </c>
      <c r="AZ15" s="191">
        <v>4</v>
      </c>
      <c r="BA15" s="191">
        <v>3</v>
      </c>
      <c r="BB15" s="191">
        <v>2</v>
      </c>
      <c r="BC15" s="191">
        <v>4</v>
      </c>
      <c r="BD15" s="196">
        <v>15</v>
      </c>
      <c r="BE15" s="195">
        <v>15</v>
      </c>
      <c r="BF15" s="190">
        <v>0</v>
      </c>
      <c r="BG15" s="191">
        <v>0</v>
      </c>
      <c r="BH15" s="196">
        <v>0</v>
      </c>
      <c r="BI15" s="193">
        <v>0</v>
      </c>
      <c r="BJ15" s="191">
        <v>1</v>
      </c>
      <c r="BK15" s="191">
        <v>1</v>
      </c>
      <c r="BL15" s="191">
        <v>1</v>
      </c>
      <c r="BM15" s="191">
        <v>2</v>
      </c>
      <c r="BN15" s="191">
        <v>2</v>
      </c>
      <c r="BO15" s="194">
        <v>7</v>
      </c>
      <c r="BP15" s="195">
        <v>7</v>
      </c>
      <c r="BQ15" s="190">
        <v>0</v>
      </c>
      <c r="BR15" s="191">
        <v>0</v>
      </c>
      <c r="BS15" s="196">
        <v>0</v>
      </c>
      <c r="BT15" s="193">
        <v>0</v>
      </c>
      <c r="BU15" s="191">
        <v>0</v>
      </c>
      <c r="BV15" s="191">
        <v>3</v>
      </c>
      <c r="BW15" s="191">
        <v>1</v>
      </c>
      <c r="BX15" s="191">
        <v>3</v>
      </c>
      <c r="BY15" s="191">
        <v>0</v>
      </c>
      <c r="BZ15" s="196">
        <v>7</v>
      </c>
      <c r="CA15" s="195">
        <v>7</v>
      </c>
      <c r="CB15" s="190">
        <v>0</v>
      </c>
      <c r="CC15" s="191">
        <v>0</v>
      </c>
      <c r="CD15" s="196">
        <v>0</v>
      </c>
      <c r="CE15" s="193">
        <v>0</v>
      </c>
      <c r="CF15" s="191">
        <v>0</v>
      </c>
      <c r="CG15" s="191">
        <v>0</v>
      </c>
      <c r="CH15" s="191">
        <v>1</v>
      </c>
      <c r="CI15" s="191">
        <v>1</v>
      </c>
      <c r="CJ15" s="191">
        <v>2</v>
      </c>
      <c r="CK15" s="196">
        <v>4</v>
      </c>
      <c r="CL15" s="195">
        <v>4</v>
      </c>
      <c r="CM15" s="190">
        <v>0</v>
      </c>
      <c r="CN15" s="191">
        <v>0</v>
      </c>
      <c r="CO15" s="196">
        <v>0</v>
      </c>
      <c r="CP15" s="193">
        <v>0</v>
      </c>
      <c r="CQ15" s="191">
        <v>0</v>
      </c>
      <c r="CR15" s="191">
        <v>1</v>
      </c>
      <c r="CS15" s="191">
        <v>1</v>
      </c>
      <c r="CT15" s="191">
        <v>4</v>
      </c>
      <c r="CU15" s="191">
        <v>0</v>
      </c>
      <c r="CV15" s="196">
        <v>6</v>
      </c>
      <c r="CW15" s="195">
        <v>6</v>
      </c>
    </row>
    <row r="16" spans="2:101" ht="21" customHeight="1" x14ac:dyDescent="0.2">
      <c r="B16" s="106" t="s">
        <v>13</v>
      </c>
      <c r="C16" s="190">
        <v>0</v>
      </c>
      <c r="D16" s="196">
        <v>0</v>
      </c>
      <c r="E16" s="207">
        <v>0</v>
      </c>
      <c r="F16" s="193">
        <v>0</v>
      </c>
      <c r="G16" s="191">
        <v>0</v>
      </c>
      <c r="H16" s="191">
        <v>0</v>
      </c>
      <c r="I16" s="191">
        <v>0</v>
      </c>
      <c r="J16" s="191">
        <v>0</v>
      </c>
      <c r="K16" s="191">
        <v>0</v>
      </c>
      <c r="L16" s="194">
        <v>0</v>
      </c>
      <c r="M16" s="195">
        <v>0</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20</v>
      </c>
      <c r="AD16" s="191">
        <v>20</v>
      </c>
      <c r="AE16" s="191">
        <v>6</v>
      </c>
      <c r="AF16" s="191">
        <v>3</v>
      </c>
      <c r="AG16" s="191">
        <v>0</v>
      </c>
      <c r="AH16" s="196">
        <v>49</v>
      </c>
      <c r="AI16" s="195">
        <v>49</v>
      </c>
      <c r="AJ16" s="190">
        <v>0</v>
      </c>
      <c r="AK16" s="191">
        <v>0</v>
      </c>
      <c r="AL16" s="196">
        <v>0</v>
      </c>
      <c r="AM16" s="193">
        <v>0</v>
      </c>
      <c r="AN16" s="191">
        <v>0</v>
      </c>
      <c r="AO16" s="191">
        <v>0</v>
      </c>
      <c r="AP16" s="191">
        <v>3</v>
      </c>
      <c r="AQ16" s="191">
        <v>0</v>
      </c>
      <c r="AR16" s="191">
        <v>2</v>
      </c>
      <c r="AS16" s="196">
        <v>5</v>
      </c>
      <c r="AT16" s="195">
        <v>5</v>
      </c>
      <c r="AU16" s="190">
        <v>0</v>
      </c>
      <c r="AV16" s="191">
        <v>0</v>
      </c>
      <c r="AW16" s="196">
        <v>0</v>
      </c>
      <c r="AX16" s="193">
        <v>0</v>
      </c>
      <c r="AY16" s="191">
        <v>1</v>
      </c>
      <c r="AZ16" s="191">
        <v>2</v>
      </c>
      <c r="BA16" s="191">
        <v>0</v>
      </c>
      <c r="BB16" s="191">
        <v>0</v>
      </c>
      <c r="BC16" s="191">
        <v>1</v>
      </c>
      <c r="BD16" s="196">
        <v>4</v>
      </c>
      <c r="BE16" s="195">
        <v>4</v>
      </c>
      <c r="BF16" s="190">
        <v>0</v>
      </c>
      <c r="BG16" s="191">
        <v>0</v>
      </c>
      <c r="BH16" s="196">
        <v>0</v>
      </c>
      <c r="BI16" s="193">
        <v>0</v>
      </c>
      <c r="BJ16" s="191">
        <v>0</v>
      </c>
      <c r="BK16" s="191">
        <v>0</v>
      </c>
      <c r="BL16" s="191">
        <v>2</v>
      </c>
      <c r="BM16" s="191">
        <v>2</v>
      </c>
      <c r="BN16" s="191">
        <v>0</v>
      </c>
      <c r="BO16" s="194">
        <v>4</v>
      </c>
      <c r="BP16" s="195">
        <v>4</v>
      </c>
      <c r="BQ16" s="190">
        <v>0</v>
      </c>
      <c r="BR16" s="191">
        <v>0</v>
      </c>
      <c r="BS16" s="196">
        <v>0</v>
      </c>
      <c r="BT16" s="193">
        <v>0</v>
      </c>
      <c r="BU16" s="191">
        <v>0</v>
      </c>
      <c r="BV16" s="191">
        <v>0</v>
      </c>
      <c r="BW16" s="191">
        <v>0</v>
      </c>
      <c r="BX16" s="191">
        <v>0</v>
      </c>
      <c r="BY16" s="191">
        <v>0</v>
      </c>
      <c r="BZ16" s="196">
        <v>0</v>
      </c>
      <c r="CA16" s="195">
        <v>0</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1</v>
      </c>
      <c r="H17" s="191">
        <v>0</v>
      </c>
      <c r="I17" s="191">
        <v>0</v>
      </c>
      <c r="J17" s="191">
        <v>1</v>
      </c>
      <c r="K17" s="191">
        <v>0</v>
      </c>
      <c r="L17" s="194">
        <v>2</v>
      </c>
      <c r="M17" s="195">
        <v>2</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9</v>
      </c>
      <c r="AD17" s="191">
        <v>9</v>
      </c>
      <c r="AE17" s="191">
        <v>1</v>
      </c>
      <c r="AF17" s="191">
        <v>3</v>
      </c>
      <c r="AG17" s="191">
        <v>0</v>
      </c>
      <c r="AH17" s="196">
        <v>22</v>
      </c>
      <c r="AI17" s="195">
        <v>22</v>
      </c>
      <c r="AJ17" s="190">
        <v>0</v>
      </c>
      <c r="AK17" s="191">
        <v>0</v>
      </c>
      <c r="AL17" s="196">
        <v>0</v>
      </c>
      <c r="AM17" s="193">
        <v>0</v>
      </c>
      <c r="AN17" s="191">
        <v>0</v>
      </c>
      <c r="AO17" s="191">
        <v>1</v>
      </c>
      <c r="AP17" s="191">
        <v>0</v>
      </c>
      <c r="AQ17" s="191">
        <v>1</v>
      </c>
      <c r="AR17" s="191">
        <v>0</v>
      </c>
      <c r="AS17" s="196">
        <v>2</v>
      </c>
      <c r="AT17" s="195">
        <v>2</v>
      </c>
      <c r="AU17" s="190">
        <v>0</v>
      </c>
      <c r="AV17" s="191">
        <v>0</v>
      </c>
      <c r="AW17" s="196">
        <v>0</v>
      </c>
      <c r="AX17" s="193">
        <v>0</v>
      </c>
      <c r="AY17" s="191">
        <v>1</v>
      </c>
      <c r="AZ17" s="191">
        <v>1</v>
      </c>
      <c r="BA17" s="191">
        <v>0</v>
      </c>
      <c r="BB17" s="191">
        <v>1</v>
      </c>
      <c r="BC17" s="191">
        <v>1</v>
      </c>
      <c r="BD17" s="196">
        <v>4</v>
      </c>
      <c r="BE17" s="195">
        <v>4</v>
      </c>
      <c r="BF17" s="190">
        <v>0</v>
      </c>
      <c r="BG17" s="191">
        <v>0</v>
      </c>
      <c r="BH17" s="196">
        <v>0</v>
      </c>
      <c r="BI17" s="193">
        <v>0</v>
      </c>
      <c r="BJ17" s="191">
        <v>2</v>
      </c>
      <c r="BK17" s="191">
        <v>1</v>
      </c>
      <c r="BL17" s="191">
        <v>1</v>
      </c>
      <c r="BM17" s="191">
        <v>0</v>
      </c>
      <c r="BN17" s="191">
        <v>0</v>
      </c>
      <c r="BO17" s="194">
        <v>4</v>
      </c>
      <c r="BP17" s="195">
        <v>4</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0</v>
      </c>
      <c r="CI17" s="191">
        <v>0</v>
      </c>
      <c r="CJ17" s="191">
        <v>0</v>
      </c>
      <c r="CK17" s="196">
        <v>0</v>
      </c>
      <c r="CL17" s="195">
        <v>0</v>
      </c>
      <c r="CM17" s="190">
        <v>0</v>
      </c>
      <c r="CN17" s="191">
        <v>0</v>
      </c>
      <c r="CO17" s="196">
        <v>0</v>
      </c>
      <c r="CP17" s="193">
        <v>0</v>
      </c>
      <c r="CQ17" s="191">
        <v>0</v>
      </c>
      <c r="CR17" s="191">
        <v>0</v>
      </c>
      <c r="CS17" s="191">
        <v>2</v>
      </c>
      <c r="CT17" s="191">
        <v>1</v>
      </c>
      <c r="CU17" s="191">
        <v>0</v>
      </c>
      <c r="CV17" s="196">
        <v>3</v>
      </c>
      <c r="CW17" s="195">
        <v>3</v>
      </c>
    </row>
    <row r="18" spans="2:101" ht="21" customHeight="1" x14ac:dyDescent="0.2">
      <c r="B18" s="106" t="s">
        <v>16</v>
      </c>
      <c r="C18" s="190">
        <v>0</v>
      </c>
      <c r="D18" s="196">
        <v>0</v>
      </c>
      <c r="E18" s="207">
        <v>0</v>
      </c>
      <c r="F18" s="193">
        <v>0</v>
      </c>
      <c r="G18" s="191">
        <v>0</v>
      </c>
      <c r="H18" s="191">
        <v>0</v>
      </c>
      <c r="I18" s="191">
        <v>1</v>
      </c>
      <c r="J18" s="191">
        <v>1</v>
      </c>
      <c r="K18" s="191">
        <v>0</v>
      </c>
      <c r="L18" s="194">
        <v>2</v>
      </c>
      <c r="M18" s="195">
        <v>2</v>
      </c>
      <c r="N18" s="190">
        <v>0</v>
      </c>
      <c r="O18" s="191">
        <v>0</v>
      </c>
      <c r="P18" s="196">
        <v>0</v>
      </c>
      <c r="Q18" s="193">
        <v>0</v>
      </c>
      <c r="R18" s="191">
        <v>0</v>
      </c>
      <c r="S18" s="191">
        <v>0</v>
      </c>
      <c r="T18" s="191">
        <v>0</v>
      </c>
      <c r="U18" s="191">
        <v>0</v>
      </c>
      <c r="V18" s="191">
        <v>0</v>
      </c>
      <c r="W18" s="196">
        <v>0</v>
      </c>
      <c r="X18" s="195">
        <v>0</v>
      </c>
      <c r="Y18" s="190">
        <v>0</v>
      </c>
      <c r="Z18" s="191">
        <v>0</v>
      </c>
      <c r="AA18" s="196">
        <v>0</v>
      </c>
      <c r="AB18" s="193">
        <v>0</v>
      </c>
      <c r="AC18" s="191">
        <v>9</v>
      </c>
      <c r="AD18" s="191">
        <v>9</v>
      </c>
      <c r="AE18" s="191">
        <v>9</v>
      </c>
      <c r="AF18" s="191">
        <v>2</v>
      </c>
      <c r="AG18" s="191">
        <v>1</v>
      </c>
      <c r="AH18" s="196">
        <v>30</v>
      </c>
      <c r="AI18" s="195">
        <v>30</v>
      </c>
      <c r="AJ18" s="190">
        <v>0</v>
      </c>
      <c r="AK18" s="191">
        <v>0</v>
      </c>
      <c r="AL18" s="196">
        <v>0</v>
      </c>
      <c r="AM18" s="193">
        <v>0</v>
      </c>
      <c r="AN18" s="191">
        <v>0</v>
      </c>
      <c r="AO18" s="191">
        <v>0</v>
      </c>
      <c r="AP18" s="191">
        <v>2</v>
      </c>
      <c r="AQ18" s="191">
        <v>1</v>
      </c>
      <c r="AR18" s="191">
        <v>0</v>
      </c>
      <c r="AS18" s="196">
        <v>3</v>
      </c>
      <c r="AT18" s="195">
        <v>3</v>
      </c>
      <c r="AU18" s="190">
        <v>0</v>
      </c>
      <c r="AV18" s="191">
        <v>0</v>
      </c>
      <c r="AW18" s="196">
        <v>0</v>
      </c>
      <c r="AX18" s="193">
        <v>0</v>
      </c>
      <c r="AY18" s="191">
        <v>0</v>
      </c>
      <c r="AZ18" s="191">
        <v>0</v>
      </c>
      <c r="BA18" s="191">
        <v>0</v>
      </c>
      <c r="BB18" s="191">
        <v>0</v>
      </c>
      <c r="BC18" s="191">
        <v>1</v>
      </c>
      <c r="BD18" s="196">
        <v>1</v>
      </c>
      <c r="BE18" s="195">
        <v>1</v>
      </c>
      <c r="BF18" s="190">
        <v>0</v>
      </c>
      <c r="BG18" s="191">
        <v>0</v>
      </c>
      <c r="BH18" s="196">
        <v>0</v>
      </c>
      <c r="BI18" s="193">
        <v>0</v>
      </c>
      <c r="BJ18" s="191">
        <v>1</v>
      </c>
      <c r="BK18" s="191">
        <v>3</v>
      </c>
      <c r="BL18" s="191">
        <v>1</v>
      </c>
      <c r="BM18" s="191">
        <v>1</v>
      </c>
      <c r="BN18" s="191">
        <v>1</v>
      </c>
      <c r="BO18" s="194">
        <v>7</v>
      </c>
      <c r="BP18" s="195">
        <v>7</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0</v>
      </c>
      <c r="CH18" s="191">
        <v>0</v>
      </c>
      <c r="CI18" s="191">
        <v>1</v>
      </c>
      <c r="CJ18" s="191">
        <v>0</v>
      </c>
      <c r="CK18" s="196">
        <v>1</v>
      </c>
      <c r="CL18" s="195">
        <v>1</v>
      </c>
      <c r="CM18" s="190">
        <v>0</v>
      </c>
      <c r="CN18" s="191">
        <v>0</v>
      </c>
      <c r="CO18" s="196">
        <v>0</v>
      </c>
      <c r="CP18" s="193">
        <v>0</v>
      </c>
      <c r="CQ18" s="191">
        <v>0</v>
      </c>
      <c r="CR18" s="191">
        <v>1</v>
      </c>
      <c r="CS18" s="191">
        <v>1</v>
      </c>
      <c r="CT18" s="191">
        <v>0</v>
      </c>
      <c r="CU18" s="191">
        <v>0</v>
      </c>
      <c r="CV18" s="196">
        <v>2</v>
      </c>
      <c r="CW18" s="195">
        <v>2</v>
      </c>
    </row>
    <row r="19" spans="2:101" ht="21" customHeight="1" x14ac:dyDescent="0.2">
      <c r="B19" s="106" t="s">
        <v>17</v>
      </c>
      <c r="C19" s="190">
        <v>0</v>
      </c>
      <c r="D19" s="196">
        <v>0</v>
      </c>
      <c r="E19" s="207">
        <v>0</v>
      </c>
      <c r="F19" s="193">
        <v>0</v>
      </c>
      <c r="G19" s="191">
        <v>0</v>
      </c>
      <c r="H19" s="191">
        <v>0</v>
      </c>
      <c r="I19" s="191">
        <v>0</v>
      </c>
      <c r="J19" s="191">
        <v>0</v>
      </c>
      <c r="K19" s="191">
        <v>0</v>
      </c>
      <c r="L19" s="194">
        <v>0</v>
      </c>
      <c r="M19" s="195">
        <v>0</v>
      </c>
      <c r="N19" s="190">
        <v>0</v>
      </c>
      <c r="O19" s="191">
        <v>0</v>
      </c>
      <c r="P19" s="196">
        <v>0</v>
      </c>
      <c r="Q19" s="193">
        <v>0</v>
      </c>
      <c r="R19" s="191">
        <v>0</v>
      </c>
      <c r="S19" s="191">
        <v>0</v>
      </c>
      <c r="T19" s="191">
        <v>0</v>
      </c>
      <c r="U19" s="191">
        <v>0</v>
      </c>
      <c r="V19" s="191">
        <v>0</v>
      </c>
      <c r="W19" s="196">
        <v>0</v>
      </c>
      <c r="X19" s="195">
        <v>0</v>
      </c>
      <c r="Y19" s="190">
        <v>0</v>
      </c>
      <c r="Z19" s="191">
        <v>0</v>
      </c>
      <c r="AA19" s="196">
        <v>0</v>
      </c>
      <c r="AB19" s="193">
        <v>0</v>
      </c>
      <c r="AC19" s="191">
        <v>27</v>
      </c>
      <c r="AD19" s="191">
        <v>28</v>
      </c>
      <c r="AE19" s="191">
        <v>6</v>
      </c>
      <c r="AF19" s="191">
        <v>4</v>
      </c>
      <c r="AG19" s="191">
        <v>0</v>
      </c>
      <c r="AH19" s="196">
        <v>65</v>
      </c>
      <c r="AI19" s="195">
        <v>65</v>
      </c>
      <c r="AJ19" s="190">
        <v>1</v>
      </c>
      <c r="AK19" s="191">
        <v>0</v>
      </c>
      <c r="AL19" s="196">
        <v>1</v>
      </c>
      <c r="AM19" s="193">
        <v>0</v>
      </c>
      <c r="AN19" s="191">
        <v>1</v>
      </c>
      <c r="AO19" s="191">
        <v>2</v>
      </c>
      <c r="AP19" s="191">
        <v>1</v>
      </c>
      <c r="AQ19" s="191">
        <v>0</v>
      </c>
      <c r="AR19" s="191">
        <v>0</v>
      </c>
      <c r="AS19" s="196">
        <v>4</v>
      </c>
      <c r="AT19" s="195">
        <v>5</v>
      </c>
      <c r="AU19" s="190">
        <v>0</v>
      </c>
      <c r="AV19" s="191">
        <v>0</v>
      </c>
      <c r="AW19" s="196">
        <v>0</v>
      </c>
      <c r="AX19" s="193">
        <v>0</v>
      </c>
      <c r="AY19" s="191">
        <v>0</v>
      </c>
      <c r="AZ19" s="191">
        <v>3</v>
      </c>
      <c r="BA19" s="191">
        <v>1</v>
      </c>
      <c r="BB19" s="191">
        <v>2</v>
      </c>
      <c r="BC19" s="191">
        <v>1</v>
      </c>
      <c r="BD19" s="196">
        <v>7</v>
      </c>
      <c r="BE19" s="195">
        <v>7</v>
      </c>
      <c r="BF19" s="190">
        <v>0</v>
      </c>
      <c r="BG19" s="191">
        <v>0</v>
      </c>
      <c r="BH19" s="196">
        <v>0</v>
      </c>
      <c r="BI19" s="193">
        <v>0</v>
      </c>
      <c r="BJ19" s="191">
        <v>0</v>
      </c>
      <c r="BK19" s="191">
        <v>3</v>
      </c>
      <c r="BL19" s="191">
        <v>6</v>
      </c>
      <c r="BM19" s="191">
        <v>1</v>
      </c>
      <c r="BN19" s="191">
        <v>0</v>
      </c>
      <c r="BO19" s="194">
        <v>10</v>
      </c>
      <c r="BP19" s="195">
        <v>10</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0</v>
      </c>
      <c r="CH19" s="191">
        <v>0</v>
      </c>
      <c r="CI19" s="191">
        <v>3</v>
      </c>
      <c r="CJ19" s="191">
        <v>0</v>
      </c>
      <c r="CK19" s="196">
        <v>3</v>
      </c>
      <c r="CL19" s="195">
        <v>3</v>
      </c>
      <c r="CM19" s="190">
        <v>0</v>
      </c>
      <c r="CN19" s="191">
        <v>0</v>
      </c>
      <c r="CO19" s="196">
        <v>0</v>
      </c>
      <c r="CP19" s="193">
        <v>0</v>
      </c>
      <c r="CQ19" s="191">
        <v>0</v>
      </c>
      <c r="CR19" s="191">
        <v>0</v>
      </c>
      <c r="CS19" s="191">
        <v>0</v>
      </c>
      <c r="CT19" s="191">
        <v>0</v>
      </c>
      <c r="CU19" s="191">
        <v>0</v>
      </c>
      <c r="CV19" s="196">
        <v>0</v>
      </c>
      <c r="CW19" s="195">
        <v>0</v>
      </c>
    </row>
    <row r="20" spans="2:101" ht="21" customHeight="1" x14ac:dyDescent="0.2">
      <c r="B20" s="106" t="s">
        <v>18</v>
      </c>
      <c r="C20" s="190">
        <v>0</v>
      </c>
      <c r="D20" s="196">
        <v>0</v>
      </c>
      <c r="E20" s="207">
        <v>0</v>
      </c>
      <c r="F20" s="193">
        <v>0</v>
      </c>
      <c r="G20" s="191">
        <v>0</v>
      </c>
      <c r="H20" s="191">
        <v>1</v>
      </c>
      <c r="I20" s="191">
        <v>0</v>
      </c>
      <c r="J20" s="191">
        <v>0</v>
      </c>
      <c r="K20" s="191">
        <v>1</v>
      </c>
      <c r="L20" s="194">
        <v>2</v>
      </c>
      <c r="M20" s="195">
        <v>2</v>
      </c>
      <c r="N20" s="190">
        <v>0</v>
      </c>
      <c r="O20" s="191">
        <v>0</v>
      </c>
      <c r="P20" s="196">
        <v>0</v>
      </c>
      <c r="Q20" s="193">
        <v>0</v>
      </c>
      <c r="R20" s="191">
        <v>0</v>
      </c>
      <c r="S20" s="191">
        <v>0</v>
      </c>
      <c r="T20" s="191">
        <v>0</v>
      </c>
      <c r="U20" s="191">
        <v>0</v>
      </c>
      <c r="V20" s="191">
        <v>0</v>
      </c>
      <c r="W20" s="196">
        <v>0</v>
      </c>
      <c r="X20" s="195">
        <v>0</v>
      </c>
      <c r="Y20" s="190">
        <v>0</v>
      </c>
      <c r="Z20" s="191">
        <v>0</v>
      </c>
      <c r="AA20" s="196">
        <v>0</v>
      </c>
      <c r="AB20" s="193">
        <v>0</v>
      </c>
      <c r="AC20" s="191">
        <v>20</v>
      </c>
      <c r="AD20" s="191">
        <v>13</v>
      </c>
      <c r="AE20" s="191">
        <v>4</v>
      </c>
      <c r="AF20" s="191">
        <v>0</v>
      </c>
      <c r="AG20" s="191">
        <v>1</v>
      </c>
      <c r="AH20" s="196">
        <v>38</v>
      </c>
      <c r="AI20" s="195">
        <v>38</v>
      </c>
      <c r="AJ20" s="190">
        <v>0</v>
      </c>
      <c r="AK20" s="191">
        <v>0</v>
      </c>
      <c r="AL20" s="196">
        <v>0</v>
      </c>
      <c r="AM20" s="193">
        <v>0</v>
      </c>
      <c r="AN20" s="191">
        <v>0</v>
      </c>
      <c r="AO20" s="191">
        <v>1</v>
      </c>
      <c r="AP20" s="191">
        <v>5</v>
      </c>
      <c r="AQ20" s="191">
        <v>0</v>
      </c>
      <c r="AR20" s="191">
        <v>1</v>
      </c>
      <c r="AS20" s="196">
        <v>7</v>
      </c>
      <c r="AT20" s="195">
        <v>7</v>
      </c>
      <c r="AU20" s="190">
        <v>1</v>
      </c>
      <c r="AV20" s="191">
        <v>0</v>
      </c>
      <c r="AW20" s="196">
        <v>1</v>
      </c>
      <c r="AX20" s="193">
        <v>0</v>
      </c>
      <c r="AY20" s="191">
        <v>4</v>
      </c>
      <c r="AZ20" s="191">
        <v>2</v>
      </c>
      <c r="BA20" s="191">
        <v>4</v>
      </c>
      <c r="BB20" s="191">
        <v>3</v>
      </c>
      <c r="BC20" s="191">
        <v>0</v>
      </c>
      <c r="BD20" s="196">
        <v>13</v>
      </c>
      <c r="BE20" s="195">
        <v>14</v>
      </c>
      <c r="BF20" s="190">
        <v>0</v>
      </c>
      <c r="BG20" s="191">
        <v>0</v>
      </c>
      <c r="BH20" s="196">
        <v>0</v>
      </c>
      <c r="BI20" s="193">
        <v>0</v>
      </c>
      <c r="BJ20" s="191">
        <v>2</v>
      </c>
      <c r="BK20" s="191">
        <v>1</v>
      </c>
      <c r="BL20" s="191">
        <v>6</v>
      </c>
      <c r="BM20" s="191">
        <v>3</v>
      </c>
      <c r="BN20" s="191">
        <v>2</v>
      </c>
      <c r="BO20" s="194">
        <v>14</v>
      </c>
      <c r="BP20" s="195">
        <v>14</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0</v>
      </c>
      <c r="CH20" s="191">
        <v>1</v>
      </c>
      <c r="CI20" s="191">
        <v>1</v>
      </c>
      <c r="CJ20" s="191">
        <v>0</v>
      </c>
      <c r="CK20" s="196">
        <v>2</v>
      </c>
      <c r="CL20" s="195">
        <v>2</v>
      </c>
      <c r="CM20" s="190">
        <v>0</v>
      </c>
      <c r="CN20" s="191">
        <v>0</v>
      </c>
      <c r="CO20" s="196">
        <v>0</v>
      </c>
      <c r="CP20" s="193">
        <v>0</v>
      </c>
      <c r="CQ20" s="191">
        <v>0</v>
      </c>
      <c r="CR20" s="191">
        <v>0</v>
      </c>
      <c r="CS20" s="191">
        <v>3</v>
      </c>
      <c r="CT20" s="191">
        <v>0</v>
      </c>
      <c r="CU20" s="191">
        <v>0</v>
      </c>
      <c r="CV20" s="196">
        <v>3</v>
      </c>
      <c r="CW20" s="195">
        <v>3</v>
      </c>
    </row>
    <row r="21" spans="2:101" ht="21" customHeight="1" x14ac:dyDescent="0.2">
      <c r="B21" s="106" t="s">
        <v>19</v>
      </c>
      <c r="C21" s="190">
        <v>0</v>
      </c>
      <c r="D21" s="196">
        <v>0</v>
      </c>
      <c r="E21" s="207">
        <v>0</v>
      </c>
      <c r="F21" s="193">
        <v>0</v>
      </c>
      <c r="G21" s="191">
        <v>0</v>
      </c>
      <c r="H21" s="191">
        <v>0</v>
      </c>
      <c r="I21" s="191">
        <v>0</v>
      </c>
      <c r="J21" s="191">
        <v>0</v>
      </c>
      <c r="K21" s="191">
        <v>1</v>
      </c>
      <c r="L21" s="194">
        <v>1</v>
      </c>
      <c r="M21" s="195">
        <v>1</v>
      </c>
      <c r="N21" s="190">
        <v>0</v>
      </c>
      <c r="O21" s="191">
        <v>0</v>
      </c>
      <c r="P21" s="196">
        <v>0</v>
      </c>
      <c r="Q21" s="193">
        <v>0</v>
      </c>
      <c r="R21" s="191">
        <v>0</v>
      </c>
      <c r="S21" s="191">
        <v>0</v>
      </c>
      <c r="T21" s="191">
        <v>0</v>
      </c>
      <c r="U21" s="191">
        <v>0</v>
      </c>
      <c r="V21" s="191">
        <v>0</v>
      </c>
      <c r="W21" s="196">
        <v>0</v>
      </c>
      <c r="X21" s="195">
        <v>0</v>
      </c>
      <c r="Y21" s="190">
        <v>0</v>
      </c>
      <c r="Z21" s="191">
        <v>0</v>
      </c>
      <c r="AA21" s="196">
        <v>0</v>
      </c>
      <c r="AB21" s="193">
        <v>0</v>
      </c>
      <c r="AC21" s="191">
        <v>11</v>
      </c>
      <c r="AD21" s="191">
        <v>4</v>
      </c>
      <c r="AE21" s="191">
        <v>1</v>
      </c>
      <c r="AF21" s="191">
        <v>0</v>
      </c>
      <c r="AG21" s="191">
        <v>0</v>
      </c>
      <c r="AH21" s="196">
        <v>16</v>
      </c>
      <c r="AI21" s="195">
        <v>16</v>
      </c>
      <c r="AJ21" s="190">
        <v>0</v>
      </c>
      <c r="AK21" s="191">
        <v>0</v>
      </c>
      <c r="AL21" s="196">
        <v>0</v>
      </c>
      <c r="AM21" s="193">
        <v>0</v>
      </c>
      <c r="AN21" s="191">
        <v>2</v>
      </c>
      <c r="AO21" s="191">
        <v>1</v>
      </c>
      <c r="AP21" s="191">
        <v>1</v>
      </c>
      <c r="AQ21" s="191">
        <v>0</v>
      </c>
      <c r="AR21" s="191">
        <v>0</v>
      </c>
      <c r="AS21" s="196">
        <v>4</v>
      </c>
      <c r="AT21" s="195">
        <v>4</v>
      </c>
      <c r="AU21" s="190">
        <v>0</v>
      </c>
      <c r="AV21" s="191">
        <v>0</v>
      </c>
      <c r="AW21" s="196">
        <v>0</v>
      </c>
      <c r="AX21" s="193">
        <v>0</v>
      </c>
      <c r="AY21" s="191">
        <v>2</v>
      </c>
      <c r="AZ21" s="191">
        <v>1</v>
      </c>
      <c r="BA21" s="191">
        <v>5</v>
      </c>
      <c r="BB21" s="191">
        <v>0</v>
      </c>
      <c r="BC21" s="191">
        <v>0</v>
      </c>
      <c r="BD21" s="196">
        <v>8</v>
      </c>
      <c r="BE21" s="195">
        <v>8</v>
      </c>
      <c r="BF21" s="190">
        <v>0</v>
      </c>
      <c r="BG21" s="191">
        <v>0</v>
      </c>
      <c r="BH21" s="196">
        <v>0</v>
      </c>
      <c r="BI21" s="193">
        <v>0</v>
      </c>
      <c r="BJ21" s="191">
        <v>1</v>
      </c>
      <c r="BK21" s="191">
        <v>2</v>
      </c>
      <c r="BL21" s="191">
        <v>1</v>
      </c>
      <c r="BM21" s="191">
        <v>0</v>
      </c>
      <c r="BN21" s="191">
        <v>1</v>
      </c>
      <c r="BO21" s="194">
        <v>5</v>
      </c>
      <c r="BP21" s="195">
        <v>5</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0</v>
      </c>
      <c r="CR21" s="191">
        <v>0</v>
      </c>
      <c r="CS21" s="191">
        <v>0</v>
      </c>
      <c r="CT21" s="191">
        <v>0</v>
      </c>
      <c r="CU21" s="191">
        <v>3</v>
      </c>
      <c r="CV21" s="196">
        <v>3</v>
      </c>
      <c r="CW21" s="195">
        <v>3</v>
      </c>
    </row>
    <row r="22" spans="2:101" ht="21" customHeight="1" x14ac:dyDescent="0.2">
      <c r="B22" s="106" t="s">
        <v>20</v>
      </c>
      <c r="C22" s="190">
        <v>0</v>
      </c>
      <c r="D22" s="196">
        <v>0</v>
      </c>
      <c r="E22" s="207">
        <v>0</v>
      </c>
      <c r="F22" s="193">
        <v>0</v>
      </c>
      <c r="G22" s="191">
        <v>0</v>
      </c>
      <c r="H22" s="191">
        <v>0</v>
      </c>
      <c r="I22" s="191">
        <v>0</v>
      </c>
      <c r="J22" s="191">
        <v>0</v>
      </c>
      <c r="K22" s="191">
        <v>0</v>
      </c>
      <c r="L22" s="194">
        <v>0</v>
      </c>
      <c r="M22" s="195">
        <v>0</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18</v>
      </c>
      <c r="AD22" s="191">
        <v>16</v>
      </c>
      <c r="AE22" s="191">
        <v>3</v>
      </c>
      <c r="AF22" s="191">
        <v>1</v>
      </c>
      <c r="AG22" s="191">
        <v>1</v>
      </c>
      <c r="AH22" s="196">
        <v>39</v>
      </c>
      <c r="AI22" s="195">
        <v>39</v>
      </c>
      <c r="AJ22" s="190">
        <v>0</v>
      </c>
      <c r="AK22" s="191">
        <v>0</v>
      </c>
      <c r="AL22" s="196">
        <v>0</v>
      </c>
      <c r="AM22" s="193">
        <v>0</v>
      </c>
      <c r="AN22" s="191">
        <v>0</v>
      </c>
      <c r="AO22" s="191">
        <v>0</v>
      </c>
      <c r="AP22" s="191">
        <v>0</v>
      </c>
      <c r="AQ22" s="191">
        <v>1</v>
      </c>
      <c r="AR22" s="191">
        <v>0</v>
      </c>
      <c r="AS22" s="196">
        <v>1</v>
      </c>
      <c r="AT22" s="195">
        <v>1</v>
      </c>
      <c r="AU22" s="190">
        <v>0</v>
      </c>
      <c r="AV22" s="191">
        <v>0</v>
      </c>
      <c r="AW22" s="196">
        <v>0</v>
      </c>
      <c r="AX22" s="193">
        <v>0</v>
      </c>
      <c r="AY22" s="191">
        <v>0</v>
      </c>
      <c r="AZ22" s="191">
        <v>0</v>
      </c>
      <c r="BA22" s="191">
        <v>1</v>
      </c>
      <c r="BB22" s="191">
        <v>0</v>
      </c>
      <c r="BC22" s="191">
        <v>0</v>
      </c>
      <c r="BD22" s="196">
        <v>1</v>
      </c>
      <c r="BE22" s="195">
        <v>1</v>
      </c>
      <c r="BF22" s="190">
        <v>0</v>
      </c>
      <c r="BG22" s="191">
        <v>0</v>
      </c>
      <c r="BH22" s="196">
        <v>0</v>
      </c>
      <c r="BI22" s="193">
        <v>0</v>
      </c>
      <c r="BJ22" s="191">
        <v>0</v>
      </c>
      <c r="BK22" s="191">
        <v>1</v>
      </c>
      <c r="BL22" s="191">
        <v>4</v>
      </c>
      <c r="BM22" s="191">
        <v>1</v>
      </c>
      <c r="BN22" s="191">
        <v>0</v>
      </c>
      <c r="BO22" s="194">
        <v>6</v>
      </c>
      <c r="BP22" s="195">
        <v>6</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0</v>
      </c>
      <c r="H23" s="191">
        <v>0</v>
      </c>
      <c r="I23" s="191">
        <v>0</v>
      </c>
      <c r="J23" s="191">
        <v>0</v>
      </c>
      <c r="K23" s="191">
        <v>0</v>
      </c>
      <c r="L23" s="194">
        <v>0</v>
      </c>
      <c r="M23" s="195">
        <v>0</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13</v>
      </c>
      <c r="AD23" s="191">
        <v>8</v>
      </c>
      <c r="AE23" s="191">
        <v>5</v>
      </c>
      <c r="AF23" s="191">
        <v>2</v>
      </c>
      <c r="AG23" s="191">
        <v>0</v>
      </c>
      <c r="AH23" s="196">
        <v>28</v>
      </c>
      <c r="AI23" s="195">
        <v>28</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0</v>
      </c>
      <c r="AZ23" s="191">
        <v>0</v>
      </c>
      <c r="BA23" s="191">
        <v>2</v>
      </c>
      <c r="BB23" s="191">
        <v>0</v>
      </c>
      <c r="BC23" s="191">
        <v>0</v>
      </c>
      <c r="BD23" s="196">
        <v>2</v>
      </c>
      <c r="BE23" s="195">
        <v>2</v>
      </c>
      <c r="BF23" s="190">
        <v>0</v>
      </c>
      <c r="BG23" s="191">
        <v>0</v>
      </c>
      <c r="BH23" s="196">
        <v>0</v>
      </c>
      <c r="BI23" s="193">
        <v>0</v>
      </c>
      <c r="BJ23" s="191">
        <v>1</v>
      </c>
      <c r="BK23" s="191">
        <v>2</v>
      </c>
      <c r="BL23" s="191">
        <v>1</v>
      </c>
      <c r="BM23" s="191">
        <v>1</v>
      </c>
      <c r="BN23" s="191">
        <v>0</v>
      </c>
      <c r="BO23" s="194">
        <v>5</v>
      </c>
      <c r="BP23" s="195">
        <v>5</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0</v>
      </c>
      <c r="CV23" s="196">
        <v>0</v>
      </c>
      <c r="CW23" s="195">
        <v>0</v>
      </c>
    </row>
    <row r="24" spans="2:101" ht="21" customHeight="1" x14ac:dyDescent="0.2">
      <c r="B24" s="106" t="s">
        <v>22</v>
      </c>
      <c r="C24" s="190">
        <v>0</v>
      </c>
      <c r="D24" s="196">
        <v>0</v>
      </c>
      <c r="E24" s="207">
        <v>0</v>
      </c>
      <c r="F24" s="193">
        <v>0</v>
      </c>
      <c r="G24" s="191">
        <v>0</v>
      </c>
      <c r="H24" s="191">
        <v>1</v>
      </c>
      <c r="I24" s="191">
        <v>1</v>
      </c>
      <c r="J24" s="191">
        <v>0</v>
      </c>
      <c r="K24" s="191">
        <v>0</v>
      </c>
      <c r="L24" s="194">
        <v>2</v>
      </c>
      <c r="M24" s="195">
        <v>2</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9</v>
      </c>
      <c r="AD24" s="191">
        <v>2</v>
      </c>
      <c r="AE24" s="191">
        <v>1</v>
      </c>
      <c r="AF24" s="191">
        <v>1</v>
      </c>
      <c r="AG24" s="191">
        <v>2</v>
      </c>
      <c r="AH24" s="196">
        <v>15</v>
      </c>
      <c r="AI24" s="195">
        <v>15</v>
      </c>
      <c r="AJ24" s="190">
        <v>0</v>
      </c>
      <c r="AK24" s="191">
        <v>0</v>
      </c>
      <c r="AL24" s="196">
        <v>0</v>
      </c>
      <c r="AM24" s="193">
        <v>0</v>
      </c>
      <c r="AN24" s="191">
        <v>0</v>
      </c>
      <c r="AO24" s="191">
        <v>0</v>
      </c>
      <c r="AP24" s="191">
        <v>0</v>
      </c>
      <c r="AQ24" s="191">
        <v>0</v>
      </c>
      <c r="AR24" s="191">
        <v>0</v>
      </c>
      <c r="AS24" s="196">
        <v>0</v>
      </c>
      <c r="AT24" s="195">
        <v>0</v>
      </c>
      <c r="AU24" s="190">
        <v>0</v>
      </c>
      <c r="AV24" s="191">
        <v>0</v>
      </c>
      <c r="AW24" s="196">
        <v>0</v>
      </c>
      <c r="AX24" s="193">
        <v>0</v>
      </c>
      <c r="AY24" s="191">
        <v>1</v>
      </c>
      <c r="AZ24" s="191">
        <v>1</v>
      </c>
      <c r="BA24" s="191">
        <v>2</v>
      </c>
      <c r="BB24" s="191">
        <v>0</v>
      </c>
      <c r="BC24" s="191">
        <v>0</v>
      </c>
      <c r="BD24" s="196">
        <v>4</v>
      </c>
      <c r="BE24" s="195">
        <v>4</v>
      </c>
      <c r="BF24" s="190">
        <v>0</v>
      </c>
      <c r="BG24" s="191">
        <v>0</v>
      </c>
      <c r="BH24" s="196">
        <v>0</v>
      </c>
      <c r="BI24" s="193">
        <v>0</v>
      </c>
      <c r="BJ24" s="191">
        <v>1</v>
      </c>
      <c r="BK24" s="191">
        <v>1</v>
      </c>
      <c r="BL24" s="191">
        <v>2</v>
      </c>
      <c r="BM24" s="191">
        <v>1</v>
      </c>
      <c r="BN24" s="191">
        <v>0</v>
      </c>
      <c r="BO24" s="194">
        <v>5</v>
      </c>
      <c r="BP24" s="195">
        <v>5</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1</v>
      </c>
      <c r="CH24" s="191">
        <v>0</v>
      </c>
      <c r="CI24" s="191">
        <v>4</v>
      </c>
      <c r="CJ24" s="191">
        <v>0</v>
      </c>
      <c r="CK24" s="196">
        <v>5</v>
      </c>
      <c r="CL24" s="195">
        <v>5</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0</v>
      </c>
      <c r="J25" s="191">
        <v>0</v>
      </c>
      <c r="K25" s="191">
        <v>0</v>
      </c>
      <c r="L25" s="194">
        <v>0</v>
      </c>
      <c r="M25" s="195">
        <v>0</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3</v>
      </c>
      <c r="AD25" s="191">
        <v>2</v>
      </c>
      <c r="AE25" s="191">
        <v>1</v>
      </c>
      <c r="AF25" s="191">
        <v>0</v>
      </c>
      <c r="AG25" s="191">
        <v>0</v>
      </c>
      <c r="AH25" s="196">
        <v>6</v>
      </c>
      <c r="AI25" s="195">
        <v>6</v>
      </c>
      <c r="AJ25" s="190">
        <v>0</v>
      </c>
      <c r="AK25" s="191">
        <v>0</v>
      </c>
      <c r="AL25" s="196">
        <v>0</v>
      </c>
      <c r="AM25" s="193">
        <v>0</v>
      </c>
      <c r="AN25" s="191">
        <v>0</v>
      </c>
      <c r="AO25" s="191">
        <v>0</v>
      </c>
      <c r="AP25" s="191">
        <v>0</v>
      </c>
      <c r="AQ25" s="191">
        <v>0</v>
      </c>
      <c r="AR25" s="191">
        <v>0</v>
      </c>
      <c r="AS25" s="196">
        <v>0</v>
      </c>
      <c r="AT25" s="195">
        <v>0</v>
      </c>
      <c r="AU25" s="190">
        <v>0</v>
      </c>
      <c r="AV25" s="191">
        <v>0</v>
      </c>
      <c r="AW25" s="196">
        <v>0</v>
      </c>
      <c r="AX25" s="193">
        <v>0</v>
      </c>
      <c r="AY25" s="191">
        <v>0</v>
      </c>
      <c r="AZ25" s="191">
        <v>0</v>
      </c>
      <c r="BA25" s="191">
        <v>0</v>
      </c>
      <c r="BB25" s="191">
        <v>0</v>
      </c>
      <c r="BC25" s="191">
        <v>0</v>
      </c>
      <c r="BD25" s="196">
        <v>0</v>
      </c>
      <c r="BE25" s="195">
        <v>0</v>
      </c>
      <c r="BF25" s="190">
        <v>0</v>
      </c>
      <c r="BG25" s="191">
        <v>0</v>
      </c>
      <c r="BH25" s="196">
        <v>0</v>
      </c>
      <c r="BI25" s="193">
        <v>0</v>
      </c>
      <c r="BJ25" s="191">
        <v>2</v>
      </c>
      <c r="BK25" s="191">
        <v>2</v>
      </c>
      <c r="BL25" s="191">
        <v>2</v>
      </c>
      <c r="BM25" s="191">
        <v>1</v>
      </c>
      <c r="BN25" s="191">
        <v>0</v>
      </c>
      <c r="BO25" s="194">
        <v>7</v>
      </c>
      <c r="BP25" s="195">
        <v>7</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1</v>
      </c>
      <c r="CR25" s="191">
        <v>0</v>
      </c>
      <c r="CS25" s="191">
        <v>1</v>
      </c>
      <c r="CT25" s="191">
        <v>0</v>
      </c>
      <c r="CU25" s="191">
        <v>0</v>
      </c>
      <c r="CV25" s="196">
        <v>2</v>
      </c>
      <c r="CW25" s="195">
        <v>2</v>
      </c>
    </row>
    <row r="26" spans="2:101" ht="21" customHeight="1" x14ac:dyDescent="0.2">
      <c r="B26" s="106" t="s">
        <v>24</v>
      </c>
      <c r="C26" s="190">
        <v>0</v>
      </c>
      <c r="D26" s="196">
        <v>0</v>
      </c>
      <c r="E26" s="207">
        <v>0</v>
      </c>
      <c r="F26" s="193">
        <v>0</v>
      </c>
      <c r="G26" s="191">
        <v>0</v>
      </c>
      <c r="H26" s="191">
        <v>0</v>
      </c>
      <c r="I26" s="191">
        <v>0</v>
      </c>
      <c r="J26" s="191">
        <v>1</v>
      </c>
      <c r="K26" s="191">
        <v>0</v>
      </c>
      <c r="L26" s="194">
        <v>1</v>
      </c>
      <c r="M26" s="195">
        <v>1</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4</v>
      </c>
      <c r="AD26" s="191">
        <v>2</v>
      </c>
      <c r="AE26" s="191">
        <v>2</v>
      </c>
      <c r="AF26" s="191">
        <v>0</v>
      </c>
      <c r="AG26" s="191">
        <v>0</v>
      </c>
      <c r="AH26" s="196">
        <v>8</v>
      </c>
      <c r="AI26" s="195">
        <v>8</v>
      </c>
      <c r="AJ26" s="190">
        <v>0</v>
      </c>
      <c r="AK26" s="191">
        <v>0</v>
      </c>
      <c r="AL26" s="196">
        <v>0</v>
      </c>
      <c r="AM26" s="193">
        <v>0</v>
      </c>
      <c r="AN26" s="191">
        <v>0</v>
      </c>
      <c r="AO26" s="191">
        <v>0</v>
      </c>
      <c r="AP26" s="191">
        <v>1</v>
      </c>
      <c r="AQ26" s="191">
        <v>0</v>
      </c>
      <c r="AR26" s="191">
        <v>0</v>
      </c>
      <c r="AS26" s="196">
        <v>1</v>
      </c>
      <c r="AT26" s="195">
        <v>1</v>
      </c>
      <c r="AU26" s="190">
        <v>1</v>
      </c>
      <c r="AV26" s="191">
        <v>0</v>
      </c>
      <c r="AW26" s="196">
        <v>1</v>
      </c>
      <c r="AX26" s="193">
        <v>0</v>
      </c>
      <c r="AY26" s="191">
        <v>0</v>
      </c>
      <c r="AZ26" s="191">
        <v>1</v>
      </c>
      <c r="BA26" s="191">
        <v>0</v>
      </c>
      <c r="BB26" s="191">
        <v>0</v>
      </c>
      <c r="BC26" s="191">
        <v>0</v>
      </c>
      <c r="BD26" s="196">
        <v>1</v>
      </c>
      <c r="BE26" s="195">
        <v>2</v>
      </c>
      <c r="BF26" s="190">
        <v>0</v>
      </c>
      <c r="BG26" s="191">
        <v>0</v>
      </c>
      <c r="BH26" s="196">
        <v>0</v>
      </c>
      <c r="BI26" s="193">
        <v>0</v>
      </c>
      <c r="BJ26" s="191">
        <v>0</v>
      </c>
      <c r="BK26" s="191">
        <v>0</v>
      </c>
      <c r="BL26" s="191">
        <v>2</v>
      </c>
      <c r="BM26" s="191">
        <v>0</v>
      </c>
      <c r="BN26" s="191">
        <v>0</v>
      </c>
      <c r="BO26" s="194">
        <v>2</v>
      </c>
      <c r="BP26" s="195">
        <v>2</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5</v>
      </c>
      <c r="AD27" s="191">
        <v>3</v>
      </c>
      <c r="AE27" s="191">
        <v>1</v>
      </c>
      <c r="AF27" s="191">
        <v>1</v>
      </c>
      <c r="AG27" s="191">
        <v>1</v>
      </c>
      <c r="AH27" s="196">
        <v>11</v>
      </c>
      <c r="AI27" s="195">
        <v>11</v>
      </c>
      <c r="AJ27" s="190">
        <v>0</v>
      </c>
      <c r="AK27" s="191">
        <v>0</v>
      </c>
      <c r="AL27" s="196">
        <v>0</v>
      </c>
      <c r="AM27" s="193">
        <v>0</v>
      </c>
      <c r="AN27" s="191">
        <v>0</v>
      </c>
      <c r="AO27" s="191">
        <v>0</v>
      </c>
      <c r="AP27" s="191">
        <v>0</v>
      </c>
      <c r="AQ27" s="191">
        <v>0</v>
      </c>
      <c r="AR27" s="191">
        <v>0</v>
      </c>
      <c r="AS27" s="196">
        <v>0</v>
      </c>
      <c r="AT27" s="195">
        <v>0</v>
      </c>
      <c r="AU27" s="190">
        <v>0</v>
      </c>
      <c r="AV27" s="191">
        <v>1</v>
      </c>
      <c r="AW27" s="196">
        <v>1</v>
      </c>
      <c r="AX27" s="193">
        <v>0</v>
      </c>
      <c r="AY27" s="191">
        <v>0</v>
      </c>
      <c r="AZ27" s="191">
        <v>0</v>
      </c>
      <c r="BA27" s="191">
        <v>0</v>
      </c>
      <c r="BB27" s="191">
        <v>0</v>
      </c>
      <c r="BC27" s="191">
        <v>0</v>
      </c>
      <c r="BD27" s="196">
        <v>0</v>
      </c>
      <c r="BE27" s="195">
        <v>1</v>
      </c>
      <c r="BF27" s="190">
        <v>0</v>
      </c>
      <c r="BG27" s="191">
        <v>0</v>
      </c>
      <c r="BH27" s="196">
        <v>0</v>
      </c>
      <c r="BI27" s="193">
        <v>0</v>
      </c>
      <c r="BJ27" s="191">
        <v>1</v>
      </c>
      <c r="BK27" s="191">
        <v>0</v>
      </c>
      <c r="BL27" s="191">
        <v>0</v>
      </c>
      <c r="BM27" s="191">
        <v>0</v>
      </c>
      <c r="BN27" s="191">
        <v>0</v>
      </c>
      <c r="BO27" s="194">
        <v>1</v>
      </c>
      <c r="BP27" s="195">
        <v>1</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3</v>
      </c>
      <c r="AD28" s="191">
        <v>2</v>
      </c>
      <c r="AE28" s="191">
        <v>3</v>
      </c>
      <c r="AF28" s="191">
        <v>0</v>
      </c>
      <c r="AG28" s="191">
        <v>0</v>
      </c>
      <c r="AH28" s="196">
        <v>8</v>
      </c>
      <c r="AI28" s="195">
        <v>8</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0</v>
      </c>
      <c r="AZ28" s="191">
        <v>0</v>
      </c>
      <c r="BA28" s="191">
        <v>0</v>
      </c>
      <c r="BB28" s="191">
        <v>0</v>
      </c>
      <c r="BC28" s="191">
        <v>0</v>
      </c>
      <c r="BD28" s="196">
        <v>0</v>
      </c>
      <c r="BE28" s="195">
        <v>0</v>
      </c>
      <c r="BF28" s="190">
        <v>0</v>
      </c>
      <c r="BG28" s="191">
        <v>0</v>
      </c>
      <c r="BH28" s="196">
        <v>0</v>
      </c>
      <c r="BI28" s="193">
        <v>0</v>
      </c>
      <c r="BJ28" s="191">
        <v>0</v>
      </c>
      <c r="BK28" s="191">
        <v>0</v>
      </c>
      <c r="BL28" s="191">
        <v>1</v>
      </c>
      <c r="BM28" s="191">
        <v>1</v>
      </c>
      <c r="BN28" s="191">
        <v>1</v>
      </c>
      <c r="BO28" s="194">
        <v>3</v>
      </c>
      <c r="BP28" s="195">
        <v>3</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1</v>
      </c>
      <c r="J29" s="191">
        <v>0</v>
      </c>
      <c r="K29" s="191">
        <v>0</v>
      </c>
      <c r="L29" s="194">
        <v>1</v>
      </c>
      <c r="M29" s="195">
        <v>1</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0</v>
      </c>
      <c r="AD29" s="191">
        <v>1</v>
      </c>
      <c r="AE29" s="191">
        <v>0</v>
      </c>
      <c r="AF29" s="191">
        <v>0</v>
      </c>
      <c r="AG29" s="191">
        <v>0</v>
      </c>
      <c r="AH29" s="196">
        <v>1</v>
      </c>
      <c r="AI29" s="195">
        <v>1</v>
      </c>
      <c r="AJ29" s="190">
        <v>0</v>
      </c>
      <c r="AK29" s="191">
        <v>0</v>
      </c>
      <c r="AL29" s="196">
        <v>0</v>
      </c>
      <c r="AM29" s="193">
        <v>0</v>
      </c>
      <c r="AN29" s="191">
        <v>0</v>
      </c>
      <c r="AO29" s="191">
        <v>0</v>
      </c>
      <c r="AP29" s="191">
        <v>0</v>
      </c>
      <c r="AQ29" s="191">
        <v>1</v>
      </c>
      <c r="AR29" s="191">
        <v>0</v>
      </c>
      <c r="AS29" s="196">
        <v>1</v>
      </c>
      <c r="AT29" s="195">
        <v>1</v>
      </c>
      <c r="AU29" s="190">
        <v>0</v>
      </c>
      <c r="AV29" s="191">
        <v>0</v>
      </c>
      <c r="AW29" s="196">
        <v>0</v>
      </c>
      <c r="AX29" s="193">
        <v>0</v>
      </c>
      <c r="AY29" s="191">
        <v>2</v>
      </c>
      <c r="AZ29" s="191">
        <v>0</v>
      </c>
      <c r="BA29" s="191">
        <v>0</v>
      </c>
      <c r="BB29" s="191">
        <v>0</v>
      </c>
      <c r="BC29" s="191">
        <v>0</v>
      </c>
      <c r="BD29" s="196">
        <v>2</v>
      </c>
      <c r="BE29" s="195">
        <v>2</v>
      </c>
      <c r="BF29" s="190">
        <v>0</v>
      </c>
      <c r="BG29" s="191">
        <v>0</v>
      </c>
      <c r="BH29" s="196">
        <v>0</v>
      </c>
      <c r="BI29" s="193">
        <v>0</v>
      </c>
      <c r="BJ29" s="191">
        <v>1</v>
      </c>
      <c r="BK29" s="191">
        <v>0</v>
      </c>
      <c r="BL29" s="191">
        <v>1</v>
      </c>
      <c r="BM29" s="191">
        <v>0</v>
      </c>
      <c r="BN29" s="191">
        <v>0</v>
      </c>
      <c r="BO29" s="194">
        <v>2</v>
      </c>
      <c r="BP29" s="195">
        <v>2</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1</v>
      </c>
      <c r="CI29" s="191">
        <v>0</v>
      </c>
      <c r="CJ29" s="191">
        <v>0</v>
      </c>
      <c r="CK29" s="196">
        <v>1</v>
      </c>
      <c r="CL29" s="195">
        <v>1</v>
      </c>
      <c r="CM29" s="190">
        <v>0</v>
      </c>
      <c r="CN29" s="191">
        <v>0</v>
      </c>
      <c r="CO29" s="196">
        <v>0</v>
      </c>
      <c r="CP29" s="193">
        <v>0</v>
      </c>
      <c r="CQ29" s="191">
        <v>0</v>
      </c>
      <c r="CR29" s="191">
        <v>0</v>
      </c>
      <c r="CS29" s="191">
        <v>0</v>
      </c>
      <c r="CT29" s="191">
        <v>0</v>
      </c>
      <c r="CU29" s="191">
        <v>0</v>
      </c>
      <c r="CV29" s="196">
        <v>0</v>
      </c>
      <c r="CW29" s="195">
        <v>0</v>
      </c>
    </row>
    <row r="30" spans="2:101" ht="21" customHeight="1" x14ac:dyDescent="0.2">
      <c r="B30" s="106" t="s">
        <v>28</v>
      </c>
      <c r="C30" s="190">
        <v>0</v>
      </c>
      <c r="D30" s="196">
        <v>0</v>
      </c>
      <c r="E30" s="207">
        <v>0</v>
      </c>
      <c r="F30" s="193">
        <v>0</v>
      </c>
      <c r="G30" s="191">
        <v>0</v>
      </c>
      <c r="H30" s="191">
        <v>0</v>
      </c>
      <c r="I30" s="191">
        <v>0</v>
      </c>
      <c r="J30" s="191">
        <v>0</v>
      </c>
      <c r="K30" s="191">
        <v>0</v>
      </c>
      <c r="L30" s="194">
        <v>0</v>
      </c>
      <c r="M30" s="195">
        <v>0</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5</v>
      </c>
      <c r="AD30" s="191">
        <v>1</v>
      </c>
      <c r="AE30" s="191">
        <v>0</v>
      </c>
      <c r="AF30" s="191">
        <v>0</v>
      </c>
      <c r="AG30" s="191">
        <v>0</v>
      </c>
      <c r="AH30" s="196">
        <v>6</v>
      </c>
      <c r="AI30" s="195">
        <v>6</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0</v>
      </c>
      <c r="BK30" s="191">
        <v>1</v>
      </c>
      <c r="BL30" s="191">
        <v>0</v>
      </c>
      <c r="BM30" s="191">
        <v>0</v>
      </c>
      <c r="BN30" s="191">
        <v>1</v>
      </c>
      <c r="BO30" s="194">
        <v>2</v>
      </c>
      <c r="BP30" s="195">
        <v>2</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0</v>
      </c>
      <c r="H31" s="191">
        <v>0</v>
      </c>
      <c r="I31" s="191">
        <v>1</v>
      </c>
      <c r="J31" s="191">
        <v>0</v>
      </c>
      <c r="K31" s="191">
        <v>0</v>
      </c>
      <c r="L31" s="194">
        <v>1</v>
      </c>
      <c r="M31" s="195">
        <v>1</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0</v>
      </c>
      <c r="AD31" s="191">
        <v>2</v>
      </c>
      <c r="AE31" s="191">
        <v>0</v>
      </c>
      <c r="AF31" s="191">
        <v>0</v>
      </c>
      <c r="AG31" s="191">
        <v>0</v>
      </c>
      <c r="AH31" s="196">
        <v>2</v>
      </c>
      <c r="AI31" s="195">
        <v>2</v>
      </c>
      <c r="AJ31" s="190">
        <v>0</v>
      </c>
      <c r="AK31" s="191">
        <v>0</v>
      </c>
      <c r="AL31" s="196">
        <v>0</v>
      </c>
      <c r="AM31" s="193">
        <v>0</v>
      </c>
      <c r="AN31" s="191">
        <v>0</v>
      </c>
      <c r="AO31" s="191">
        <v>0</v>
      </c>
      <c r="AP31" s="191">
        <v>0</v>
      </c>
      <c r="AQ31" s="191">
        <v>0</v>
      </c>
      <c r="AR31" s="191">
        <v>0</v>
      </c>
      <c r="AS31" s="196">
        <v>0</v>
      </c>
      <c r="AT31" s="195">
        <v>0</v>
      </c>
      <c r="AU31" s="190">
        <v>0</v>
      </c>
      <c r="AV31" s="191">
        <v>0</v>
      </c>
      <c r="AW31" s="196">
        <v>0</v>
      </c>
      <c r="AX31" s="193">
        <v>0</v>
      </c>
      <c r="AY31" s="191">
        <v>0</v>
      </c>
      <c r="AZ31" s="191">
        <v>0</v>
      </c>
      <c r="BA31" s="191">
        <v>0</v>
      </c>
      <c r="BB31" s="191">
        <v>0</v>
      </c>
      <c r="BC31" s="191">
        <v>0</v>
      </c>
      <c r="BD31" s="196">
        <v>0</v>
      </c>
      <c r="BE31" s="195">
        <v>0</v>
      </c>
      <c r="BF31" s="190">
        <v>0</v>
      </c>
      <c r="BG31" s="191">
        <v>0</v>
      </c>
      <c r="BH31" s="196">
        <v>0</v>
      </c>
      <c r="BI31" s="193">
        <v>0</v>
      </c>
      <c r="BJ31" s="191">
        <v>0</v>
      </c>
      <c r="BK31" s="191">
        <v>0</v>
      </c>
      <c r="BL31" s="191">
        <v>0</v>
      </c>
      <c r="BM31" s="191">
        <v>0</v>
      </c>
      <c r="BN31" s="191">
        <v>0</v>
      </c>
      <c r="BO31" s="194">
        <v>0</v>
      </c>
      <c r="BP31" s="195">
        <v>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1</v>
      </c>
      <c r="CI31" s="191">
        <v>1</v>
      </c>
      <c r="CJ31" s="191">
        <v>0</v>
      </c>
      <c r="CK31" s="196">
        <v>2</v>
      </c>
      <c r="CL31" s="195">
        <v>2</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0</v>
      </c>
      <c r="I32" s="191">
        <v>0</v>
      </c>
      <c r="J32" s="191">
        <v>0</v>
      </c>
      <c r="K32" s="191">
        <v>0</v>
      </c>
      <c r="L32" s="194">
        <v>0</v>
      </c>
      <c r="M32" s="195">
        <v>0</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2</v>
      </c>
      <c r="AD32" s="191">
        <v>0</v>
      </c>
      <c r="AE32" s="191">
        <v>0</v>
      </c>
      <c r="AF32" s="191">
        <v>0</v>
      </c>
      <c r="AG32" s="191">
        <v>0</v>
      </c>
      <c r="AH32" s="196">
        <v>2</v>
      </c>
      <c r="AI32" s="195">
        <v>2</v>
      </c>
      <c r="AJ32" s="190">
        <v>0</v>
      </c>
      <c r="AK32" s="191">
        <v>0</v>
      </c>
      <c r="AL32" s="196">
        <v>0</v>
      </c>
      <c r="AM32" s="193">
        <v>0</v>
      </c>
      <c r="AN32" s="191">
        <v>0</v>
      </c>
      <c r="AO32" s="191">
        <v>0</v>
      </c>
      <c r="AP32" s="191">
        <v>0</v>
      </c>
      <c r="AQ32" s="191">
        <v>0</v>
      </c>
      <c r="AR32" s="191">
        <v>0</v>
      </c>
      <c r="AS32" s="196">
        <v>0</v>
      </c>
      <c r="AT32" s="195">
        <v>0</v>
      </c>
      <c r="AU32" s="190">
        <v>0</v>
      </c>
      <c r="AV32" s="191">
        <v>0</v>
      </c>
      <c r="AW32" s="196">
        <v>0</v>
      </c>
      <c r="AX32" s="193">
        <v>0</v>
      </c>
      <c r="AY32" s="191">
        <v>0</v>
      </c>
      <c r="AZ32" s="191">
        <v>0</v>
      </c>
      <c r="BA32" s="191">
        <v>0</v>
      </c>
      <c r="BB32" s="191">
        <v>0</v>
      </c>
      <c r="BC32" s="191">
        <v>0</v>
      </c>
      <c r="BD32" s="196">
        <v>0</v>
      </c>
      <c r="BE32" s="195">
        <v>0</v>
      </c>
      <c r="BF32" s="190">
        <v>0</v>
      </c>
      <c r="BG32" s="191">
        <v>0</v>
      </c>
      <c r="BH32" s="196">
        <v>0</v>
      </c>
      <c r="BI32" s="193">
        <v>0</v>
      </c>
      <c r="BJ32" s="191">
        <v>0</v>
      </c>
      <c r="BK32" s="191">
        <v>0</v>
      </c>
      <c r="BL32" s="191">
        <v>0</v>
      </c>
      <c r="BM32" s="191">
        <v>0</v>
      </c>
      <c r="BN32" s="191">
        <v>0</v>
      </c>
      <c r="BO32" s="194">
        <v>0</v>
      </c>
      <c r="BP32" s="195">
        <v>0</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0</v>
      </c>
      <c r="I33" s="191">
        <v>0</v>
      </c>
      <c r="J33" s="191">
        <v>0</v>
      </c>
      <c r="K33" s="191">
        <v>0</v>
      </c>
      <c r="L33" s="194">
        <v>0</v>
      </c>
      <c r="M33" s="195">
        <v>0</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0</v>
      </c>
      <c r="AD33" s="191">
        <v>1</v>
      </c>
      <c r="AE33" s="191">
        <v>0</v>
      </c>
      <c r="AF33" s="191">
        <v>0</v>
      </c>
      <c r="AG33" s="191">
        <v>0</v>
      </c>
      <c r="AH33" s="196">
        <v>1</v>
      </c>
      <c r="AI33" s="195">
        <v>1</v>
      </c>
      <c r="AJ33" s="190">
        <v>0</v>
      </c>
      <c r="AK33" s="191">
        <v>0</v>
      </c>
      <c r="AL33" s="196">
        <v>0</v>
      </c>
      <c r="AM33" s="193">
        <v>0</v>
      </c>
      <c r="AN33" s="191">
        <v>0</v>
      </c>
      <c r="AO33" s="191">
        <v>0</v>
      </c>
      <c r="AP33" s="191">
        <v>0</v>
      </c>
      <c r="AQ33" s="191">
        <v>1</v>
      </c>
      <c r="AR33" s="191">
        <v>0</v>
      </c>
      <c r="AS33" s="196">
        <v>1</v>
      </c>
      <c r="AT33" s="195">
        <v>1</v>
      </c>
      <c r="AU33" s="190">
        <v>0</v>
      </c>
      <c r="AV33" s="191">
        <v>0</v>
      </c>
      <c r="AW33" s="196">
        <v>0</v>
      </c>
      <c r="AX33" s="193">
        <v>0</v>
      </c>
      <c r="AY33" s="191">
        <v>1</v>
      </c>
      <c r="AZ33" s="191">
        <v>0</v>
      </c>
      <c r="BA33" s="191">
        <v>0</v>
      </c>
      <c r="BB33" s="191">
        <v>0</v>
      </c>
      <c r="BC33" s="191">
        <v>0</v>
      </c>
      <c r="BD33" s="196">
        <v>1</v>
      </c>
      <c r="BE33" s="195">
        <v>1</v>
      </c>
      <c r="BF33" s="190">
        <v>0</v>
      </c>
      <c r="BG33" s="191">
        <v>0</v>
      </c>
      <c r="BH33" s="196">
        <v>0</v>
      </c>
      <c r="BI33" s="193">
        <v>0</v>
      </c>
      <c r="BJ33" s="191">
        <v>0</v>
      </c>
      <c r="BK33" s="191">
        <v>1</v>
      </c>
      <c r="BL33" s="191">
        <v>0</v>
      </c>
      <c r="BM33" s="191">
        <v>1</v>
      </c>
      <c r="BN33" s="191">
        <v>1</v>
      </c>
      <c r="BO33" s="194">
        <v>3</v>
      </c>
      <c r="BP33" s="195">
        <v>3</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1</v>
      </c>
      <c r="CJ33" s="191">
        <v>0</v>
      </c>
      <c r="CK33" s="196">
        <v>1</v>
      </c>
      <c r="CL33" s="195">
        <v>1</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0</v>
      </c>
      <c r="H34" s="191">
        <v>0</v>
      </c>
      <c r="I34" s="191">
        <v>0</v>
      </c>
      <c r="J34" s="191">
        <v>1</v>
      </c>
      <c r="K34" s="191">
        <v>0</v>
      </c>
      <c r="L34" s="194">
        <v>1</v>
      </c>
      <c r="M34" s="195">
        <v>1</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3</v>
      </c>
      <c r="AD34" s="191">
        <v>5</v>
      </c>
      <c r="AE34" s="191">
        <v>0</v>
      </c>
      <c r="AF34" s="191">
        <v>0</v>
      </c>
      <c r="AG34" s="191">
        <v>1</v>
      </c>
      <c r="AH34" s="196">
        <v>9</v>
      </c>
      <c r="AI34" s="195">
        <v>9</v>
      </c>
      <c r="AJ34" s="190">
        <v>0</v>
      </c>
      <c r="AK34" s="191">
        <v>0</v>
      </c>
      <c r="AL34" s="196">
        <v>0</v>
      </c>
      <c r="AM34" s="193">
        <v>0</v>
      </c>
      <c r="AN34" s="191">
        <v>0</v>
      </c>
      <c r="AO34" s="191">
        <v>0</v>
      </c>
      <c r="AP34" s="191">
        <v>0</v>
      </c>
      <c r="AQ34" s="191">
        <v>0</v>
      </c>
      <c r="AR34" s="191">
        <v>0</v>
      </c>
      <c r="AS34" s="196">
        <v>0</v>
      </c>
      <c r="AT34" s="195">
        <v>0</v>
      </c>
      <c r="AU34" s="190">
        <v>0</v>
      </c>
      <c r="AV34" s="191">
        <v>0</v>
      </c>
      <c r="AW34" s="196">
        <v>0</v>
      </c>
      <c r="AX34" s="193">
        <v>0</v>
      </c>
      <c r="AY34" s="191">
        <v>0</v>
      </c>
      <c r="AZ34" s="191">
        <v>0</v>
      </c>
      <c r="BA34" s="191">
        <v>0</v>
      </c>
      <c r="BB34" s="191">
        <v>0</v>
      </c>
      <c r="BC34" s="191">
        <v>0</v>
      </c>
      <c r="BD34" s="196">
        <v>0</v>
      </c>
      <c r="BE34" s="195">
        <v>0</v>
      </c>
      <c r="BF34" s="190">
        <v>0</v>
      </c>
      <c r="BG34" s="191">
        <v>0</v>
      </c>
      <c r="BH34" s="196">
        <v>0</v>
      </c>
      <c r="BI34" s="193">
        <v>0</v>
      </c>
      <c r="BJ34" s="191">
        <v>0</v>
      </c>
      <c r="BK34" s="191">
        <v>0</v>
      </c>
      <c r="BL34" s="191">
        <v>1</v>
      </c>
      <c r="BM34" s="191">
        <v>1</v>
      </c>
      <c r="BN34" s="191">
        <v>0</v>
      </c>
      <c r="BO34" s="194">
        <v>2</v>
      </c>
      <c r="BP34" s="195">
        <v>2</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0</v>
      </c>
      <c r="CG34" s="191">
        <v>0</v>
      </c>
      <c r="CH34" s="191">
        <v>2</v>
      </c>
      <c r="CI34" s="191">
        <v>0</v>
      </c>
      <c r="CJ34" s="191">
        <v>0</v>
      </c>
      <c r="CK34" s="196">
        <v>2</v>
      </c>
      <c r="CL34" s="195">
        <v>2</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1</v>
      </c>
      <c r="AD35" s="191">
        <v>0</v>
      </c>
      <c r="AE35" s="191">
        <v>0</v>
      </c>
      <c r="AF35" s="191">
        <v>0</v>
      </c>
      <c r="AG35" s="191">
        <v>0</v>
      </c>
      <c r="AH35" s="196">
        <v>1</v>
      </c>
      <c r="AI35" s="195">
        <v>1</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0</v>
      </c>
      <c r="BH35" s="196">
        <v>0</v>
      </c>
      <c r="BI35" s="193">
        <v>0</v>
      </c>
      <c r="BJ35" s="191">
        <v>0</v>
      </c>
      <c r="BK35" s="191">
        <v>0</v>
      </c>
      <c r="BL35" s="191">
        <v>0</v>
      </c>
      <c r="BM35" s="191">
        <v>0</v>
      </c>
      <c r="BN35" s="191">
        <v>0</v>
      </c>
      <c r="BO35" s="194">
        <v>0</v>
      </c>
      <c r="BP35" s="195">
        <v>0</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1</v>
      </c>
      <c r="AD36" s="191">
        <v>2</v>
      </c>
      <c r="AE36" s="191">
        <v>0</v>
      </c>
      <c r="AF36" s="191">
        <v>0</v>
      </c>
      <c r="AG36" s="191">
        <v>0</v>
      </c>
      <c r="AH36" s="196">
        <v>3</v>
      </c>
      <c r="AI36" s="195">
        <v>3</v>
      </c>
      <c r="AJ36" s="190">
        <v>0</v>
      </c>
      <c r="AK36" s="191">
        <v>0</v>
      </c>
      <c r="AL36" s="196">
        <v>0</v>
      </c>
      <c r="AM36" s="193">
        <v>0</v>
      </c>
      <c r="AN36" s="191">
        <v>0</v>
      </c>
      <c r="AO36" s="191">
        <v>0</v>
      </c>
      <c r="AP36" s="191">
        <v>0</v>
      </c>
      <c r="AQ36" s="191">
        <v>0</v>
      </c>
      <c r="AR36" s="191">
        <v>0</v>
      </c>
      <c r="AS36" s="196">
        <v>0</v>
      </c>
      <c r="AT36" s="195">
        <v>0</v>
      </c>
      <c r="AU36" s="190">
        <v>0</v>
      </c>
      <c r="AV36" s="191">
        <v>0</v>
      </c>
      <c r="AW36" s="196">
        <v>0</v>
      </c>
      <c r="AX36" s="193">
        <v>0</v>
      </c>
      <c r="AY36" s="191">
        <v>0</v>
      </c>
      <c r="AZ36" s="191">
        <v>1</v>
      </c>
      <c r="BA36" s="191">
        <v>1</v>
      </c>
      <c r="BB36" s="191">
        <v>0</v>
      </c>
      <c r="BC36" s="191">
        <v>0</v>
      </c>
      <c r="BD36" s="196">
        <v>2</v>
      </c>
      <c r="BE36" s="195">
        <v>2</v>
      </c>
      <c r="BF36" s="190">
        <v>0</v>
      </c>
      <c r="BG36" s="191">
        <v>0</v>
      </c>
      <c r="BH36" s="196">
        <v>0</v>
      </c>
      <c r="BI36" s="193">
        <v>0</v>
      </c>
      <c r="BJ36" s="191">
        <v>0</v>
      </c>
      <c r="BK36" s="191">
        <v>0</v>
      </c>
      <c r="BL36" s="191">
        <v>0</v>
      </c>
      <c r="BM36" s="191">
        <v>0</v>
      </c>
      <c r="BN36" s="191">
        <v>0</v>
      </c>
      <c r="BO36" s="194">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1</v>
      </c>
      <c r="CT36" s="191">
        <v>0</v>
      </c>
      <c r="CU36" s="191">
        <v>0</v>
      </c>
      <c r="CV36" s="196">
        <v>1</v>
      </c>
      <c r="CW36" s="195">
        <v>1</v>
      </c>
    </row>
    <row r="37" spans="2:101" ht="21" customHeight="1" x14ac:dyDescent="0.2">
      <c r="B37" s="106" t="s">
        <v>35</v>
      </c>
      <c r="C37" s="190">
        <v>0</v>
      </c>
      <c r="D37" s="196">
        <v>0</v>
      </c>
      <c r="E37" s="207">
        <v>0</v>
      </c>
      <c r="F37" s="193">
        <v>0</v>
      </c>
      <c r="G37" s="191">
        <v>0</v>
      </c>
      <c r="H37" s="191">
        <v>0</v>
      </c>
      <c r="I37" s="191">
        <v>1</v>
      </c>
      <c r="J37" s="191">
        <v>0</v>
      </c>
      <c r="K37" s="191">
        <v>0</v>
      </c>
      <c r="L37" s="194">
        <v>1</v>
      </c>
      <c r="M37" s="195">
        <v>1</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0</v>
      </c>
      <c r="AD37" s="191">
        <v>0</v>
      </c>
      <c r="AE37" s="191">
        <v>0</v>
      </c>
      <c r="AF37" s="191">
        <v>0</v>
      </c>
      <c r="AG37" s="191">
        <v>0</v>
      </c>
      <c r="AH37" s="196">
        <v>0</v>
      </c>
      <c r="AI37" s="195">
        <v>0</v>
      </c>
      <c r="AJ37" s="190">
        <v>0</v>
      </c>
      <c r="AK37" s="191">
        <v>0</v>
      </c>
      <c r="AL37" s="196">
        <v>0</v>
      </c>
      <c r="AM37" s="193">
        <v>0</v>
      </c>
      <c r="AN37" s="191">
        <v>0</v>
      </c>
      <c r="AO37" s="191">
        <v>0</v>
      </c>
      <c r="AP37" s="191">
        <v>0</v>
      </c>
      <c r="AQ37" s="191">
        <v>0</v>
      </c>
      <c r="AR37" s="191">
        <v>0</v>
      </c>
      <c r="AS37" s="196">
        <v>0</v>
      </c>
      <c r="AT37" s="195">
        <v>0</v>
      </c>
      <c r="AU37" s="190">
        <v>0</v>
      </c>
      <c r="AV37" s="191">
        <v>0</v>
      </c>
      <c r="AW37" s="196">
        <v>0</v>
      </c>
      <c r="AX37" s="193">
        <v>0</v>
      </c>
      <c r="AY37" s="191">
        <v>0</v>
      </c>
      <c r="AZ37" s="191">
        <v>0</v>
      </c>
      <c r="BA37" s="191">
        <v>1</v>
      </c>
      <c r="BB37" s="191">
        <v>0</v>
      </c>
      <c r="BC37" s="191">
        <v>0</v>
      </c>
      <c r="BD37" s="196">
        <v>1</v>
      </c>
      <c r="BE37" s="195">
        <v>1</v>
      </c>
      <c r="BF37" s="190">
        <v>0</v>
      </c>
      <c r="BG37" s="191">
        <v>0</v>
      </c>
      <c r="BH37" s="196">
        <v>0</v>
      </c>
      <c r="BI37" s="193">
        <v>0</v>
      </c>
      <c r="BJ37" s="191">
        <v>0</v>
      </c>
      <c r="BK37" s="191">
        <v>1</v>
      </c>
      <c r="BL37" s="191">
        <v>0</v>
      </c>
      <c r="BM37" s="191">
        <v>0</v>
      </c>
      <c r="BN37" s="191">
        <v>0</v>
      </c>
      <c r="BO37" s="194">
        <v>1</v>
      </c>
      <c r="BP37" s="195">
        <v>1</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0</v>
      </c>
      <c r="I38" s="191">
        <v>0</v>
      </c>
      <c r="J38" s="191">
        <v>0</v>
      </c>
      <c r="K38" s="191">
        <v>0</v>
      </c>
      <c r="L38" s="194">
        <v>0</v>
      </c>
      <c r="M38" s="195">
        <v>0</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2</v>
      </c>
      <c r="AD38" s="191">
        <v>2</v>
      </c>
      <c r="AE38" s="191">
        <v>0</v>
      </c>
      <c r="AF38" s="191">
        <v>0</v>
      </c>
      <c r="AG38" s="191">
        <v>0</v>
      </c>
      <c r="AH38" s="196">
        <v>4</v>
      </c>
      <c r="AI38" s="195">
        <v>4</v>
      </c>
      <c r="AJ38" s="190">
        <v>0</v>
      </c>
      <c r="AK38" s="191">
        <v>0</v>
      </c>
      <c r="AL38" s="196">
        <v>0</v>
      </c>
      <c r="AM38" s="193">
        <v>0</v>
      </c>
      <c r="AN38" s="191">
        <v>0</v>
      </c>
      <c r="AO38" s="191">
        <v>0</v>
      </c>
      <c r="AP38" s="191">
        <v>0</v>
      </c>
      <c r="AQ38" s="191">
        <v>0</v>
      </c>
      <c r="AR38" s="191">
        <v>0</v>
      </c>
      <c r="AS38" s="196">
        <v>0</v>
      </c>
      <c r="AT38" s="195">
        <v>0</v>
      </c>
      <c r="AU38" s="190">
        <v>0</v>
      </c>
      <c r="AV38" s="191">
        <v>0</v>
      </c>
      <c r="AW38" s="196">
        <v>0</v>
      </c>
      <c r="AX38" s="193">
        <v>0</v>
      </c>
      <c r="AY38" s="191">
        <v>0</v>
      </c>
      <c r="AZ38" s="191">
        <v>1</v>
      </c>
      <c r="BA38" s="191">
        <v>0</v>
      </c>
      <c r="BB38" s="191">
        <v>0</v>
      </c>
      <c r="BC38" s="191">
        <v>0</v>
      </c>
      <c r="BD38" s="196">
        <v>1</v>
      </c>
      <c r="BE38" s="195">
        <v>1</v>
      </c>
      <c r="BF38" s="190">
        <v>0</v>
      </c>
      <c r="BG38" s="191">
        <v>0</v>
      </c>
      <c r="BH38" s="196">
        <v>0</v>
      </c>
      <c r="BI38" s="193">
        <v>0</v>
      </c>
      <c r="BJ38" s="191">
        <v>0</v>
      </c>
      <c r="BK38" s="191">
        <v>0</v>
      </c>
      <c r="BL38" s="191">
        <v>0</v>
      </c>
      <c r="BM38" s="191">
        <v>1</v>
      </c>
      <c r="BN38" s="191">
        <v>0</v>
      </c>
      <c r="BO38" s="194">
        <v>1</v>
      </c>
      <c r="BP38" s="195">
        <v>1</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row>
    <row r="39" spans="2:101" ht="21" customHeight="1" thickBot="1" x14ac:dyDescent="0.25">
      <c r="B39" s="108" t="s">
        <v>37</v>
      </c>
      <c r="C39" s="197">
        <v>0</v>
      </c>
      <c r="D39" s="203">
        <v>0</v>
      </c>
      <c r="E39" s="208">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0</v>
      </c>
      <c r="AH39" s="203">
        <v>0</v>
      </c>
      <c r="AI39" s="202">
        <v>0</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0</v>
      </c>
      <c r="BK39" s="198">
        <v>0</v>
      </c>
      <c r="BL39" s="198">
        <v>0</v>
      </c>
      <c r="BM39" s="198">
        <v>0</v>
      </c>
      <c r="BN39" s="198">
        <v>0</v>
      </c>
      <c r="BO39" s="201">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CM3:CW3"/>
    <mergeCell ref="CM4:CO4"/>
    <mergeCell ref="CP4:CV4"/>
    <mergeCell ref="CE4:CK4"/>
    <mergeCell ref="BF4:BH4"/>
    <mergeCell ref="BI4:BO4"/>
    <mergeCell ref="BQ4:BS4"/>
    <mergeCell ref="BT4:BZ4"/>
    <mergeCell ref="CB3:CL3"/>
    <mergeCell ref="CL4:CL5"/>
    <mergeCell ref="CW4:CW5"/>
    <mergeCell ref="AU4:AW4"/>
    <mergeCell ref="AJ4:AL4"/>
    <mergeCell ref="AX4:BD4"/>
    <mergeCell ref="CB4:CD4"/>
    <mergeCell ref="AU3:BE3"/>
    <mergeCell ref="BE4:BE5"/>
    <mergeCell ref="BF3:BP3"/>
    <mergeCell ref="BP4:BP5"/>
    <mergeCell ref="BQ3:CA3"/>
    <mergeCell ref="CA4:CA5"/>
    <mergeCell ref="I1:J1"/>
    <mergeCell ref="L1:M1"/>
    <mergeCell ref="B3:B5"/>
    <mergeCell ref="C3:M3"/>
    <mergeCell ref="N3:X3"/>
    <mergeCell ref="X4:X5"/>
    <mergeCell ref="C4:E4"/>
    <mergeCell ref="F4:L4"/>
    <mergeCell ref="M4:M5"/>
    <mergeCell ref="N4:P4"/>
    <mergeCell ref="Q4:W4"/>
    <mergeCell ref="Y3:AI3"/>
    <mergeCell ref="Y4:AA4"/>
    <mergeCell ref="AB4:AH4"/>
    <mergeCell ref="AI4:AI5"/>
    <mergeCell ref="AJ3:AT3"/>
    <mergeCell ref="AM4:AS4"/>
    <mergeCell ref="AT4:AT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1">
        <f>第１表!F2</f>
        <v>6</v>
      </c>
      <c r="J1" s="441"/>
      <c r="K1" s="18">
        <f>第１表!G2</f>
        <v>9</v>
      </c>
      <c r="L1" s="445">
        <f>IF(K1&lt;3,K1+12-2,K1-2)</f>
        <v>7</v>
      </c>
      <c r="M1" s="445"/>
    </row>
    <row r="2" spans="2:101" s="71" customFormat="1" ht="24" customHeight="1" thickBot="1" x14ac:dyDescent="0.25">
      <c r="B2" s="142" t="s">
        <v>152</v>
      </c>
    </row>
    <row r="3" spans="2:101" ht="21" customHeight="1" thickBot="1" x14ac:dyDescent="0.25">
      <c r="B3" s="466"/>
      <c r="C3" s="463" t="s">
        <v>94</v>
      </c>
      <c r="D3" s="464"/>
      <c r="E3" s="464"/>
      <c r="F3" s="464"/>
      <c r="G3" s="464"/>
      <c r="H3" s="464"/>
      <c r="I3" s="464"/>
      <c r="J3" s="464"/>
      <c r="K3" s="464"/>
      <c r="L3" s="464"/>
      <c r="M3" s="465"/>
      <c r="N3" s="463" t="s">
        <v>88</v>
      </c>
      <c r="O3" s="464"/>
      <c r="P3" s="464"/>
      <c r="Q3" s="464"/>
      <c r="R3" s="464"/>
      <c r="S3" s="464"/>
      <c r="T3" s="464"/>
      <c r="U3" s="464"/>
      <c r="V3" s="464"/>
      <c r="W3" s="464"/>
      <c r="X3" s="465"/>
      <c r="Y3" s="463" t="s">
        <v>139</v>
      </c>
      <c r="Z3" s="464"/>
      <c r="AA3" s="464"/>
      <c r="AB3" s="464"/>
      <c r="AC3" s="464"/>
      <c r="AD3" s="464"/>
      <c r="AE3" s="464"/>
      <c r="AF3" s="464"/>
      <c r="AG3" s="464"/>
      <c r="AH3" s="464"/>
      <c r="AI3" s="465"/>
      <c r="AJ3" s="463" t="s">
        <v>90</v>
      </c>
      <c r="AK3" s="464"/>
      <c r="AL3" s="464"/>
      <c r="AM3" s="464"/>
      <c r="AN3" s="464"/>
      <c r="AO3" s="464"/>
      <c r="AP3" s="464"/>
      <c r="AQ3" s="464"/>
      <c r="AR3" s="464"/>
      <c r="AS3" s="464"/>
      <c r="AT3" s="465"/>
      <c r="AU3" s="479" t="s">
        <v>89</v>
      </c>
      <c r="AV3" s="480"/>
      <c r="AW3" s="480"/>
      <c r="AX3" s="480"/>
      <c r="AY3" s="480"/>
      <c r="AZ3" s="480"/>
      <c r="BA3" s="480"/>
      <c r="BB3" s="480"/>
      <c r="BC3" s="480"/>
      <c r="BD3" s="480"/>
      <c r="BE3" s="481"/>
      <c r="BF3" s="479" t="s">
        <v>91</v>
      </c>
      <c r="BG3" s="480"/>
      <c r="BH3" s="480"/>
      <c r="BI3" s="480"/>
      <c r="BJ3" s="480"/>
      <c r="BK3" s="480"/>
      <c r="BL3" s="480"/>
      <c r="BM3" s="480"/>
      <c r="BN3" s="480"/>
      <c r="BO3" s="480"/>
      <c r="BP3" s="481"/>
      <c r="BQ3" s="479" t="s">
        <v>92</v>
      </c>
      <c r="BR3" s="480"/>
      <c r="BS3" s="480"/>
      <c r="BT3" s="480"/>
      <c r="BU3" s="480"/>
      <c r="BV3" s="480"/>
      <c r="BW3" s="480"/>
      <c r="BX3" s="480"/>
      <c r="BY3" s="480"/>
      <c r="BZ3" s="480"/>
      <c r="CA3" s="481"/>
      <c r="CB3" s="479" t="s">
        <v>93</v>
      </c>
      <c r="CC3" s="480"/>
      <c r="CD3" s="480"/>
      <c r="CE3" s="480"/>
      <c r="CF3" s="480"/>
      <c r="CG3" s="480"/>
      <c r="CH3" s="480"/>
      <c r="CI3" s="480"/>
      <c r="CJ3" s="480"/>
      <c r="CK3" s="480"/>
      <c r="CL3" s="481"/>
      <c r="CM3" s="480" t="s">
        <v>138</v>
      </c>
      <c r="CN3" s="480"/>
      <c r="CO3" s="480"/>
      <c r="CP3" s="480"/>
      <c r="CQ3" s="480"/>
      <c r="CR3" s="480"/>
      <c r="CS3" s="480"/>
      <c r="CT3" s="480"/>
      <c r="CU3" s="480"/>
      <c r="CV3" s="480"/>
      <c r="CW3" s="481"/>
    </row>
    <row r="4" spans="2:101" ht="21" customHeight="1" x14ac:dyDescent="0.2">
      <c r="B4" s="467"/>
      <c r="C4" s="471" t="s">
        <v>61</v>
      </c>
      <c r="D4" s="472"/>
      <c r="E4" s="473"/>
      <c r="F4" s="474" t="s">
        <v>62</v>
      </c>
      <c r="G4" s="472"/>
      <c r="H4" s="472"/>
      <c r="I4" s="472"/>
      <c r="J4" s="472"/>
      <c r="K4" s="472"/>
      <c r="L4" s="475"/>
      <c r="M4" s="469" t="s">
        <v>52</v>
      </c>
      <c r="N4" s="471" t="s">
        <v>61</v>
      </c>
      <c r="O4" s="472"/>
      <c r="P4" s="473"/>
      <c r="Q4" s="474" t="s">
        <v>62</v>
      </c>
      <c r="R4" s="472"/>
      <c r="S4" s="472"/>
      <c r="T4" s="472"/>
      <c r="U4" s="472"/>
      <c r="V4" s="472"/>
      <c r="W4" s="473"/>
      <c r="X4" s="469" t="s">
        <v>52</v>
      </c>
      <c r="Y4" s="471" t="s">
        <v>61</v>
      </c>
      <c r="Z4" s="472"/>
      <c r="AA4" s="473"/>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93" t="s">
        <v>61</v>
      </c>
      <c r="AV4" s="491"/>
      <c r="AW4" s="492"/>
      <c r="AX4" s="490" t="s">
        <v>62</v>
      </c>
      <c r="AY4" s="491"/>
      <c r="AZ4" s="491"/>
      <c r="BA4" s="491"/>
      <c r="BB4" s="491"/>
      <c r="BC4" s="491"/>
      <c r="BD4" s="492"/>
      <c r="BE4" s="488" t="s">
        <v>52</v>
      </c>
      <c r="BF4" s="493" t="s">
        <v>61</v>
      </c>
      <c r="BG4" s="491"/>
      <c r="BH4" s="492"/>
      <c r="BI4" s="490" t="s">
        <v>62</v>
      </c>
      <c r="BJ4" s="491"/>
      <c r="BK4" s="491"/>
      <c r="BL4" s="491"/>
      <c r="BM4" s="491"/>
      <c r="BN4" s="491"/>
      <c r="BO4" s="492"/>
      <c r="BP4" s="488" t="s">
        <v>52</v>
      </c>
      <c r="BQ4" s="493" t="s">
        <v>61</v>
      </c>
      <c r="BR4" s="491"/>
      <c r="BS4" s="492"/>
      <c r="BT4" s="490" t="s">
        <v>62</v>
      </c>
      <c r="BU4" s="491"/>
      <c r="BV4" s="491"/>
      <c r="BW4" s="491"/>
      <c r="BX4" s="491"/>
      <c r="BY4" s="491"/>
      <c r="BZ4" s="492"/>
      <c r="CA4" s="488" t="s">
        <v>52</v>
      </c>
      <c r="CB4" s="493" t="s">
        <v>61</v>
      </c>
      <c r="CC4" s="491"/>
      <c r="CD4" s="492"/>
      <c r="CE4" s="490" t="s">
        <v>62</v>
      </c>
      <c r="CF4" s="491"/>
      <c r="CG4" s="491"/>
      <c r="CH4" s="491"/>
      <c r="CI4" s="491"/>
      <c r="CJ4" s="491"/>
      <c r="CK4" s="492"/>
      <c r="CL4" s="488" t="s">
        <v>52</v>
      </c>
      <c r="CM4" s="493" t="s">
        <v>61</v>
      </c>
      <c r="CN4" s="491"/>
      <c r="CO4" s="492"/>
      <c r="CP4" s="490" t="s">
        <v>62</v>
      </c>
      <c r="CQ4" s="491"/>
      <c r="CR4" s="491"/>
      <c r="CS4" s="491"/>
      <c r="CT4" s="491"/>
      <c r="CU4" s="491"/>
      <c r="CV4" s="492"/>
      <c r="CW4" s="488" t="s">
        <v>52</v>
      </c>
    </row>
    <row r="5" spans="2:101" ht="30" customHeight="1" thickBot="1" x14ac:dyDescent="0.25">
      <c r="B5" s="468"/>
      <c r="C5" s="177" t="s">
        <v>43</v>
      </c>
      <c r="D5" s="182" t="s">
        <v>44</v>
      </c>
      <c r="E5" s="205" t="s">
        <v>45</v>
      </c>
      <c r="F5" s="180" t="s">
        <v>83</v>
      </c>
      <c r="G5" s="178" t="s">
        <v>47</v>
      </c>
      <c r="H5" s="178" t="s">
        <v>48</v>
      </c>
      <c r="I5" s="178" t="s">
        <v>49</v>
      </c>
      <c r="J5" s="178" t="s">
        <v>50</v>
      </c>
      <c r="K5" s="178" t="s">
        <v>51</v>
      </c>
      <c r="L5" s="181" t="s">
        <v>45</v>
      </c>
      <c r="M5" s="470"/>
      <c r="N5" s="177" t="s">
        <v>43</v>
      </c>
      <c r="O5" s="178" t="s">
        <v>44</v>
      </c>
      <c r="P5" s="182" t="s">
        <v>45</v>
      </c>
      <c r="Q5" s="180" t="s">
        <v>83</v>
      </c>
      <c r="R5" s="178" t="s">
        <v>47</v>
      </c>
      <c r="S5" s="178" t="s">
        <v>48</v>
      </c>
      <c r="T5" s="178" t="s">
        <v>49</v>
      </c>
      <c r="U5" s="178" t="s">
        <v>50</v>
      </c>
      <c r="V5" s="178" t="s">
        <v>51</v>
      </c>
      <c r="W5" s="182" t="s">
        <v>45</v>
      </c>
      <c r="X5" s="470"/>
      <c r="Y5" s="177" t="s">
        <v>43</v>
      </c>
      <c r="Z5" s="178" t="s">
        <v>44</v>
      </c>
      <c r="AA5" s="182"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2" t="s">
        <v>45</v>
      </c>
      <c r="AX5" s="180" t="s">
        <v>83</v>
      </c>
      <c r="AY5" s="178" t="s">
        <v>47</v>
      </c>
      <c r="AZ5" s="178" t="s">
        <v>48</v>
      </c>
      <c r="BA5" s="178" t="s">
        <v>49</v>
      </c>
      <c r="BB5" s="178" t="s">
        <v>50</v>
      </c>
      <c r="BC5" s="178" t="s">
        <v>51</v>
      </c>
      <c r="BD5" s="182" t="s">
        <v>45</v>
      </c>
      <c r="BE5" s="489"/>
      <c r="BF5" s="177" t="s">
        <v>43</v>
      </c>
      <c r="BG5" s="178" t="s">
        <v>44</v>
      </c>
      <c r="BH5" s="182" t="s">
        <v>45</v>
      </c>
      <c r="BI5" s="180" t="s">
        <v>83</v>
      </c>
      <c r="BJ5" s="178" t="s">
        <v>47</v>
      </c>
      <c r="BK5" s="178" t="s">
        <v>48</v>
      </c>
      <c r="BL5" s="178" t="s">
        <v>49</v>
      </c>
      <c r="BM5" s="178" t="s">
        <v>50</v>
      </c>
      <c r="BN5" s="178" t="s">
        <v>51</v>
      </c>
      <c r="BO5" s="182" t="s">
        <v>45</v>
      </c>
      <c r="BP5" s="489"/>
      <c r="BQ5" s="177" t="s">
        <v>43</v>
      </c>
      <c r="BR5" s="178" t="s">
        <v>44</v>
      </c>
      <c r="BS5" s="182" t="s">
        <v>45</v>
      </c>
      <c r="BT5" s="180" t="s">
        <v>83</v>
      </c>
      <c r="BU5" s="178" t="s">
        <v>47</v>
      </c>
      <c r="BV5" s="178" t="s">
        <v>48</v>
      </c>
      <c r="BW5" s="178" t="s">
        <v>49</v>
      </c>
      <c r="BX5" s="178" t="s">
        <v>50</v>
      </c>
      <c r="BY5" s="178" t="s">
        <v>51</v>
      </c>
      <c r="BZ5" s="182" t="s">
        <v>45</v>
      </c>
      <c r="CA5" s="489"/>
      <c r="CB5" s="177" t="s">
        <v>43</v>
      </c>
      <c r="CC5" s="178" t="s">
        <v>44</v>
      </c>
      <c r="CD5" s="182" t="s">
        <v>45</v>
      </c>
      <c r="CE5" s="180" t="s">
        <v>83</v>
      </c>
      <c r="CF5" s="178" t="s">
        <v>47</v>
      </c>
      <c r="CG5" s="178" t="s">
        <v>48</v>
      </c>
      <c r="CH5" s="178" t="s">
        <v>49</v>
      </c>
      <c r="CI5" s="178" t="s">
        <v>50</v>
      </c>
      <c r="CJ5" s="178" t="s">
        <v>51</v>
      </c>
      <c r="CK5" s="182" t="s">
        <v>45</v>
      </c>
      <c r="CL5" s="489"/>
      <c r="CM5" s="177" t="s">
        <v>43</v>
      </c>
      <c r="CN5" s="178" t="s">
        <v>44</v>
      </c>
      <c r="CO5" s="182" t="s">
        <v>45</v>
      </c>
      <c r="CP5" s="180" t="s">
        <v>83</v>
      </c>
      <c r="CQ5" s="178" t="s">
        <v>47</v>
      </c>
      <c r="CR5" s="178" t="s">
        <v>48</v>
      </c>
      <c r="CS5" s="178" t="s">
        <v>49</v>
      </c>
      <c r="CT5" s="178" t="s">
        <v>50</v>
      </c>
      <c r="CU5" s="178" t="s">
        <v>51</v>
      </c>
      <c r="CV5" s="182" t="s">
        <v>45</v>
      </c>
      <c r="CW5" s="489"/>
    </row>
    <row r="6" spans="2:101" ht="21" customHeight="1" x14ac:dyDescent="0.2">
      <c r="B6" s="84" t="s">
        <v>4</v>
      </c>
      <c r="C6" s="183">
        <v>0</v>
      </c>
      <c r="D6" s="189">
        <v>0</v>
      </c>
      <c r="E6" s="206">
        <v>0</v>
      </c>
      <c r="F6" s="186">
        <v>0</v>
      </c>
      <c r="G6" s="184">
        <v>15</v>
      </c>
      <c r="H6" s="184">
        <v>36</v>
      </c>
      <c r="I6" s="184">
        <v>22</v>
      </c>
      <c r="J6" s="184">
        <v>26</v>
      </c>
      <c r="K6" s="184">
        <v>24</v>
      </c>
      <c r="L6" s="187">
        <v>123</v>
      </c>
      <c r="M6" s="188">
        <v>123</v>
      </c>
      <c r="N6" s="183">
        <v>0</v>
      </c>
      <c r="O6" s="184">
        <v>0</v>
      </c>
      <c r="P6" s="189">
        <v>0</v>
      </c>
      <c r="Q6" s="186">
        <v>0</v>
      </c>
      <c r="R6" s="184">
        <v>12</v>
      </c>
      <c r="S6" s="184">
        <v>28</v>
      </c>
      <c r="T6" s="184">
        <v>23</v>
      </c>
      <c r="U6" s="184">
        <v>27</v>
      </c>
      <c r="V6" s="184">
        <v>33</v>
      </c>
      <c r="W6" s="189">
        <v>123</v>
      </c>
      <c r="X6" s="188">
        <v>123</v>
      </c>
      <c r="Y6" s="183">
        <v>0</v>
      </c>
      <c r="Z6" s="184">
        <v>0</v>
      </c>
      <c r="AA6" s="189">
        <v>0</v>
      </c>
      <c r="AB6" s="186">
        <v>0</v>
      </c>
      <c r="AC6" s="184">
        <v>910</v>
      </c>
      <c r="AD6" s="184">
        <v>758</v>
      </c>
      <c r="AE6" s="184">
        <v>338</v>
      </c>
      <c r="AF6" s="184">
        <v>130</v>
      </c>
      <c r="AG6" s="184">
        <v>48</v>
      </c>
      <c r="AH6" s="189">
        <v>2184</v>
      </c>
      <c r="AI6" s="188">
        <v>2184</v>
      </c>
      <c r="AJ6" s="183">
        <v>2</v>
      </c>
      <c r="AK6" s="184">
        <v>0</v>
      </c>
      <c r="AL6" s="189">
        <v>2</v>
      </c>
      <c r="AM6" s="186">
        <v>0</v>
      </c>
      <c r="AN6" s="184">
        <v>48</v>
      </c>
      <c r="AO6" s="184">
        <v>60</v>
      </c>
      <c r="AP6" s="184">
        <v>72</v>
      </c>
      <c r="AQ6" s="184">
        <v>16</v>
      </c>
      <c r="AR6" s="184">
        <v>22</v>
      </c>
      <c r="AS6" s="189">
        <v>218</v>
      </c>
      <c r="AT6" s="188">
        <v>220</v>
      </c>
      <c r="AU6" s="183">
        <v>12</v>
      </c>
      <c r="AV6" s="184">
        <v>25</v>
      </c>
      <c r="AW6" s="189">
        <v>37</v>
      </c>
      <c r="AX6" s="186">
        <v>0</v>
      </c>
      <c r="AY6" s="184">
        <v>70</v>
      </c>
      <c r="AZ6" s="184">
        <v>50</v>
      </c>
      <c r="BA6" s="184">
        <v>67</v>
      </c>
      <c r="BB6" s="184">
        <v>43</v>
      </c>
      <c r="BC6" s="184">
        <v>18</v>
      </c>
      <c r="BD6" s="189">
        <v>248</v>
      </c>
      <c r="BE6" s="188">
        <v>285</v>
      </c>
      <c r="BF6" s="183">
        <v>0</v>
      </c>
      <c r="BG6" s="184">
        <v>0</v>
      </c>
      <c r="BH6" s="189">
        <v>0</v>
      </c>
      <c r="BI6" s="186">
        <v>0</v>
      </c>
      <c r="BJ6" s="184">
        <v>67</v>
      </c>
      <c r="BK6" s="184">
        <v>112</v>
      </c>
      <c r="BL6" s="184">
        <v>139</v>
      </c>
      <c r="BM6" s="184">
        <v>81</v>
      </c>
      <c r="BN6" s="184">
        <v>80</v>
      </c>
      <c r="BO6" s="187">
        <v>479</v>
      </c>
      <c r="BP6" s="188">
        <v>479</v>
      </c>
      <c r="BQ6" s="183">
        <v>0</v>
      </c>
      <c r="BR6" s="184">
        <v>0</v>
      </c>
      <c r="BS6" s="189">
        <v>0</v>
      </c>
      <c r="BT6" s="186">
        <v>0</v>
      </c>
      <c r="BU6" s="184">
        <v>1</v>
      </c>
      <c r="BV6" s="184">
        <v>4</v>
      </c>
      <c r="BW6" s="184">
        <v>7</v>
      </c>
      <c r="BX6" s="184">
        <v>5</v>
      </c>
      <c r="BY6" s="184">
        <v>8</v>
      </c>
      <c r="BZ6" s="189">
        <v>25</v>
      </c>
      <c r="CA6" s="188">
        <v>25</v>
      </c>
      <c r="CB6" s="183">
        <v>0</v>
      </c>
      <c r="CC6" s="184">
        <v>0</v>
      </c>
      <c r="CD6" s="189">
        <v>0</v>
      </c>
      <c r="CE6" s="186">
        <v>0</v>
      </c>
      <c r="CF6" s="184">
        <v>0</v>
      </c>
      <c r="CG6" s="184">
        <v>1</v>
      </c>
      <c r="CH6" s="184">
        <v>4</v>
      </c>
      <c r="CI6" s="184">
        <v>21</v>
      </c>
      <c r="CJ6" s="184">
        <v>6</v>
      </c>
      <c r="CK6" s="189">
        <v>32</v>
      </c>
      <c r="CL6" s="188">
        <v>32</v>
      </c>
      <c r="CM6" s="183">
        <v>0</v>
      </c>
      <c r="CN6" s="184">
        <v>0</v>
      </c>
      <c r="CO6" s="189">
        <v>0</v>
      </c>
      <c r="CP6" s="186">
        <v>0</v>
      </c>
      <c r="CQ6" s="184">
        <v>13</v>
      </c>
      <c r="CR6" s="184">
        <v>19</v>
      </c>
      <c r="CS6" s="184">
        <v>18</v>
      </c>
      <c r="CT6" s="184">
        <v>15</v>
      </c>
      <c r="CU6" s="184">
        <v>31</v>
      </c>
      <c r="CV6" s="189">
        <v>96</v>
      </c>
      <c r="CW6" s="188">
        <v>96</v>
      </c>
    </row>
    <row r="7" spans="2:101" ht="21" customHeight="1" x14ac:dyDescent="0.2">
      <c r="B7" s="95" t="s">
        <v>5</v>
      </c>
      <c r="C7" s="190">
        <v>0</v>
      </c>
      <c r="D7" s="196">
        <v>0</v>
      </c>
      <c r="E7" s="207">
        <v>0</v>
      </c>
      <c r="F7" s="193">
        <v>0</v>
      </c>
      <c r="G7" s="191">
        <v>7</v>
      </c>
      <c r="H7" s="191">
        <v>14</v>
      </c>
      <c r="I7" s="191">
        <v>13</v>
      </c>
      <c r="J7" s="191">
        <v>12</v>
      </c>
      <c r="K7" s="191">
        <v>10</v>
      </c>
      <c r="L7" s="194">
        <v>56</v>
      </c>
      <c r="M7" s="195">
        <v>56</v>
      </c>
      <c r="N7" s="190">
        <v>0</v>
      </c>
      <c r="O7" s="191">
        <v>0</v>
      </c>
      <c r="P7" s="196">
        <v>0</v>
      </c>
      <c r="Q7" s="193">
        <v>0</v>
      </c>
      <c r="R7" s="191">
        <v>6</v>
      </c>
      <c r="S7" s="191">
        <v>21</v>
      </c>
      <c r="T7" s="191">
        <v>15</v>
      </c>
      <c r="U7" s="191">
        <v>18</v>
      </c>
      <c r="V7" s="191">
        <v>24</v>
      </c>
      <c r="W7" s="196">
        <v>84</v>
      </c>
      <c r="X7" s="195">
        <v>84</v>
      </c>
      <c r="Y7" s="190">
        <v>0</v>
      </c>
      <c r="Z7" s="191">
        <v>0</v>
      </c>
      <c r="AA7" s="196">
        <v>0</v>
      </c>
      <c r="AB7" s="193">
        <v>0</v>
      </c>
      <c r="AC7" s="191">
        <v>367</v>
      </c>
      <c r="AD7" s="191">
        <v>394</v>
      </c>
      <c r="AE7" s="191">
        <v>183</v>
      </c>
      <c r="AF7" s="191">
        <v>54</v>
      </c>
      <c r="AG7" s="191">
        <v>17</v>
      </c>
      <c r="AH7" s="196">
        <v>1015</v>
      </c>
      <c r="AI7" s="195">
        <v>1015</v>
      </c>
      <c r="AJ7" s="190">
        <v>1</v>
      </c>
      <c r="AK7" s="191">
        <v>0</v>
      </c>
      <c r="AL7" s="196">
        <v>1</v>
      </c>
      <c r="AM7" s="193">
        <v>0</v>
      </c>
      <c r="AN7" s="191">
        <v>25</v>
      </c>
      <c r="AO7" s="191">
        <v>29</v>
      </c>
      <c r="AP7" s="191">
        <v>43</v>
      </c>
      <c r="AQ7" s="191">
        <v>9</v>
      </c>
      <c r="AR7" s="191">
        <v>16</v>
      </c>
      <c r="AS7" s="196">
        <v>122</v>
      </c>
      <c r="AT7" s="195">
        <v>123</v>
      </c>
      <c r="AU7" s="190">
        <v>8</v>
      </c>
      <c r="AV7" s="191">
        <v>12</v>
      </c>
      <c r="AW7" s="196">
        <v>20</v>
      </c>
      <c r="AX7" s="193">
        <v>0</v>
      </c>
      <c r="AY7" s="191">
        <v>28</v>
      </c>
      <c r="AZ7" s="191">
        <v>23</v>
      </c>
      <c r="BA7" s="191">
        <v>28</v>
      </c>
      <c r="BB7" s="191">
        <v>28</v>
      </c>
      <c r="BC7" s="191">
        <v>9</v>
      </c>
      <c r="BD7" s="196">
        <v>116</v>
      </c>
      <c r="BE7" s="195">
        <v>136</v>
      </c>
      <c r="BF7" s="190">
        <v>0</v>
      </c>
      <c r="BG7" s="191">
        <v>0</v>
      </c>
      <c r="BH7" s="196">
        <v>0</v>
      </c>
      <c r="BI7" s="193">
        <v>0</v>
      </c>
      <c r="BJ7" s="191">
        <v>27</v>
      </c>
      <c r="BK7" s="191">
        <v>38</v>
      </c>
      <c r="BL7" s="191">
        <v>52</v>
      </c>
      <c r="BM7" s="191">
        <v>37</v>
      </c>
      <c r="BN7" s="191">
        <v>30</v>
      </c>
      <c r="BO7" s="194">
        <v>184</v>
      </c>
      <c r="BP7" s="195">
        <v>184</v>
      </c>
      <c r="BQ7" s="190">
        <v>0</v>
      </c>
      <c r="BR7" s="191">
        <v>0</v>
      </c>
      <c r="BS7" s="196">
        <v>0</v>
      </c>
      <c r="BT7" s="193">
        <v>0</v>
      </c>
      <c r="BU7" s="191">
        <v>0</v>
      </c>
      <c r="BV7" s="191">
        <v>0</v>
      </c>
      <c r="BW7" s="191">
        <v>0</v>
      </c>
      <c r="BX7" s="191">
        <v>0</v>
      </c>
      <c r="BY7" s="191">
        <v>0</v>
      </c>
      <c r="BZ7" s="196">
        <v>0</v>
      </c>
      <c r="CA7" s="195">
        <v>0</v>
      </c>
      <c r="CB7" s="190">
        <v>0</v>
      </c>
      <c r="CC7" s="191">
        <v>0</v>
      </c>
      <c r="CD7" s="196">
        <v>0</v>
      </c>
      <c r="CE7" s="193">
        <v>0</v>
      </c>
      <c r="CF7" s="191">
        <v>0</v>
      </c>
      <c r="CG7" s="191">
        <v>0</v>
      </c>
      <c r="CH7" s="191">
        <v>0</v>
      </c>
      <c r="CI7" s="191">
        <v>2</v>
      </c>
      <c r="CJ7" s="191">
        <v>0</v>
      </c>
      <c r="CK7" s="196">
        <v>2</v>
      </c>
      <c r="CL7" s="195">
        <v>2</v>
      </c>
      <c r="CM7" s="190">
        <v>0</v>
      </c>
      <c r="CN7" s="191">
        <v>0</v>
      </c>
      <c r="CO7" s="196">
        <v>0</v>
      </c>
      <c r="CP7" s="193">
        <v>0</v>
      </c>
      <c r="CQ7" s="191">
        <v>2</v>
      </c>
      <c r="CR7" s="191">
        <v>6</v>
      </c>
      <c r="CS7" s="191">
        <v>3</v>
      </c>
      <c r="CT7" s="191">
        <v>5</v>
      </c>
      <c r="CU7" s="191">
        <v>10</v>
      </c>
      <c r="CV7" s="196">
        <v>26</v>
      </c>
      <c r="CW7" s="195">
        <v>26</v>
      </c>
    </row>
    <row r="8" spans="2:101" ht="21" customHeight="1" x14ac:dyDescent="0.2">
      <c r="B8" s="106" t="s">
        <v>6</v>
      </c>
      <c r="C8" s="190">
        <v>0</v>
      </c>
      <c r="D8" s="196">
        <v>0</v>
      </c>
      <c r="E8" s="207">
        <v>0</v>
      </c>
      <c r="F8" s="193">
        <v>0</v>
      </c>
      <c r="G8" s="191">
        <v>4</v>
      </c>
      <c r="H8" s="191">
        <v>8</v>
      </c>
      <c r="I8" s="191">
        <v>6</v>
      </c>
      <c r="J8" s="191">
        <v>7</v>
      </c>
      <c r="K8" s="191">
        <v>7</v>
      </c>
      <c r="L8" s="194">
        <v>32</v>
      </c>
      <c r="M8" s="195">
        <v>32</v>
      </c>
      <c r="N8" s="190">
        <v>0</v>
      </c>
      <c r="O8" s="191">
        <v>0</v>
      </c>
      <c r="P8" s="196">
        <v>0</v>
      </c>
      <c r="Q8" s="193">
        <v>0</v>
      </c>
      <c r="R8" s="191">
        <v>5</v>
      </c>
      <c r="S8" s="191">
        <v>7</v>
      </c>
      <c r="T8" s="191">
        <v>8</v>
      </c>
      <c r="U8" s="191">
        <v>5</v>
      </c>
      <c r="V8" s="191">
        <v>8</v>
      </c>
      <c r="W8" s="196">
        <v>33</v>
      </c>
      <c r="X8" s="195">
        <v>33</v>
      </c>
      <c r="Y8" s="190">
        <v>0</v>
      </c>
      <c r="Z8" s="191">
        <v>0</v>
      </c>
      <c r="AA8" s="196">
        <v>0</v>
      </c>
      <c r="AB8" s="193">
        <v>0</v>
      </c>
      <c r="AC8" s="191">
        <v>140</v>
      </c>
      <c r="AD8" s="191">
        <v>97</v>
      </c>
      <c r="AE8" s="191">
        <v>43</v>
      </c>
      <c r="AF8" s="191">
        <v>22</v>
      </c>
      <c r="AG8" s="191">
        <v>11</v>
      </c>
      <c r="AH8" s="196">
        <v>313</v>
      </c>
      <c r="AI8" s="195">
        <v>313</v>
      </c>
      <c r="AJ8" s="190">
        <v>0</v>
      </c>
      <c r="AK8" s="191">
        <v>0</v>
      </c>
      <c r="AL8" s="196">
        <v>0</v>
      </c>
      <c r="AM8" s="193">
        <v>0</v>
      </c>
      <c r="AN8" s="191">
        <v>11</v>
      </c>
      <c r="AO8" s="191">
        <v>17</v>
      </c>
      <c r="AP8" s="191">
        <v>18</v>
      </c>
      <c r="AQ8" s="191">
        <v>2</v>
      </c>
      <c r="AR8" s="191">
        <v>5</v>
      </c>
      <c r="AS8" s="196">
        <v>53</v>
      </c>
      <c r="AT8" s="195">
        <v>53</v>
      </c>
      <c r="AU8" s="190">
        <v>1</v>
      </c>
      <c r="AV8" s="191">
        <v>7</v>
      </c>
      <c r="AW8" s="196">
        <v>8</v>
      </c>
      <c r="AX8" s="193">
        <v>0</v>
      </c>
      <c r="AY8" s="191">
        <v>9</v>
      </c>
      <c r="AZ8" s="191">
        <v>6</v>
      </c>
      <c r="BA8" s="191">
        <v>12</v>
      </c>
      <c r="BB8" s="191">
        <v>2</v>
      </c>
      <c r="BC8" s="191">
        <v>3</v>
      </c>
      <c r="BD8" s="196">
        <v>32</v>
      </c>
      <c r="BE8" s="195">
        <v>40</v>
      </c>
      <c r="BF8" s="190">
        <v>0</v>
      </c>
      <c r="BG8" s="191">
        <v>0</v>
      </c>
      <c r="BH8" s="196">
        <v>0</v>
      </c>
      <c r="BI8" s="193">
        <v>0</v>
      </c>
      <c r="BJ8" s="191">
        <v>17</v>
      </c>
      <c r="BK8" s="191">
        <v>25</v>
      </c>
      <c r="BL8" s="191">
        <v>29</v>
      </c>
      <c r="BM8" s="191">
        <v>15</v>
      </c>
      <c r="BN8" s="191">
        <v>20</v>
      </c>
      <c r="BO8" s="194">
        <v>106</v>
      </c>
      <c r="BP8" s="195">
        <v>106</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0</v>
      </c>
      <c r="CG8" s="191">
        <v>1</v>
      </c>
      <c r="CH8" s="191">
        <v>3</v>
      </c>
      <c r="CI8" s="191">
        <v>6</v>
      </c>
      <c r="CJ8" s="191">
        <v>3</v>
      </c>
      <c r="CK8" s="196">
        <v>13</v>
      </c>
      <c r="CL8" s="195">
        <v>13</v>
      </c>
      <c r="CM8" s="190">
        <v>0</v>
      </c>
      <c r="CN8" s="191">
        <v>0</v>
      </c>
      <c r="CO8" s="196">
        <v>0</v>
      </c>
      <c r="CP8" s="193">
        <v>0</v>
      </c>
      <c r="CQ8" s="191">
        <v>5</v>
      </c>
      <c r="CR8" s="191">
        <v>5</v>
      </c>
      <c r="CS8" s="191">
        <v>9</v>
      </c>
      <c r="CT8" s="191">
        <v>5</v>
      </c>
      <c r="CU8" s="191">
        <v>11</v>
      </c>
      <c r="CV8" s="196">
        <v>35</v>
      </c>
      <c r="CW8" s="195">
        <v>35</v>
      </c>
    </row>
    <row r="9" spans="2:101" ht="21" customHeight="1" x14ac:dyDescent="0.2">
      <c r="B9" s="106" t="s">
        <v>14</v>
      </c>
      <c r="C9" s="190">
        <v>0</v>
      </c>
      <c r="D9" s="196">
        <v>0</v>
      </c>
      <c r="E9" s="207">
        <v>0</v>
      </c>
      <c r="F9" s="193">
        <v>0</v>
      </c>
      <c r="G9" s="191">
        <v>2</v>
      </c>
      <c r="H9" s="191">
        <v>5</v>
      </c>
      <c r="I9" s="191">
        <v>0</v>
      </c>
      <c r="J9" s="191">
        <v>1</v>
      </c>
      <c r="K9" s="191">
        <v>2</v>
      </c>
      <c r="L9" s="194">
        <v>10</v>
      </c>
      <c r="M9" s="195">
        <v>10</v>
      </c>
      <c r="N9" s="190">
        <v>0</v>
      </c>
      <c r="O9" s="191">
        <v>0</v>
      </c>
      <c r="P9" s="196">
        <v>0</v>
      </c>
      <c r="Q9" s="193">
        <v>0</v>
      </c>
      <c r="R9" s="191">
        <v>0</v>
      </c>
      <c r="S9" s="191">
        <v>0</v>
      </c>
      <c r="T9" s="191">
        <v>0</v>
      </c>
      <c r="U9" s="191">
        <v>0</v>
      </c>
      <c r="V9" s="191">
        <v>0</v>
      </c>
      <c r="W9" s="196">
        <v>0</v>
      </c>
      <c r="X9" s="195">
        <v>0</v>
      </c>
      <c r="Y9" s="190">
        <v>0</v>
      </c>
      <c r="Z9" s="191">
        <v>0</v>
      </c>
      <c r="AA9" s="196">
        <v>0</v>
      </c>
      <c r="AB9" s="193">
        <v>0</v>
      </c>
      <c r="AC9" s="191">
        <v>48</v>
      </c>
      <c r="AD9" s="191">
        <v>57</v>
      </c>
      <c r="AE9" s="191">
        <v>17</v>
      </c>
      <c r="AF9" s="191">
        <v>8</v>
      </c>
      <c r="AG9" s="191">
        <v>1</v>
      </c>
      <c r="AH9" s="196">
        <v>131</v>
      </c>
      <c r="AI9" s="195">
        <v>131</v>
      </c>
      <c r="AJ9" s="190">
        <v>0</v>
      </c>
      <c r="AK9" s="191">
        <v>0</v>
      </c>
      <c r="AL9" s="196">
        <v>0</v>
      </c>
      <c r="AM9" s="193">
        <v>0</v>
      </c>
      <c r="AN9" s="191">
        <v>0</v>
      </c>
      <c r="AO9" s="191">
        <v>1</v>
      </c>
      <c r="AP9" s="191">
        <v>0</v>
      </c>
      <c r="AQ9" s="191">
        <v>1</v>
      </c>
      <c r="AR9" s="191">
        <v>0</v>
      </c>
      <c r="AS9" s="196">
        <v>2</v>
      </c>
      <c r="AT9" s="195">
        <v>2</v>
      </c>
      <c r="AU9" s="190">
        <v>2</v>
      </c>
      <c r="AV9" s="191">
        <v>0</v>
      </c>
      <c r="AW9" s="196">
        <v>2</v>
      </c>
      <c r="AX9" s="193">
        <v>0</v>
      </c>
      <c r="AY9" s="191">
        <v>4</v>
      </c>
      <c r="AZ9" s="191">
        <v>6</v>
      </c>
      <c r="BA9" s="191">
        <v>7</v>
      </c>
      <c r="BB9" s="191">
        <v>3</v>
      </c>
      <c r="BC9" s="191">
        <v>2</v>
      </c>
      <c r="BD9" s="196">
        <v>22</v>
      </c>
      <c r="BE9" s="195">
        <v>24</v>
      </c>
      <c r="BF9" s="190">
        <v>0</v>
      </c>
      <c r="BG9" s="191">
        <v>0</v>
      </c>
      <c r="BH9" s="196">
        <v>0</v>
      </c>
      <c r="BI9" s="193">
        <v>0</v>
      </c>
      <c r="BJ9" s="191">
        <v>5</v>
      </c>
      <c r="BK9" s="191">
        <v>7</v>
      </c>
      <c r="BL9" s="191">
        <v>15</v>
      </c>
      <c r="BM9" s="191">
        <v>6</v>
      </c>
      <c r="BN9" s="191">
        <v>6</v>
      </c>
      <c r="BO9" s="194">
        <v>39</v>
      </c>
      <c r="BP9" s="195">
        <v>39</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0</v>
      </c>
      <c r="CI9" s="191">
        <v>3</v>
      </c>
      <c r="CJ9" s="191">
        <v>0</v>
      </c>
      <c r="CK9" s="196">
        <v>3</v>
      </c>
      <c r="CL9" s="195">
        <v>3</v>
      </c>
      <c r="CM9" s="190">
        <v>0</v>
      </c>
      <c r="CN9" s="191">
        <v>0</v>
      </c>
      <c r="CO9" s="196">
        <v>0</v>
      </c>
      <c r="CP9" s="193">
        <v>0</v>
      </c>
      <c r="CQ9" s="191">
        <v>0</v>
      </c>
      <c r="CR9" s="191">
        <v>2</v>
      </c>
      <c r="CS9" s="191">
        <v>2</v>
      </c>
      <c r="CT9" s="191">
        <v>2</v>
      </c>
      <c r="CU9" s="191">
        <v>1</v>
      </c>
      <c r="CV9" s="196">
        <v>7</v>
      </c>
      <c r="CW9" s="195">
        <v>7</v>
      </c>
    </row>
    <row r="10" spans="2:101" ht="21" customHeight="1" x14ac:dyDescent="0.2">
      <c r="B10" s="106" t="s">
        <v>7</v>
      </c>
      <c r="C10" s="190">
        <v>0</v>
      </c>
      <c r="D10" s="196">
        <v>0</v>
      </c>
      <c r="E10" s="207">
        <v>0</v>
      </c>
      <c r="F10" s="193">
        <v>0</v>
      </c>
      <c r="G10" s="191">
        <v>0</v>
      </c>
      <c r="H10" s="191">
        <v>1</v>
      </c>
      <c r="I10" s="191">
        <v>0</v>
      </c>
      <c r="J10" s="191">
        <v>0</v>
      </c>
      <c r="K10" s="191">
        <v>1</v>
      </c>
      <c r="L10" s="194">
        <v>2</v>
      </c>
      <c r="M10" s="195">
        <v>2</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49</v>
      </c>
      <c r="AD10" s="191">
        <v>20</v>
      </c>
      <c r="AE10" s="191">
        <v>7</v>
      </c>
      <c r="AF10" s="191">
        <v>6</v>
      </c>
      <c r="AG10" s="191">
        <v>1</v>
      </c>
      <c r="AH10" s="196">
        <v>83</v>
      </c>
      <c r="AI10" s="195">
        <v>83</v>
      </c>
      <c r="AJ10" s="190">
        <v>0</v>
      </c>
      <c r="AK10" s="191">
        <v>0</v>
      </c>
      <c r="AL10" s="196">
        <v>0</v>
      </c>
      <c r="AM10" s="193">
        <v>0</v>
      </c>
      <c r="AN10" s="191">
        <v>3</v>
      </c>
      <c r="AO10" s="191">
        <v>3</v>
      </c>
      <c r="AP10" s="191">
        <v>5</v>
      </c>
      <c r="AQ10" s="191">
        <v>1</v>
      </c>
      <c r="AR10" s="191">
        <v>0</v>
      </c>
      <c r="AS10" s="196">
        <v>12</v>
      </c>
      <c r="AT10" s="195">
        <v>12</v>
      </c>
      <c r="AU10" s="190">
        <v>0</v>
      </c>
      <c r="AV10" s="191">
        <v>0</v>
      </c>
      <c r="AW10" s="196">
        <v>0</v>
      </c>
      <c r="AX10" s="193">
        <v>0</v>
      </c>
      <c r="AY10" s="191">
        <v>3</v>
      </c>
      <c r="AZ10" s="191">
        <v>1</v>
      </c>
      <c r="BA10" s="191">
        <v>1</v>
      </c>
      <c r="BB10" s="191">
        <v>1</v>
      </c>
      <c r="BC10" s="191">
        <v>0</v>
      </c>
      <c r="BD10" s="196">
        <v>6</v>
      </c>
      <c r="BE10" s="195">
        <v>6</v>
      </c>
      <c r="BF10" s="190">
        <v>0</v>
      </c>
      <c r="BG10" s="191">
        <v>0</v>
      </c>
      <c r="BH10" s="196">
        <v>0</v>
      </c>
      <c r="BI10" s="193">
        <v>0</v>
      </c>
      <c r="BJ10" s="191">
        <v>2</v>
      </c>
      <c r="BK10" s="191">
        <v>5</v>
      </c>
      <c r="BL10" s="191">
        <v>4</v>
      </c>
      <c r="BM10" s="191">
        <v>5</v>
      </c>
      <c r="BN10" s="191">
        <v>2</v>
      </c>
      <c r="BO10" s="194">
        <v>18</v>
      </c>
      <c r="BP10" s="195">
        <v>18</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1</v>
      </c>
      <c r="CR10" s="191">
        <v>0</v>
      </c>
      <c r="CS10" s="191">
        <v>0</v>
      </c>
      <c r="CT10" s="191">
        <v>0</v>
      </c>
      <c r="CU10" s="191">
        <v>1</v>
      </c>
      <c r="CV10" s="196">
        <v>2</v>
      </c>
      <c r="CW10" s="195">
        <v>2</v>
      </c>
    </row>
    <row r="11" spans="2:101" ht="21" customHeight="1" x14ac:dyDescent="0.2">
      <c r="B11" s="106" t="s">
        <v>8</v>
      </c>
      <c r="C11" s="190">
        <v>0</v>
      </c>
      <c r="D11" s="196">
        <v>0</v>
      </c>
      <c r="E11" s="207">
        <v>0</v>
      </c>
      <c r="F11" s="193">
        <v>0</v>
      </c>
      <c r="G11" s="191">
        <v>0</v>
      </c>
      <c r="H11" s="191">
        <v>0</v>
      </c>
      <c r="I11" s="191">
        <v>0</v>
      </c>
      <c r="J11" s="191">
        <v>0</v>
      </c>
      <c r="K11" s="191">
        <v>0</v>
      </c>
      <c r="L11" s="194">
        <v>0</v>
      </c>
      <c r="M11" s="195">
        <v>0</v>
      </c>
      <c r="N11" s="190">
        <v>0</v>
      </c>
      <c r="O11" s="191">
        <v>0</v>
      </c>
      <c r="P11" s="196">
        <v>0</v>
      </c>
      <c r="Q11" s="193">
        <v>0</v>
      </c>
      <c r="R11" s="191">
        <v>0</v>
      </c>
      <c r="S11" s="191">
        <v>0</v>
      </c>
      <c r="T11" s="191">
        <v>0</v>
      </c>
      <c r="U11" s="191">
        <v>0</v>
      </c>
      <c r="V11" s="191">
        <v>0</v>
      </c>
      <c r="W11" s="196">
        <v>0</v>
      </c>
      <c r="X11" s="195">
        <v>0</v>
      </c>
      <c r="Y11" s="190">
        <v>0</v>
      </c>
      <c r="Z11" s="191">
        <v>0</v>
      </c>
      <c r="AA11" s="196">
        <v>0</v>
      </c>
      <c r="AB11" s="193">
        <v>0</v>
      </c>
      <c r="AC11" s="191">
        <v>37</v>
      </c>
      <c r="AD11" s="191">
        <v>22</v>
      </c>
      <c r="AE11" s="191">
        <v>6</v>
      </c>
      <c r="AF11" s="191">
        <v>2</v>
      </c>
      <c r="AG11" s="191">
        <v>1</v>
      </c>
      <c r="AH11" s="196">
        <v>68</v>
      </c>
      <c r="AI11" s="195">
        <v>68</v>
      </c>
      <c r="AJ11" s="190">
        <v>0</v>
      </c>
      <c r="AK11" s="191">
        <v>0</v>
      </c>
      <c r="AL11" s="196">
        <v>0</v>
      </c>
      <c r="AM11" s="193">
        <v>0</v>
      </c>
      <c r="AN11" s="191">
        <v>0</v>
      </c>
      <c r="AO11" s="191">
        <v>0</v>
      </c>
      <c r="AP11" s="191">
        <v>0</v>
      </c>
      <c r="AQ11" s="191">
        <v>0</v>
      </c>
      <c r="AR11" s="191">
        <v>0</v>
      </c>
      <c r="AS11" s="196">
        <v>0</v>
      </c>
      <c r="AT11" s="195">
        <v>0</v>
      </c>
      <c r="AU11" s="190">
        <v>0</v>
      </c>
      <c r="AV11" s="191">
        <v>1</v>
      </c>
      <c r="AW11" s="196">
        <v>1</v>
      </c>
      <c r="AX11" s="193">
        <v>0</v>
      </c>
      <c r="AY11" s="191">
        <v>0</v>
      </c>
      <c r="AZ11" s="191">
        <v>1</v>
      </c>
      <c r="BA11" s="191">
        <v>3</v>
      </c>
      <c r="BB11" s="191">
        <v>1</v>
      </c>
      <c r="BC11" s="191">
        <v>0</v>
      </c>
      <c r="BD11" s="196">
        <v>5</v>
      </c>
      <c r="BE11" s="195">
        <v>6</v>
      </c>
      <c r="BF11" s="190">
        <v>0</v>
      </c>
      <c r="BG11" s="191">
        <v>0</v>
      </c>
      <c r="BH11" s="196">
        <v>0</v>
      </c>
      <c r="BI11" s="193">
        <v>0</v>
      </c>
      <c r="BJ11" s="191">
        <v>0</v>
      </c>
      <c r="BK11" s="191">
        <v>4</v>
      </c>
      <c r="BL11" s="191">
        <v>2</v>
      </c>
      <c r="BM11" s="191">
        <v>2</v>
      </c>
      <c r="BN11" s="191">
        <v>0</v>
      </c>
      <c r="BO11" s="194">
        <v>8</v>
      </c>
      <c r="BP11" s="195">
        <v>8</v>
      </c>
      <c r="BQ11" s="190">
        <v>0</v>
      </c>
      <c r="BR11" s="191">
        <v>0</v>
      </c>
      <c r="BS11" s="196">
        <v>0</v>
      </c>
      <c r="BT11" s="193">
        <v>0</v>
      </c>
      <c r="BU11" s="191">
        <v>0</v>
      </c>
      <c r="BV11" s="191">
        <v>0</v>
      </c>
      <c r="BW11" s="191">
        <v>0</v>
      </c>
      <c r="BX11" s="191">
        <v>2</v>
      </c>
      <c r="BY11" s="191">
        <v>1</v>
      </c>
      <c r="BZ11" s="196">
        <v>3</v>
      </c>
      <c r="CA11" s="195">
        <v>3</v>
      </c>
      <c r="CB11" s="190">
        <v>0</v>
      </c>
      <c r="CC11" s="191">
        <v>0</v>
      </c>
      <c r="CD11" s="196">
        <v>0</v>
      </c>
      <c r="CE11" s="193">
        <v>0</v>
      </c>
      <c r="CF11" s="191">
        <v>0</v>
      </c>
      <c r="CG11" s="191">
        <v>0</v>
      </c>
      <c r="CH11" s="191">
        <v>0</v>
      </c>
      <c r="CI11" s="191">
        <v>2</v>
      </c>
      <c r="CJ11" s="191">
        <v>0</v>
      </c>
      <c r="CK11" s="196">
        <v>2</v>
      </c>
      <c r="CL11" s="195">
        <v>2</v>
      </c>
      <c r="CM11" s="190">
        <v>0</v>
      </c>
      <c r="CN11" s="191">
        <v>0</v>
      </c>
      <c r="CO11" s="196">
        <v>0</v>
      </c>
      <c r="CP11" s="193">
        <v>0</v>
      </c>
      <c r="CQ11" s="191">
        <v>1</v>
      </c>
      <c r="CR11" s="191">
        <v>1</v>
      </c>
      <c r="CS11" s="191">
        <v>0</v>
      </c>
      <c r="CT11" s="191">
        <v>1</v>
      </c>
      <c r="CU11" s="191">
        <v>0</v>
      </c>
      <c r="CV11" s="196">
        <v>3</v>
      </c>
      <c r="CW11" s="195">
        <v>3</v>
      </c>
    </row>
    <row r="12" spans="2:101" ht="21" customHeight="1" x14ac:dyDescent="0.2">
      <c r="B12" s="106" t="s">
        <v>9</v>
      </c>
      <c r="C12" s="190">
        <v>0</v>
      </c>
      <c r="D12" s="196">
        <v>0</v>
      </c>
      <c r="E12" s="207">
        <v>0</v>
      </c>
      <c r="F12" s="193">
        <v>0</v>
      </c>
      <c r="G12" s="191">
        <v>0</v>
      </c>
      <c r="H12" s="191">
        <v>1</v>
      </c>
      <c r="I12" s="191">
        <v>0</v>
      </c>
      <c r="J12" s="191">
        <v>1</v>
      </c>
      <c r="K12" s="191">
        <v>1</v>
      </c>
      <c r="L12" s="194">
        <v>3</v>
      </c>
      <c r="M12" s="195">
        <v>3</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41</v>
      </c>
      <c r="AD12" s="191">
        <v>35</v>
      </c>
      <c r="AE12" s="191">
        <v>20</v>
      </c>
      <c r="AF12" s="191">
        <v>9</v>
      </c>
      <c r="AG12" s="191">
        <v>3</v>
      </c>
      <c r="AH12" s="196">
        <v>108</v>
      </c>
      <c r="AI12" s="195">
        <v>108</v>
      </c>
      <c r="AJ12" s="190">
        <v>0</v>
      </c>
      <c r="AK12" s="191">
        <v>0</v>
      </c>
      <c r="AL12" s="196">
        <v>0</v>
      </c>
      <c r="AM12" s="193">
        <v>0</v>
      </c>
      <c r="AN12" s="191">
        <v>0</v>
      </c>
      <c r="AO12" s="191">
        <v>1</v>
      </c>
      <c r="AP12" s="191">
        <v>1</v>
      </c>
      <c r="AQ12" s="191">
        <v>0</v>
      </c>
      <c r="AR12" s="191">
        <v>0</v>
      </c>
      <c r="AS12" s="196">
        <v>2</v>
      </c>
      <c r="AT12" s="195">
        <v>2</v>
      </c>
      <c r="AU12" s="190">
        <v>0</v>
      </c>
      <c r="AV12" s="191">
        <v>1</v>
      </c>
      <c r="AW12" s="196">
        <v>1</v>
      </c>
      <c r="AX12" s="193">
        <v>0</v>
      </c>
      <c r="AY12" s="191">
        <v>4</v>
      </c>
      <c r="AZ12" s="191">
        <v>0</v>
      </c>
      <c r="BA12" s="191">
        <v>2</v>
      </c>
      <c r="BB12" s="191">
        <v>0</v>
      </c>
      <c r="BC12" s="191">
        <v>1</v>
      </c>
      <c r="BD12" s="196">
        <v>7</v>
      </c>
      <c r="BE12" s="195">
        <v>8</v>
      </c>
      <c r="BF12" s="190">
        <v>0</v>
      </c>
      <c r="BG12" s="191">
        <v>0</v>
      </c>
      <c r="BH12" s="196">
        <v>0</v>
      </c>
      <c r="BI12" s="193">
        <v>0</v>
      </c>
      <c r="BJ12" s="191">
        <v>0</v>
      </c>
      <c r="BK12" s="191">
        <v>2</v>
      </c>
      <c r="BL12" s="191">
        <v>7</v>
      </c>
      <c r="BM12" s="191">
        <v>4</v>
      </c>
      <c r="BN12" s="191">
        <v>1</v>
      </c>
      <c r="BO12" s="194">
        <v>14</v>
      </c>
      <c r="BP12" s="195">
        <v>14</v>
      </c>
      <c r="BQ12" s="190">
        <v>0</v>
      </c>
      <c r="BR12" s="191">
        <v>0</v>
      </c>
      <c r="BS12" s="196">
        <v>0</v>
      </c>
      <c r="BT12" s="193">
        <v>0</v>
      </c>
      <c r="BU12" s="191">
        <v>0</v>
      </c>
      <c r="BV12" s="191">
        <v>1</v>
      </c>
      <c r="BW12" s="191">
        <v>1</v>
      </c>
      <c r="BX12" s="191">
        <v>0</v>
      </c>
      <c r="BY12" s="191">
        <v>1</v>
      </c>
      <c r="BZ12" s="196">
        <v>3</v>
      </c>
      <c r="CA12" s="195">
        <v>3</v>
      </c>
      <c r="CB12" s="190">
        <v>0</v>
      </c>
      <c r="CC12" s="191">
        <v>0</v>
      </c>
      <c r="CD12" s="196">
        <v>0</v>
      </c>
      <c r="CE12" s="193">
        <v>0</v>
      </c>
      <c r="CF12" s="191">
        <v>0</v>
      </c>
      <c r="CG12" s="191">
        <v>0</v>
      </c>
      <c r="CH12" s="191">
        <v>0</v>
      </c>
      <c r="CI12" s="191">
        <v>0</v>
      </c>
      <c r="CJ12" s="191">
        <v>0</v>
      </c>
      <c r="CK12" s="196">
        <v>0</v>
      </c>
      <c r="CL12" s="195">
        <v>0</v>
      </c>
      <c r="CM12" s="190">
        <v>0</v>
      </c>
      <c r="CN12" s="191">
        <v>0</v>
      </c>
      <c r="CO12" s="196">
        <v>0</v>
      </c>
      <c r="CP12" s="193">
        <v>0</v>
      </c>
      <c r="CQ12" s="191">
        <v>1</v>
      </c>
      <c r="CR12" s="191">
        <v>1</v>
      </c>
      <c r="CS12" s="191">
        <v>0</v>
      </c>
      <c r="CT12" s="191">
        <v>0</v>
      </c>
      <c r="CU12" s="191">
        <v>2</v>
      </c>
      <c r="CV12" s="196">
        <v>4</v>
      </c>
      <c r="CW12" s="195">
        <v>4</v>
      </c>
    </row>
    <row r="13" spans="2:101" ht="21" customHeight="1" x14ac:dyDescent="0.2">
      <c r="B13" s="106" t="s">
        <v>10</v>
      </c>
      <c r="C13" s="190">
        <v>0</v>
      </c>
      <c r="D13" s="196">
        <v>0</v>
      </c>
      <c r="E13" s="207">
        <v>0</v>
      </c>
      <c r="F13" s="193">
        <v>0</v>
      </c>
      <c r="G13" s="191">
        <v>0</v>
      </c>
      <c r="H13" s="191">
        <v>0</v>
      </c>
      <c r="I13" s="191">
        <v>2</v>
      </c>
      <c r="J13" s="191">
        <v>0</v>
      </c>
      <c r="K13" s="191">
        <v>1</v>
      </c>
      <c r="L13" s="194">
        <v>3</v>
      </c>
      <c r="M13" s="195">
        <v>3</v>
      </c>
      <c r="N13" s="190">
        <v>0</v>
      </c>
      <c r="O13" s="191">
        <v>0</v>
      </c>
      <c r="P13" s="196">
        <v>0</v>
      </c>
      <c r="Q13" s="193">
        <v>0</v>
      </c>
      <c r="R13" s="191">
        <v>1</v>
      </c>
      <c r="S13" s="191">
        <v>0</v>
      </c>
      <c r="T13" s="191">
        <v>0</v>
      </c>
      <c r="U13" s="191">
        <v>1</v>
      </c>
      <c r="V13" s="191">
        <v>1</v>
      </c>
      <c r="W13" s="196">
        <v>3</v>
      </c>
      <c r="X13" s="195">
        <v>3</v>
      </c>
      <c r="Y13" s="190">
        <v>0</v>
      </c>
      <c r="Z13" s="191">
        <v>0</v>
      </c>
      <c r="AA13" s="196">
        <v>0</v>
      </c>
      <c r="AB13" s="193">
        <v>0</v>
      </c>
      <c r="AC13" s="191">
        <v>39</v>
      </c>
      <c r="AD13" s="191">
        <v>17</v>
      </c>
      <c r="AE13" s="191">
        <v>9</v>
      </c>
      <c r="AF13" s="191">
        <v>6</v>
      </c>
      <c r="AG13" s="191">
        <v>0</v>
      </c>
      <c r="AH13" s="196">
        <v>71</v>
      </c>
      <c r="AI13" s="195">
        <v>71</v>
      </c>
      <c r="AJ13" s="190">
        <v>0</v>
      </c>
      <c r="AK13" s="191">
        <v>0</v>
      </c>
      <c r="AL13" s="196">
        <v>0</v>
      </c>
      <c r="AM13" s="193">
        <v>0</v>
      </c>
      <c r="AN13" s="191">
        <v>2</v>
      </c>
      <c r="AO13" s="191">
        <v>0</v>
      </c>
      <c r="AP13" s="191">
        <v>2</v>
      </c>
      <c r="AQ13" s="191">
        <v>2</v>
      </c>
      <c r="AR13" s="191">
        <v>0</v>
      </c>
      <c r="AS13" s="196">
        <v>6</v>
      </c>
      <c r="AT13" s="195">
        <v>6</v>
      </c>
      <c r="AU13" s="190">
        <v>1</v>
      </c>
      <c r="AV13" s="191">
        <v>1</v>
      </c>
      <c r="AW13" s="196">
        <v>2</v>
      </c>
      <c r="AX13" s="193">
        <v>0</v>
      </c>
      <c r="AY13" s="191">
        <v>5</v>
      </c>
      <c r="AZ13" s="191">
        <v>1</v>
      </c>
      <c r="BA13" s="191">
        <v>4</v>
      </c>
      <c r="BB13" s="191">
        <v>1</v>
      </c>
      <c r="BC13" s="191">
        <v>0</v>
      </c>
      <c r="BD13" s="196">
        <v>11</v>
      </c>
      <c r="BE13" s="195">
        <v>13</v>
      </c>
      <c r="BF13" s="190">
        <v>0</v>
      </c>
      <c r="BG13" s="191">
        <v>0</v>
      </c>
      <c r="BH13" s="196">
        <v>0</v>
      </c>
      <c r="BI13" s="193">
        <v>0</v>
      </c>
      <c r="BJ13" s="191">
        <v>4</v>
      </c>
      <c r="BK13" s="191">
        <v>6</v>
      </c>
      <c r="BL13" s="191">
        <v>4</v>
      </c>
      <c r="BM13" s="191">
        <v>5</v>
      </c>
      <c r="BN13" s="191">
        <v>9</v>
      </c>
      <c r="BO13" s="194">
        <v>28</v>
      </c>
      <c r="BP13" s="195">
        <v>28</v>
      </c>
      <c r="BQ13" s="190">
        <v>0</v>
      </c>
      <c r="BR13" s="191">
        <v>0</v>
      </c>
      <c r="BS13" s="196">
        <v>0</v>
      </c>
      <c r="BT13" s="193">
        <v>0</v>
      </c>
      <c r="BU13" s="191">
        <v>1</v>
      </c>
      <c r="BV13" s="191">
        <v>2</v>
      </c>
      <c r="BW13" s="191">
        <v>5</v>
      </c>
      <c r="BX13" s="191">
        <v>2</v>
      </c>
      <c r="BY13" s="191">
        <v>6</v>
      </c>
      <c r="BZ13" s="196">
        <v>16</v>
      </c>
      <c r="CA13" s="195">
        <v>16</v>
      </c>
      <c r="CB13" s="190">
        <v>0</v>
      </c>
      <c r="CC13" s="191">
        <v>0</v>
      </c>
      <c r="CD13" s="196">
        <v>0</v>
      </c>
      <c r="CE13" s="193">
        <v>0</v>
      </c>
      <c r="CF13" s="191">
        <v>0</v>
      </c>
      <c r="CG13" s="191">
        <v>0</v>
      </c>
      <c r="CH13" s="191">
        <v>0</v>
      </c>
      <c r="CI13" s="191">
        <v>2</v>
      </c>
      <c r="CJ13" s="191">
        <v>0</v>
      </c>
      <c r="CK13" s="196">
        <v>2</v>
      </c>
      <c r="CL13" s="195">
        <v>2</v>
      </c>
      <c r="CM13" s="190">
        <v>0</v>
      </c>
      <c r="CN13" s="191">
        <v>0</v>
      </c>
      <c r="CO13" s="196">
        <v>0</v>
      </c>
      <c r="CP13" s="193">
        <v>0</v>
      </c>
      <c r="CQ13" s="191">
        <v>3</v>
      </c>
      <c r="CR13" s="191">
        <v>0</v>
      </c>
      <c r="CS13" s="191">
        <v>1</v>
      </c>
      <c r="CT13" s="191">
        <v>0</v>
      </c>
      <c r="CU13" s="191">
        <v>2</v>
      </c>
      <c r="CV13" s="196">
        <v>6</v>
      </c>
      <c r="CW13" s="195">
        <v>6</v>
      </c>
    </row>
    <row r="14" spans="2:101" ht="21" customHeight="1" x14ac:dyDescent="0.2">
      <c r="B14" s="106" t="s">
        <v>11</v>
      </c>
      <c r="C14" s="190">
        <v>0</v>
      </c>
      <c r="D14" s="196">
        <v>0</v>
      </c>
      <c r="E14" s="207">
        <v>0</v>
      </c>
      <c r="F14" s="193">
        <v>0</v>
      </c>
      <c r="G14" s="191">
        <v>0</v>
      </c>
      <c r="H14" s="191">
        <v>2</v>
      </c>
      <c r="I14" s="191">
        <v>0</v>
      </c>
      <c r="J14" s="191">
        <v>0</v>
      </c>
      <c r="K14" s="191">
        <v>1</v>
      </c>
      <c r="L14" s="194">
        <v>3</v>
      </c>
      <c r="M14" s="195">
        <v>3</v>
      </c>
      <c r="N14" s="190">
        <v>0</v>
      </c>
      <c r="O14" s="191">
        <v>0</v>
      </c>
      <c r="P14" s="196">
        <v>0</v>
      </c>
      <c r="Q14" s="193">
        <v>0</v>
      </c>
      <c r="R14" s="191">
        <v>0</v>
      </c>
      <c r="S14" s="191">
        <v>0</v>
      </c>
      <c r="T14" s="191">
        <v>0</v>
      </c>
      <c r="U14" s="191">
        <v>1</v>
      </c>
      <c r="V14" s="191">
        <v>0</v>
      </c>
      <c r="W14" s="196">
        <v>1</v>
      </c>
      <c r="X14" s="195">
        <v>1</v>
      </c>
      <c r="Y14" s="190">
        <v>0</v>
      </c>
      <c r="Z14" s="191">
        <v>0</v>
      </c>
      <c r="AA14" s="196">
        <v>0</v>
      </c>
      <c r="AB14" s="193">
        <v>0</v>
      </c>
      <c r="AC14" s="191">
        <v>27</v>
      </c>
      <c r="AD14" s="191">
        <v>10</v>
      </c>
      <c r="AE14" s="191">
        <v>3</v>
      </c>
      <c r="AF14" s="191">
        <v>3</v>
      </c>
      <c r="AG14" s="191">
        <v>2</v>
      </c>
      <c r="AH14" s="196">
        <v>45</v>
      </c>
      <c r="AI14" s="195">
        <v>45</v>
      </c>
      <c r="AJ14" s="190">
        <v>0</v>
      </c>
      <c r="AK14" s="191">
        <v>0</v>
      </c>
      <c r="AL14" s="196">
        <v>0</v>
      </c>
      <c r="AM14" s="193">
        <v>0</v>
      </c>
      <c r="AN14" s="191">
        <v>2</v>
      </c>
      <c r="AO14" s="191">
        <v>0</v>
      </c>
      <c r="AP14" s="191">
        <v>0</v>
      </c>
      <c r="AQ14" s="191">
        <v>0</v>
      </c>
      <c r="AR14" s="191">
        <v>0</v>
      </c>
      <c r="AS14" s="196">
        <v>2</v>
      </c>
      <c r="AT14" s="195">
        <v>2</v>
      </c>
      <c r="AU14" s="190">
        <v>0</v>
      </c>
      <c r="AV14" s="191">
        <v>2</v>
      </c>
      <c r="AW14" s="196">
        <v>2</v>
      </c>
      <c r="AX14" s="193">
        <v>0</v>
      </c>
      <c r="AY14" s="191">
        <v>2</v>
      </c>
      <c r="AZ14" s="191">
        <v>3</v>
      </c>
      <c r="BA14" s="191">
        <v>2</v>
      </c>
      <c r="BB14" s="191">
        <v>2</v>
      </c>
      <c r="BC14" s="191">
        <v>0</v>
      </c>
      <c r="BD14" s="196">
        <v>9</v>
      </c>
      <c r="BE14" s="195">
        <v>11</v>
      </c>
      <c r="BF14" s="190">
        <v>0</v>
      </c>
      <c r="BG14" s="191">
        <v>0</v>
      </c>
      <c r="BH14" s="196">
        <v>0</v>
      </c>
      <c r="BI14" s="193">
        <v>0</v>
      </c>
      <c r="BJ14" s="191">
        <v>0</v>
      </c>
      <c r="BK14" s="191">
        <v>2</v>
      </c>
      <c r="BL14" s="191">
        <v>4</v>
      </c>
      <c r="BM14" s="191">
        <v>1</v>
      </c>
      <c r="BN14" s="191">
        <v>0</v>
      </c>
      <c r="BO14" s="194">
        <v>7</v>
      </c>
      <c r="BP14" s="195">
        <v>7</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0</v>
      </c>
      <c r="CH14" s="191">
        <v>0</v>
      </c>
      <c r="CI14" s="191">
        <v>0</v>
      </c>
      <c r="CJ14" s="191">
        <v>0</v>
      </c>
      <c r="CK14" s="196">
        <v>0</v>
      </c>
      <c r="CL14" s="195">
        <v>0</v>
      </c>
      <c r="CM14" s="190">
        <v>0</v>
      </c>
      <c r="CN14" s="191">
        <v>0</v>
      </c>
      <c r="CO14" s="196">
        <v>0</v>
      </c>
      <c r="CP14" s="193">
        <v>0</v>
      </c>
      <c r="CQ14" s="191">
        <v>0</v>
      </c>
      <c r="CR14" s="191">
        <v>1</v>
      </c>
      <c r="CS14" s="191">
        <v>0</v>
      </c>
      <c r="CT14" s="191">
        <v>0</v>
      </c>
      <c r="CU14" s="191">
        <v>0</v>
      </c>
      <c r="CV14" s="196">
        <v>1</v>
      </c>
      <c r="CW14" s="195">
        <v>1</v>
      </c>
    </row>
    <row r="15" spans="2:101" ht="21" customHeight="1" x14ac:dyDescent="0.2">
      <c r="B15" s="106" t="s">
        <v>12</v>
      </c>
      <c r="C15" s="190">
        <v>0</v>
      </c>
      <c r="D15" s="196">
        <v>0</v>
      </c>
      <c r="E15" s="207">
        <v>0</v>
      </c>
      <c r="F15" s="193">
        <v>0</v>
      </c>
      <c r="G15" s="191">
        <v>0</v>
      </c>
      <c r="H15" s="191">
        <v>0</v>
      </c>
      <c r="I15" s="191">
        <v>0</v>
      </c>
      <c r="J15" s="191">
        <v>0</v>
      </c>
      <c r="K15" s="191">
        <v>0</v>
      </c>
      <c r="L15" s="194">
        <v>0</v>
      </c>
      <c r="M15" s="195">
        <v>0</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15</v>
      </c>
      <c r="AD15" s="191">
        <v>10</v>
      </c>
      <c r="AE15" s="191">
        <v>4</v>
      </c>
      <c r="AF15" s="191">
        <v>5</v>
      </c>
      <c r="AG15" s="191">
        <v>5</v>
      </c>
      <c r="AH15" s="196">
        <v>39</v>
      </c>
      <c r="AI15" s="195">
        <v>39</v>
      </c>
      <c r="AJ15" s="190">
        <v>0</v>
      </c>
      <c r="AK15" s="191">
        <v>0</v>
      </c>
      <c r="AL15" s="196">
        <v>0</v>
      </c>
      <c r="AM15" s="193">
        <v>0</v>
      </c>
      <c r="AN15" s="191">
        <v>0</v>
      </c>
      <c r="AO15" s="191">
        <v>0</v>
      </c>
      <c r="AP15" s="191">
        <v>0</v>
      </c>
      <c r="AQ15" s="191">
        <v>0</v>
      </c>
      <c r="AR15" s="191">
        <v>0</v>
      </c>
      <c r="AS15" s="196">
        <v>0</v>
      </c>
      <c r="AT15" s="195">
        <v>0</v>
      </c>
      <c r="AU15" s="190">
        <v>0</v>
      </c>
      <c r="AV15" s="191">
        <v>0</v>
      </c>
      <c r="AW15" s="196">
        <v>0</v>
      </c>
      <c r="AX15" s="193">
        <v>0</v>
      </c>
      <c r="AY15" s="191">
        <v>1</v>
      </c>
      <c r="AZ15" s="191">
        <v>0</v>
      </c>
      <c r="BA15" s="191">
        <v>1</v>
      </c>
      <c r="BB15" s="191">
        <v>2</v>
      </c>
      <c r="BC15" s="191">
        <v>0</v>
      </c>
      <c r="BD15" s="196">
        <v>4</v>
      </c>
      <c r="BE15" s="195">
        <v>4</v>
      </c>
      <c r="BF15" s="190">
        <v>0</v>
      </c>
      <c r="BG15" s="191">
        <v>0</v>
      </c>
      <c r="BH15" s="196">
        <v>0</v>
      </c>
      <c r="BI15" s="193">
        <v>0</v>
      </c>
      <c r="BJ15" s="191">
        <v>1</v>
      </c>
      <c r="BK15" s="191">
        <v>3</v>
      </c>
      <c r="BL15" s="191">
        <v>0</v>
      </c>
      <c r="BM15" s="191">
        <v>0</v>
      </c>
      <c r="BN15" s="191">
        <v>2</v>
      </c>
      <c r="BO15" s="194">
        <v>6</v>
      </c>
      <c r="BP15" s="195">
        <v>6</v>
      </c>
      <c r="BQ15" s="190">
        <v>0</v>
      </c>
      <c r="BR15" s="191">
        <v>0</v>
      </c>
      <c r="BS15" s="196">
        <v>0</v>
      </c>
      <c r="BT15" s="193">
        <v>0</v>
      </c>
      <c r="BU15" s="191">
        <v>0</v>
      </c>
      <c r="BV15" s="191">
        <v>1</v>
      </c>
      <c r="BW15" s="191">
        <v>0</v>
      </c>
      <c r="BX15" s="191">
        <v>1</v>
      </c>
      <c r="BY15" s="191">
        <v>0</v>
      </c>
      <c r="BZ15" s="196">
        <v>2</v>
      </c>
      <c r="CA15" s="195">
        <v>2</v>
      </c>
      <c r="CB15" s="190">
        <v>0</v>
      </c>
      <c r="CC15" s="191">
        <v>0</v>
      </c>
      <c r="CD15" s="196">
        <v>0</v>
      </c>
      <c r="CE15" s="193">
        <v>0</v>
      </c>
      <c r="CF15" s="191">
        <v>0</v>
      </c>
      <c r="CG15" s="191">
        <v>0</v>
      </c>
      <c r="CH15" s="191">
        <v>0</v>
      </c>
      <c r="CI15" s="191">
        <v>1</v>
      </c>
      <c r="CJ15" s="191">
        <v>0</v>
      </c>
      <c r="CK15" s="196">
        <v>1</v>
      </c>
      <c r="CL15" s="195">
        <v>1</v>
      </c>
      <c r="CM15" s="190">
        <v>0</v>
      </c>
      <c r="CN15" s="191">
        <v>0</v>
      </c>
      <c r="CO15" s="196">
        <v>0</v>
      </c>
      <c r="CP15" s="193">
        <v>0</v>
      </c>
      <c r="CQ15" s="191">
        <v>0</v>
      </c>
      <c r="CR15" s="191">
        <v>2</v>
      </c>
      <c r="CS15" s="191">
        <v>1</v>
      </c>
      <c r="CT15" s="191">
        <v>0</v>
      </c>
      <c r="CU15" s="191">
        <v>1</v>
      </c>
      <c r="CV15" s="196">
        <v>4</v>
      </c>
      <c r="CW15" s="195">
        <v>4</v>
      </c>
    </row>
    <row r="16" spans="2:101" ht="21" customHeight="1" x14ac:dyDescent="0.2">
      <c r="B16" s="106" t="s">
        <v>13</v>
      </c>
      <c r="C16" s="190">
        <v>0</v>
      </c>
      <c r="D16" s="196">
        <v>0</v>
      </c>
      <c r="E16" s="207">
        <v>0</v>
      </c>
      <c r="F16" s="193">
        <v>0</v>
      </c>
      <c r="G16" s="191">
        <v>0</v>
      </c>
      <c r="H16" s="191">
        <v>0</v>
      </c>
      <c r="I16" s="191">
        <v>0</v>
      </c>
      <c r="J16" s="191">
        <v>0</v>
      </c>
      <c r="K16" s="191">
        <v>0</v>
      </c>
      <c r="L16" s="194">
        <v>0</v>
      </c>
      <c r="M16" s="195">
        <v>0</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14</v>
      </c>
      <c r="AD16" s="191">
        <v>11</v>
      </c>
      <c r="AE16" s="191">
        <v>7</v>
      </c>
      <c r="AF16" s="191">
        <v>1</v>
      </c>
      <c r="AG16" s="191">
        <v>3</v>
      </c>
      <c r="AH16" s="196">
        <v>36</v>
      </c>
      <c r="AI16" s="195">
        <v>36</v>
      </c>
      <c r="AJ16" s="190">
        <v>0</v>
      </c>
      <c r="AK16" s="191">
        <v>0</v>
      </c>
      <c r="AL16" s="196">
        <v>0</v>
      </c>
      <c r="AM16" s="193">
        <v>0</v>
      </c>
      <c r="AN16" s="191">
        <v>0</v>
      </c>
      <c r="AO16" s="191">
        <v>2</v>
      </c>
      <c r="AP16" s="191">
        <v>0</v>
      </c>
      <c r="AQ16" s="191">
        <v>0</v>
      </c>
      <c r="AR16" s="191">
        <v>0</v>
      </c>
      <c r="AS16" s="196">
        <v>2</v>
      </c>
      <c r="AT16" s="195">
        <v>2</v>
      </c>
      <c r="AU16" s="190">
        <v>0</v>
      </c>
      <c r="AV16" s="191">
        <v>0</v>
      </c>
      <c r="AW16" s="196">
        <v>0</v>
      </c>
      <c r="AX16" s="193">
        <v>0</v>
      </c>
      <c r="AY16" s="191">
        <v>0</v>
      </c>
      <c r="AZ16" s="191">
        <v>0</v>
      </c>
      <c r="BA16" s="191">
        <v>1</v>
      </c>
      <c r="BB16" s="191">
        <v>0</v>
      </c>
      <c r="BC16" s="191">
        <v>0</v>
      </c>
      <c r="BD16" s="196">
        <v>1</v>
      </c>
      <c r="BE16" s="195">
        <v>1</v>
      </c>
      <c r="BF16" s="190">
        <v>0</v>
      </c>
      <c r="BG16" s="191">
        <v>0</v>
      </c>
      <c r="BH16" s="196">
        <v>0</v>
      </c>
      <c r="BI16" s="193">
        <v>0</v>
      </c>
      <c r="BJ16" s="191">
        <v>1</v>
      </c>
      <c r="BK16" s="191">
        <v>0</v>
      </c>
      <c r="BL16" s="191">
        <v>0</v>
      </c>
      <c r="BM16" s="191">
        <v>0</v>
      </c>
      <c r="BN16" s="191">
        <v>0</v>
      </c>
      <c r="BO16" s="194">
        <v>1</v>
      </c>
      <c r="BP16" s="195">
        <v>1</v>
      </c>
      <c r="BQ16" s="190">
        <v>0</v>
      </c>
      <c r="BR16" s="191">
        <v>0</v>
      </c>
      <c r="BS16" s="196">
        <v>0</v>
      </c>
      <c r="BT16" s="193">
        <v>0</v>
      </c>
      <c r="BU16" s="191">
        <v>0</v>
      </c>
      <c r="BV16" s="191">
        <v>0</v>
      </c>
      <c r="BW16" s="191">
        <v>1</v>
      </c>
      <c r="BX16" s="191">
        <v>0</v>
      </c>
      <c r="BY16" s="191">
        <v>0</v>
      </c>
      <c r="BZ16" s="196">
        <v>1</v>
      </c>
      <c r="CA16" s="195">
        <v>1</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0</v>
      </c>
      <c r="H17" s="191">
        <v>0</v>
      </c>
      <c r="I17" s="191">
        <v>0</v>
      </c>
      <c r="J17" s="191">
        <v>0</v>
      </c>
      <c r="K17" s="191">
        <v>0</v>
      </c>
      <c r="L17" s="194">
        <v>0</v>
      </c>
      <c r="M17" s="195">
        <v>0</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7</v>
      </c>
      <c r="AD17" s="191">
        <v>9</v>
      </c>
      <c r="AE17" s="191">
        <v>3</v>
      </c>
      <c r="AF17" s="191">
        <v>1</v>
      </c>
      <c r="AG17" s="191">
        <v>2</v>
      </c>
      <c r="AH17" s="196">
        <v>22</v>
      </c>
      <c r="AI17" s="195">
        <v>22</v>
      </c>
      <c r="AJ17" s="190">
        <v>0</v>
      </c>
      <c r="AK17" s="191">
        <v>0</v>
      </c>
      <c r="AL17" s="196">
        <v>0</v>
      </c>
      <c r="AM17" s="193">
        <v>0</v>
      </c>
      <c r="AN17" s="191">
        <v>0</v>
      </c>
      <c r="AO17" s="191">
        <v>0</v>
      </c>
      <c r="AP17" s="191">
        <v>0</v>
      </c>
      <c r="AQ17" s="191">
        <v>0</v>
      </c>
      <c r="AR17" s="191">
        <v>0</v>
      </c>
      <c r="AS17" s="196">
        <v>0</v>
      </c>
      <c r="AT17" s="195">
        <v>0</v>
      </c>
      <c r="AU17" s="190">
        <v>0</v>
      </c>
      <c r="AV17" s="191">
        <v>0</v>
      </c>
      <c r="AW17" s="196">
        <v>0</v>
      </c>
      <c r="AX17" s="193">
        <v>0</v>
      </c>
      <c r="AY17" s="191">
        <v>0</v>
      </c>
      <c r="AZ17" s="191">
        <v>0</v>
      </c>
      <c r="BA17" s="191">
        <v>0</v>
      </c>
      <c r="BB17" s="191">
        <v>0</v>
      </c>
      <c r="BC17" s="191">
        <v>0</v>
      </c>
      <c r="BD17" s="196">
        <v>0</v>
      </c>
      <c r="BE17" s="195">
        <v>0</v>
      </c>
      <c r="BF17" s="190">
        <v>0</v>
      </c>
      <c r="BG17" s="191">
        <v>0</v>
      </c>
      <c r="BH17" s="196">
        <v>0</v>
      </c>
      <c r="BI17" s="193">
        <v>0</v>
      </c>
      <c r="BJ17" s="191">
        <v>0</v>
      </c>
      <c r="BK17" s="191">
        <v>1</v>
      </c>
      <c r="BL17" s="191">
        <v>0</v>
      </c>
      <c r="BM17" s="191">
        <v>1</v>
      </c>
      <c r="BN17" s="191">
        <v>0</v>
      </c>
      <c r="BO17" s="194">
        <v>2</v>
      </c>
      <c r="BP17" s="195">
        <v>2</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0</v>
      </c>
      <c r="CI17" s="191">
        <v>1</v>
      </c>
      <c r="CJ17" s="191">
        <v>0</v>
      </c>
      <c r="CK17" s="196">
        <v>1</v>
      </c>
      <c r="CL17" s="195">
        <v>1</v>
      </c>
      <c r="CM17" s="190">
        <v>0</v>
      </c>
      <c r="CN17" s="191">
        <v>0</v>
      </c>
      <c r="CO17" s="196">
        <v>0</v>
      </c>
      <c r="CP17" s="193">
        <v>0</v>
      </c>
      <c r="CQ17" s="191">
        <v>0</v>
      </c>
      <c r="CR17" s="191">
        <v>0</v>
      </c>
      <c r="CS17" s="191">
        <v>0</v>
      </c>
      <c r="CT17" s="191">
        <v>0</v>
      </c>
      <c r="CU17" s="191">
        <v>0</v>
      </c>
      <c r="CV17" s="196">
        <v>0</v>
      </c>
      <c r="CW17" s="195">
        <v>0</v>
      </c>
    </row>
    <row r="18" spans="2:101" ht="21" customHeight="1" x14ac:dyDescent="0.2">
      <c r="B18" s="106" t="s">
        <v>16</v>
      </c>
      <c r="C18" s="190">
        <v>0</v>
      </c>
      <c r="D18" s="196">
        <v>0</v>
      </c>
      <c r="E18" s="207">
        <v>0</v>
      </c>
      <c r="F18" s="193">
        <v>0</v>
      </c>
      <c r="G18" s="191">
        <v>0</v>
      </c>
      <c r="H18" s="191">
        <v>0</v>
      </c>
      <c r="I18" s="191">
        <v>0</v>
      </c>
      <c r="J18" s="191">
        <v>1</v>
      </c>
      <c r="K18" s="191">
        <v>0</v>
      </c>
      <c r="L18" s="194">
        <v>1</v>
      </c>
      <c r="M18" s="195">
        <v>1</v>
      </c>
      <c r="N18" s="190">
        <v>0</v>
      </c>
      <c r="O18" s="191">
        <v>0</v>
      </c>
      <c r="P18" s="196">
        <v>0</v>
      </c>
      <c r="Q18" s="193">
        <v>0</v>
      </c>
      <c r="R18" s="191">
        <v>0</v>
      </c>
      <c r="S18" s="191">
        <v>0</v>
      </c>
      <c r="T18" s="191">
        <v>0</v>
      </c>
      <c r="U18" s="191">
        <v>1</v>
      </c>
      <c r="V18" s="191">
        <v>0</v>
      </c>
      <c r="W18" s="196">
        <v>1</v>
      </c>
      <c r="X18" s="195">
        <v>1</v>
      </c>
      <c r="Y18" s="190">
        <v>0</v>
      </c>
      <c r="Z18" s="191">
        <v>0</v>
      </c>
      <c r="AA18" s="196">
        <v>0</v>
      </c>
      <c r="AB18" s="193">
        <v>0</v>
      </c>
      <c r="AC18" s="191">
        <v>8</v>
      </c>
      <c r="AD18" s="191">
        <v>9</v>
      </c>
      <c r="AE18" s="191">
        <v>5</v>
      </c>
      <c r="AF18" s="191">
        <v>1</v>
      </c>
      <c r="AG18" s="191">
        <v>0</v>
      </c>
      <c r="AH18" s="196">
        <v>23</v>
      </c>
      <c r="AI18" s="195">
        <v>23</v>
      </c>
      <c r="AJ18" s="190">
        <v>0</v>
      </c>
      <c r="AK18" s="191">
        <v>0</v>
      </c>
      <c r="AL18" s="196">
        <v>0</v>
      </c>
      <c r="AM18" s="193">
        <v>0</v>
      </c>
      <c r="AN18" s="191">
        <v>1</v>
      </c>
      <c r="AO18" s="191">
        <v>1</v>
      </c>
      <c r="AP18" s="191">
        <v>0</v>
      </c>
      <c r="AQ18" s="191">
        <v>0</v>
      </c>
      <c r="AR18" s="191">
        <v>0</v>
      </c>
      <c r="AS18" s="196">
        <v>2</v>
      </c>
      <c r="AT18" s="195">
        <v>2</v>
      </c>
      <c r="AU18" s="190">
        <v>0</v>
      </c>
      <c r="AV18" s="191">
        <v>0</v>
      </c>
      <c r="AW18" s="196">
        <v>0</v>
      </c>
      <c r="AX18" s="193">
        <v>0</v>
      </c>
      <c r="AY18" s="191">
        <v>3</v>
      </c>
      <c r="AZ18" s="191">
        <v>1</v>
      </c>
      <c r="BA18" s="191">
        <v>0</v>
      </c>
      <c r="BB18" s="191">
        <v>0</v>
      </c>
      <c r="BC18" s="191">
        <v>1</v>
      </c>
      <c r="BD18" s="196">
        <v>5</v>
      </c>
      <c r="BE18" s="195">
        <v>5</v>
      </c>
      <c r="BF18" s="190">
        <v>0</v>
      </c>
      <c r="BG18" s="191">
        <v>0</v>
      </c>
      <c r="BH18" s="196">
        <v>0</v>
      </c>
      <c r="BI18" s="193">
        <v>0</v>
      </c>
      <c r="BJ18" s="191">
        <v>1</v>
      </c>
      <c r="BK18" s="191">
        <v>3</v>
      </c>
      <c r="BL18" s="191">
        <v>0</v>
      </c>
      <c r="BM18" s="191">
        <v>0</v>
      </c>
      <c r="BN18" s="191">
        <v>0</v>
      </c>
      <c r="BO18" s="194">
        <v>4</v>
      </c>
      <c r="BP18" s="195">
        <v>4</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0</v>
      </c>
      <c r="CH18" s="191">
        <v>0</v>
      </c>
      <c r="CI18" s="191">
        <v>0</v>
      </c>
      <c r="CJ18" s="191">
        <v>0</v>
      </c>
      <c r="CK18" s="196">
        <v>0</v>
      </c>
      <c r="CL18" s="195">
        <v>0</v>
      </c>
      <c r="CM18" s="190">
        <v>0</v>
      </c>
      <c r="CN18" s="191">
        <v>0</v>
      </c>
      <c r="CO18" s="196">
        <v>0</v>
      </c>
      <c r="CP18" s="193">
        <v>0</v>
      </c>
      <c r="CQ18" s="191">
        <v>0</v>
      </c>
      <c r="CR18" s="191">
        <v>0</v>
      </c>
      <c r="CS18" s="191">
        <v>0</v>
      </c>
      <c r="CT18" s="191">
        <v>0</v>
      </c>
      <c r="CU18" s="191">
        <v>0</v>
      </c>
      <c r="CV18" s="196">
        <v>0</v>
      </c>
      <c r="CW18" s="195">
        <v>0</v>
      </c>
    </row>
    <row r="19" spans="2:101" ht="21" customHeight="1" x14ac:dyDescent="0.2">
      <c r="B19" s="106" t="s">
        <v>17</v>
      </c>
      <c r="C19" s="190">
        <v>0</v>
      </c>
      <c r="D19" s="196">
        <v>0</v>
      </c>
      <c r="E19" s="207">
        <v>0</v>
      </c>
      <c r="F19" s="193">
        <v>0</v>
      </c>
      <c r="G19" s="191">
        <v>0</v>
      </c>
      <c r="H19" s="191">
        <v>0</v>
      </c>
      <c r="I19" s="191">
        <v>0</v>
      </c>
      <c r="J19" s="191">
        <v>0</v>
      </c>
      <c r="K19" s="191">
        <v>0</v>
      </c>
      <c r="L19" s="194">
        <v>0</v>
      </c>
      <c r="M19" s="195">
        <v>0</v>
      </c>
      <c r="N19" s="190">
        <v>0</v>
      </c>
      <c r="O19" s="191">
        <v>0</v>
      </c>
      <c r="P19" s="196">
        <v>0</v>
      </c>
      <c r="Q19" s="193">
        <v>0</v>
      </c>
      <c r="R19" s="191">
        <v>0</v>
      </c>
      <c r="S19" s="191">
        <v>0</v>
      </c>
      <c r="T19" s="191">
        <v>0</v>
      </c>
      <c r="U19" s="191">
        <v>0</v>
      </c>
      <c r="V19" s="191">
        <v>0</v>
      </c>
      <c r="W19" s="196">
        <v>0</v>
      </c>
      <c r="X19" s="195">
        <v>0</v>
      </c>
      <c r="Y19" s="190">
        <v>0</v>
      </c>
      <c r="Z19" s="191">
        <v>0</v>
      </c>
      <c r="AA19" s="196">
        <v>0</v>
      </c>
      <c r="AB19" s="193">
        <v>0</v>
      </c>
      <c r="AC19" s="191">
        <v>24</v>
      </c>
      <c r="AD19" s="191">
        <v>18</v>
      </c>
      <c r="AE19" s="191">
        <v>14</v>
      </c>
      <c r="AF19" s="191">
        <v>2</v>
      </c>
      <c r="AG19" s="191">
        <v>1</v>
      </c>
      <c r="AH19" s="196">
        <v>59</v>
      </c>
      <c r="AI19" s="195">
        <v>59</v>
      </c>
      <c r="AJ19" s="190">
        <v>0</v>
      </c>
      <c r="AK19" s="191">
        <v>0</v>
      </c>
      <c r="AL19" s="196">
        <v>0</v>
      </c>
      <c r="AM19" s="193">
        <v>0</v>
      </c>
      <c r="AN19" s="191">
        <v>2</v>
      </c>
      <c r="AO19" s="191">
        <v>2</v>
      </c>
      <c r="AP19" s="191">
        <v>0</v>
      </c>
      <c r="AQ19" s="191">
        <v>0</v>
      </c>
      <c r="AR19" s="191">
        <v>0</v>
      </c>
      <c r="AS19" s="196">
        <v>4</v>
      </c>
      <c r="AT19" s="195">
        <v>4</v>
      </c>
      <c r="AU19" s="190">
        <v>0</v>
      </c>
      <c r="AV19" s="191">
        <v>0</v>
      </c>
      <c r="AW19" s="196">
        <v>0</v>
      </c>
      <c r="AX19" s="193">
        <v>0</v>
      </c>
      <c r="AY19" s="191">
        <v>1</v>
      </c>
      <c r="AZ19" s="191">
        <v>1</v>
      </c>
      <c r="BA19" s="191">
        <v>0</v>
      </c>
      <c r="BB19" s="191">
        <v>1</v>
      </c>
      <c r="BC19" s="191">
        <v>1</v>
      </c>
      <c r="BD19" s="196">
        <v>4</v>
      </c>
      <c r="BE19" s="195">
        <v>4</v>
      </c>
      <c r="BF19" s="190">
        <v>0</v>
      </c>
      <c r="BG19" s="191">
        <v>0</v>
      </c>
      <c r="BH19" s="196">
        <v>0</v>
      </c>
      <c r="BI19" s="193">
        <v>0</v>
      </c>
      <c r="BJ19" s="191">
        <v>1</v>
      </c>
      <c r="BK19" s="191">
        <v>4</v>
      </c>
      <c r="BL19" s="191">
        <v>3</v>
      </c>
      <c r="BM19" s="191">
        <v>1</v>
      </c>
      <c r="BN19" s="191">
        <v>3</v>
      </c>
      <c r="BO19" s="194">
        <v>12</v>
      </c>
      <c r="BP19" s="195">
        <v>12</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0</v>
      </c>
      <c r="CH19" s="191">
        <v>1</v>
      </c>
      <c r="CI19" s="191">
        <v>2</v>
      </c>
      <c r="CJ19" s="191">
        <v>2</v>
      </c>
      <c r="CK19" s="196">
        <v>5</v>
      </c>
      <c r="CL19" s="195">
        <v>5</v>
      </c>
      <c r="CM19" s="190">
        <v>0</v>
      </c>
      <c r="CN19" s="191">
        <v>0</v>
      </c>
      <c r="CO19" s="196">
        <v>0</v>
      </c>
      <c r="CP19" s="193">
        <v>0</v>
      </c>
      <c r="CQ19" s="191">
        <v>0</v>
      </c>
      <c r="CR19" s="191">
        <v>0</v>
      </c>
      <c r="CS19" s="191">
        <v>0</v>
      </c>
      <c r="CT19" s="191">
        <v>1</v>
      </c>
      <c r="CU19" s="191">
        <v>0</v>
      </c>
      <c r="CV19" s="196">
        <v>1</v>
      </c>
      <c r="CW19" s="195">
        <v>1</v>
      </c>
    </row>
    <row r="20" spans="2:101" ht="21" customHeight="1" x14ac:dyDescent="0.2">
      <c r="B20" s="106" t="s">
        <v>18</v>
      </c>
      <c r="C20" s="190">
        <v>0</v>
      </c>
      <c r="D20" s="196">
        <v>0</v>
      </c>
      <c r="E20" s="207">
        <v>0</v>
      </c>
      <c r="F20" s="193">
        <v>0</v>
      </c>
      <c r="G20" s="191">
        <v>1</v>
      </c>
      <c r="H20" s="191">
        <v>1</v>
      </c>
      <c r="I20" s="191">
        <v>0</v>
      </c>
      <c r="J20" s="191">
        <v>0</v>
      </c>
      <c r="K20" s="191">
        <v>0</v>
      </c>
      <c r="L20" s="194">
        <v>2</v>
      </c>
      <c r="M20" s="195">
        <v>2</v>
      </c>
      <c r="N20" s="190">
        <v>0</v>
      </c>
      <c r="O20" s="191">
        <v>0</v>
      </c>
      <c r="P20" s="196">
        <v>0</v>
      </c>
      <c r="Q20" s="193">
        <v>0</v>
      </c>
      <c r="R20" s="191">
        <v>0</v>
      </c>
      <c r="S20" s="191">
        <v>0</v>
      </c>
      <c r="T20" s="191">
        <v>0</v>
      </c>
      <c r="U20" s="191">
        <v>0</v>
      </c>
      <c r="V20" s="191">
        <v>0</v>
      </c>
      <c r="W20" s="196">
        <v>0</v>
      </c>
      <c r="X20" s="195">
        <v>0</v>
      </c>
      <c r="Y20" s="190">
        <v>0</v>
      </c>
      <c r="Z20" s="191">
        <v>0</v>
      </c>
      <c r="AA20" s="196">
        <v>0</v>
      </c>
      <c r="AB20" s="193">
        <v>0</v>
      </c>
      <c r="AC20" s="191">
        <v>22</v>
      </c>
      <c r="AD20" s="191">
        <v>8</v>
      </c>
      <c r="AE20" s="191">
        <v>7</v>
      </c>
      <c r="AF20" s="191">
        <v>2</v>
      </c>
      <c r="AG20" s="191">
        <v>0</v>
      </c>
      <c r="AH20" s="196">
        <v>39</v>
      </c>
      <c r="AI20" s="195">
        <v>39</v>
      </c>
      <c r="AJ20" s="190">
        <v>0</v>
      </c>
      <c r="AK20" s="191">
        <v>0</v>
      </c>
      <c r="AL20" s="196">
        <v>0</v>
      </c>
      <c r="AM20" s="193">
        <v>0</v>
      </c>
      <c r="AN20" s="191">
        <v>0</v>
      </c>
      <c r="AO20" s="191">
        <v>0</v>
      </c>
      <c r="AP20" s="191">
        <v>0</v>
      </c>
      <c r="AQ20" s="191">
        <v>1</v>
      </c>
      <c r="AR20" s="191">
        <v>0</v>
      </c>
      <c r="AS20" s="196">
        <v>1</v>
      </c>
      <c r="AT20" s="195">
        <v>1</v>
      </c>
      <c r="AU20" s="190">
        <v>0</v>
      </c>
      <c r="AV20" s="191">
        <v>0</v>
      </c>
      <c r="AW20" s="196">
        <v>0</v>
      </c>
      <c r="AX20" s="193">
        <v>0</v>
      </c>
      <c r="AY20" s="191">
        <v>2</v>
      </c>
      <c r="AZ20" s="191">
        <v>0</v>
      </c>
      <c r="BA20" s="191">
        <v>0</v>
      </c>
      <c r="BB20" s="191">
        <v>0</v>
      </c>
      <c r="BC20" s="191">
        <v>0</v>
      </c>
      <c r="BD20" s="196">
        <v>2</v>
      </c>
      <c r="BE20" s="195">
        <v>2</v>
      </c>
      <c r="BF20" s="190">
        <v>0</v>
      </c>
      <c r="BG20" s="191">
        <v>0</v>
      </c>
      <c r="BH20" s="196">
        <v>0</v>
      </c>
      <c r="BI20" s="193">
        <v>0</v>
      </c>
      <c r="BJ20" s="191">
        <v>2</v>
      </c>
      <c r="BK20" s="191">
        <v>5</v>
      </c>
      <c r="BL20" s="191">
        <v>5</v>
      </c>
      <c r="BM20" s="191">
        <v>1</v>
      </c>
      <c r="BN20" s="191">
        <v>2</v>
      </c>
      <c r="BO20" s="194">
        <v>15</v>
      </c>
      <c r="BP20" s="195">
        <v>15</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0</v>
      </c>
      <c r="CH20" s="191">
        <v>0</v>
      </c>
      <c r="CI20" s="191">
        <v>1</v>
      </c>
      <c r="CJ20" s="191">
        <v>1</v>
      </c>
      <c r="CK20" s="196">
        <v>2</v>
      </c>
      <c r="CL20" s="195">
        <v>2</v>
      </c>
      <c r="CM20" s="190">
        <v>0</v>
      </c>
      <c r="CN20" s="191">
        <v>0</v>
      </c>
      <c r="CO20" s="196">
        <v>0</v>
      </c>
      <c r="CP20" s="193">
        <v>0</v>
      </c>
      <c r="CQ20" s="191">
        <v>0</v>
      </c>
      <c r="CR20" s="191">
        <v>0</v>
      </c>
      <c r="CS20" s="191">
        <v>1</v>
      </c>
      <c r="CT20" s="191">
        <v>0</v>
      </c>
      <c r="CU20" s="191">
        <v>2</v>
      </c>
      <c r="CV20" s="196">
        <v>3</v>
      </c>
      <c r="CW20" s="195">
        <v>3</v>
      </c>
    </row>
    <row r="21" spans="2:101" ht="21" customHeight="1" x14ac:dyDescent="0.2">
      <c r="B21" s="106" t="s">
        <v>19</v>
      </c>
      <c r="C21" s="190">
        <v>0</v>
      </c>
      <c r="D21" s="196">
        <v>0</v>
      </c>
      <c r="E21" s="207">
        <v>0</v>
      </c>
      <c r="F21" s="193">
        <v>0</v>
      </c>
      <c r="G21" s="191">
        <v>0</v>
      </c>
      <c r="H21" s="191">
        <v>2</v>
      </c>
      <c r="I21" s="191">
        <v>0</v>
      </c>
      <c r="J21" s="191">
        <v>1</v>
      </c>
      <c r="K21" s="191">
        <v>0</v>
      </c>
      <c r="L21" s="194">
        <v>3</v>
      </c>
      <c r="M21" s="195">
        <v>3</v>
      </c>
      <c r="N21" s="190">
        <v>0</v>
      </c>
      <c r="O21" s="191">
        <v>0</v>
      </c>
      <c r="P21" s="196">
        <v>0</v>
      </c>
      <c r="Q21" s="193">
        <v>0</v>
      </c>
      <c r="R21" s="191">
        <v>0</v>
      </c>
      <c r="S21" s="191">
        <v>0</v>
      </c>
      <c r="T21" s="191">
        <v>0</v>
      </c>
      <c r="U21" s="191">
        <v>1</v>
      </c>
      <c r="V21" s="191">
        <v>0</v>
      </c>
      <c r="W21" s="196">
        <v>1</v>
      </c>
      <c r="X21" s="195">
        <v>1</v>
      </c>
      <c r="Y21" s="190">
        <v>0</v>
      </c>
      <c r="Z21" s="191">
        <v>0</v>
      </c>
      <c r="AA21" s="196">
        <v>0</v>
      </c>
      <c r="AB21" s="193">
        <v>0</v>
      </c>
      <c r="AC21" s="191">
        <v>9</v>
      </c>
      <c r="AD21" s="191">
        <v>6</v>
      </c>
      <c r="AE21" s="191">
        <v>1</v>
      </c>
      <c r="AF21" s="191">
        <v>2</v>
      </c>
      <c r="AG21" s="191">
        <v>0</v>
      </c>
      <c r="AH21" s="196">
        <v>18</v>
      </c>
      <c r="AI21" s="195">
        <v>18</v>
      </c>
      <c r="AJ21" s="190">
        <v>1</v>
      </c>
      <c r="AK21" s="191">
        <v>0</v>
      </c>
      <c r="AL21" s="196">
        <v>1</v>
      </c>
      <c r="AM21" s="193">
        <v>0</v>
      </c>
      <c r="AN21" s="191">
        <v>1</v>
      </c>
      <c r="AO21" s="191">
        <v>2</v>
      </c>
      <c r="AP21" s="191">
        <v>0</v>
      </c>
      <c r="AQ21" s="191">
        <v>0</v>
      </c>
      <c r="AR21" s="191">
        <v>0</v>
      </c>
      <c r="AS21" s="196">
        <v>3</v>
      </c>
      <c r="AT21" s="195">
        <v>4</v>
      </c>
      <c r="AU21" s="190">
        <v>0</v>
      </c>
      <c r="AV21" s="191">
        <v>0</v>
      </c>
      <c r="AW21" s="196">
        <v>0</v>
      </c>
      <c r="AX21" s="193">
        <v>0</v>
      </c>
      <c r="AY21" s="191">
        <v>1</v>
      </c>
      <c r="AZ21" s="191">
        <v>1</v>
      </c>
      <c r="BA21" s="191">
        <v>1</v>
      </c>
      <c r="BB21" s="191">
        <v>1</v>
      </c>
      <c r="BC21" s="191">
        <v>0</v>
      </c>
      <c r="BD21" s="196">
        <v>4</v>
      </c>
      <c r="BE21" s="195">
        <v>4</v>
      </c>
      <c r="BF21" s="190">
        <v>0</v>
      </c>
      <c r="BG21" s="191">
        <v>0</v>
      </c>
      <c r="BH21" s="196">
        <v>0</v>
      </c>
      <c r="BI21" s="193">
        <v>0</v>
      </c>
      <c r="BJ21" s="191">
        <v>1</v>
      </c>
      <c r="BK21" s="191">
        <v>0</v>
      </c>
      <c r="BL21" s="191">
        <v>1</v>
      </c>
      <c r="BM21" s="191">
        <v>0</v>
      </c>
      <c r="BN21" s="191">
        <v>1</v>
      </c>
      <c r="BO21" s="194">
        <v>3</v>
      </c>
      <c r="BP21" s="195">
        <v>3</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0</v>
      </c>
      <c r="CR21" s="191">
        <v>0</v>
      </c>
      <c r="CS21" s="191">
        <v>0</v>
      </c>
      <c r="CT21" s="191">
        <v>0</v>
      </c>
      <c r="CU21" s="191">
        <v>1</v>
      </c>
      <c r="CV21" s="196">
        <v>1</v>
      </c>
      <c r="CW21" s="195">
        <v>1</v>
      </c>
    </row>
    <row r="22" spans="2:101" ht="21" customHeight="1" x14ac:dyDescent="0.2">
      <c r="B22" s="106" t="s">
        <v>20</v>
      </c>
      <c r="C22" s="190">
        <v>0</v>
      </c>
      <c r="D22" s="196">
        <v>0</v>
      </c>
      <c r="E22" s="207">
        <v>0</v>
      </c>
      <c r="F22" s="193">
        <v>0</v>
      </c>
      <c r="G22" s="191">
        <v>0</v>
      </c>
      <c r="H22" s="191">
        <v>0</v>
      </c>
      <c r="I22" s="191">
        <v>0</v>
      </c>
      <c r="J22" s="191">
        <v>0</v>
      </c>
      <c r="K22" s="191">
        <v>0</v>
      </c>
      <c r="L22" s="194">
        <v>0</v>
      </c>
      <c r="M22" s="195">
        <v>0</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13</v>
      </c>
      <c r="AD22" s="191">
        <v>9</v>
      </c>
      <c r="AE22" s="191">
        <v>1</v>
      </c>
      <c r="AF22" s="191">
        <v>0</v>
      </c>
      <c r="AG22" s="191">
        <v>0</v>
      </c>
      <c r="AH22" s="196">
        <v>23</v>
      </c>
      <c r="AI22" s="195">
        <v>23</v>
      </c>
      <c r="AJ22" s="190">
        <v>0</v>
      </c>
      <c r="AK22" s="191">
        <v>0</v>
      </c>
      <c r="AL22" s="196">
        <v>0</v>
      </c>
      <c r="AM22" s="193">
        <v>0</v>
      </c>
      <c r="AN22" s="191">
        <v>0</v>
      </c>
      <c r="AO22" s="191">
        <v>0</v>
      </c>
      <c r="AP22" s="191">
        <v>1</v>
      </c>
      <c r="AQ22" s="191">
        <v>0</v>
      </c>
      <c r="AR22" s="191">
        <v>0</v>
      </c>
      <c r="AS22" s="196">
        <v>1</v>
      </c>
      <c r="AT22" s="195">
        <v>1</v>
      </c>
      <c r="AU22" s="190">
        <v>0</v>
      </c>
      <c r="AV22" s="191">
        <v>1</v>
      </c>
      <c r="AW22" s="196">
        <v>1</v>
      </c>
      <c r="AX22" s="193">
        <v>0</v>
      </c>
      <c r="AY22" s="191">
        <v>0</v>
      </c>
      <c r="AZ22" s="191">
        <v>0</v>
      </c>
      <c r="BA22" s="191">
        <v>2</v>
      </c>
      <c r="BB22" s="191">
        <v>0</v>
      </c>
      <c r="BC22" s="191">
        <v>1</v>
      </c>
      <c r="BD22" s="196">
        <v>3</v>
      </c>
      <c r="BE22" s="195">
        <v>4</v>
      </c>
      <c r="BF22" s="190">
        <v>0</v>
      </c>
      <c r="BG22" s="191">
        <v>0</v>
      </c>
      <c r="BH22" s="196">
        <v>0</v>
      </c>
      <c r="BI22" s="193">
        <v>0</v>
      </c>
      <c r="BJ22" s="191">
        <v>1</v>
      </c>
      <c r="BK22" s="191">
        <v>1</v>
      </c>
      <c r="BL22" s="191">
        <v>3</v>
      </c>
      <c r="BM22" s="191">
        <v>0</v>
      </c>
      <c r="BN22" s="191">
        <v>0</v>
      </c>
      <c r="BO22" s="194">
        <v>5</v>
      </c>
      <c r="BP22" s="195">
        <v>5</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0</v>
      </c>
      <c r="H23" s="191">
        <v>0</v>
      </c>
      <c r="I23" s="191">
        <v>0</v>
      </c>
      <c r="J23" s="191">
        <v>0</v>
      </c>
      <c r="K23" s="191">
        <v>0</v>
      </c>
      <c r="L23" s="194">
        <v>0</v>
      </c>
      <c r="M23" s="195">
        <v>0</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13</v>
      </c>
      <c r="AD23" s="191">
        <v>6</v>
      </c>
      <c r="AE23" s="191">
        <v>1</v>
      </c>
      <c r="AF23" s="191">
        <v>2</v>
      </c>
      <c r="AG23" s="191">
        <v>0</v>
      </c>
      <c r="AH23" s="196">
        <v>22</v>
      </c>
      <c r="AI23" s="195">
        <v>22</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1</v>
      </c>
      <c r="AZ23" s="191">
        <v>0</v>
      </c>
      <c r="BA23" s="191">
        <v>1</v>
      </c>
      <c r="BB23" s="191">
        <v>0</v>
      </c>
      <c r="BC23" s="191">
        <v>0</v>
      </c>
      <c r="BD23" s="196">
        <v>2</v>
      </c>
      <c r="BE23" s="195">
        <v>2</v>
      </c>
      <c r="BF23" s="190">
        <v>0</v>
      </c>
      <c r="BG23" s="191">
        <v>0</v>
      </c>
      <c r="BH23" s="196">
        <v>0</v>
      </c>
      <c r="BI23" s="193">
        <v>0</v>
      </c>
      <c r="BJ23" s="191">
        <v>0</v>
      </c>
      <c r="BK23" s="191">
        <v>1</v>
      </c>
      <c r="BL23" s="191">
        <v>0</v>
      </c>
      <c r="BM23" s="191">
        <v>3</v>
      </c>
      <c r="BN23" s="191">
        <v>0</v>
      </c>
      <c r="BO23" s="194">
        <v>4</v>
      </c>
      <c r="BP23" s="195">
        <v>4</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0</v>
      </c>
      <c r="CV23" s="196">
        <v>0</v>
      </c>
      <c r="CW23" s="195">
        <v>0</v>
      </c>
    </row>
    <row r="24" spans="2:101" ht="21" customHeight="1" x14ac:dyDescent="0.2">
      <c r="B24" s="106" t="s">
        <v>22</v>
      </c>
      <c r="C24" s="190">
        <v>0</v>
      </c>
      <c r="D24" s="196">
        <v>0</v>
      </c>
      <c r="E24" s="207">
        <v>0</v>
      </c>
      <c r="F24" s="193">
        <v>0</v>
      </c>
      <c r="G24" s="191">
        <v>0</v>
      </c>
      <c r="H24" s="191">
        <v>0</v>
      </c>
      <c r="I24" s="191">
        <v>1</v>
      </c>
      <c r="J24" s="191">
        <v>1</v>
      </c>
      <c r="K24" s="191">
        <v>0</v>
      </c>
      <c r="L24" s="194">
        <v>2</v>
      </c>
      <c r="M24" s="195">
        <v>2</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10</v>
      </c>
      <c r="AD24" s="191">
        <v>6</v>
      </c>
      <c r="AE24" s="191">
        <v>0</v>
      </c>
      <c r="AF24" s="191">
        <v>1</v>
      </c>
      <c r="AG24" s="191">
        <v>0</v>
      </c>
      <c r="AH24" s="196">
        <v>17</v>
      </c>
      <c r="AI24" s="195">
        <v>17</v>
      </c>
      <c r="AJ24" s="190">
        <v>0</v>
      </c>
      <c r="AK24" s="191">
        <v>0</v>
      </c>
      <c r="AL24" s="196">
        <v>0</v>
      </c>
      <c r="AM24" s="193">
        <v>0</v>
      </c>
      <c r="AN24" s="191">
        <v>0</v>
      </c>
      <c r="AO24" s="191">
        <v>0</v>
      </c>
      <c r="AP24" s="191">
        <v>0</v>
      </c>
      <c r="AQ24" s="191">
        <v>0</v>
      </c>
      <c r="AR24" s="191">
        <v>0</v>
      </c>
      <c r="AS24" s="196">
        <v>0</v>
      </c>
      <c r="AT24" s="195">
        <v>0</v>
      </c>
      <c r="AU24" s="190">
        <v>0</v>
      </c>
      <c r="AV24" s="191">
        <v>0</v>
      </c>
      <c r="AW24" s="196">
        <v>0</v>
      </c>
      <c r="AX24" s="193">
        <v>0</v>
      </c>
      <c r="AY24" s="191">
        <v>0</v>
      </c>
      <c r="AZ24" s="191">
        <v>2</v>
      </c>
      <c r="BA24" s="191">
        <v>0</v>
      </c>
      <c r="BB24" s="191">
        <v>0</v>
      </c>
      <c r="BC24" s="191">
        <v>0</v>
      </c>
      <c r="BD24" s="196">
        <v>2</v>
      </c>
      <c r="BE24" s="195">
        <v>2</v>
      </c>
      <c r="BF24" s="190">
        <v>0</v>
      </c>
      <c r="BG24" s="191">
        <v>0</v>
      </c>
      <c r="BH24" s="196">
        <v>0</v>
      </c>
      <c r="BI24" s="193">
        <v>0</v>
      </c>
      <c r="BJ24" s="191">
        <v>0</v>
      </c>
      <c r="BK24" s="191">
        <v>0</v>
      </c>
      <c r="BL24" s="191">
        <v>0</v>
      </c>
      <c r="BM24" s="191">
        <v>0</v>
      </c>
      <c r="BN24" s="191">
        <v>0</v>
      </c>
      <c r="BO24" s="194">
        <v>0</v>
      </c>
      <c r="BP24" s="195">
        <v>0</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0</v>
      </c>
      <c r="CH24" s="191">
        <v>0</v>
      </c>
      <c r="CI24" s="191">
        <v>0</v>
      </c>
      <c r="CJ24" s="191">
        <v>0</v>
      </c>
      <c r="CK24" s="196">
        <v>0</v>
      </c>
      <c r="CL24" s="195">
        <v>0</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0</v>
      </c>
      <c r="J25" s="191">
        <v>0</v>
      </c>
      <c r="K25" s="191">
        <v>1</v>
      </c>
      <c r="L25" s="194">
        <v>1</v>
      </c>
      <c r="M25" s="195">
        <v>1</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2</v>
      </c>
      <c r="AD25" s="191">
        <v>2</v>
      </c>
      <c r="AE25" s="191">
        <v>2</v>
      </c>
      <c r="AF25" s="191">
        <v>0</v>
      </c>
      <c r="AG25" s="191">
        <v>0</v>
      </c>
      <c r="AH25" s="196">
        <v>6</v>
      </c>
      <c r="AI25" s="195">
        <v>6</v>
      </c>
      <c r="AJ25" s="190">
        <v>0</v>
      </c>
      <c r="AK25" s="191">
        <v>0</v>
      </c>
      <c r="AL25" s="196">
        <v>0</v>
      </c>
      <c r="AM25" s="193">
        <v>0</v>
      </c>
      <c r="AN25" s="191">
        <v>0</v>
      </c>
      <c r="AO25" s="191">
        <v>0</v>
      </c>
      <c r="AP25" s="191">
        <v>0</v>
      </c>
      <c r="AQ25" s="191">
        <v>0</v>
      </c>
      <c r="AR25" s="191">
        <v>0</v>
      </c>
      <c r="AS25" s="196">
        <v>0</v>
      </c>
      <c r="AT25" s="195">
        <v>0</v>
      </c>
      <c r="AU25" s="190">
        <v>0</v>
      </c>
      <c r="AV25" s="191">
        <v>0</v>
      </c>
      <c r="AW25" s="196">
        <v>0</v>
      </c>
      <c r="AX25" s="193">
        <v>0</v>
      </c>
      <c r="AY25" s="191">
        <v>0</v>
      </c>
      <c r="AZ25" s="191">
        <v>0</v>
      </c>
      <c r="BA25" s="191">
        <v>0</v>
      </c>
      <c r="BB25" s="191">
        <v>0</v>
      </c>
      <c r="BC25" s="191">
        <v>0</v>
      </c>
      <c r="BD25" s="196">
        <v>0</v>
      </c>
      <c r="BE25" s="195">
        <v>0</v>
      </c>
      <c r="BF25" s="190">
        <v>0</v>
      </c>
      <c r="BG25" s="191">
        <v>0</v>
      </c>
      <c r="BH25" s="196">
        <v>0</v>
      </c>
      <c r="BI25" s="193">
        <v>0</v>
      </c>
      <c r="BJ25" s="191">
        <v>1</v>
      </c>
      <c r="BK25" s="191">
        <v>1</v>
      </c>
      <c r="BL25" s="191">
        <v>3</v>
      </c>
      <c r="BM25" s="191">
        <v>0</v>
      </c>
      <c r="BN25" s="191">
        <v>2</v>
      </c>
      <c r="BO25" s="194">
        <v>7</v>
      </c>
      <c r="BP25" s="195">
        <v>7</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1</v>
      </c>
      <c r="CS25" s="191">
        <v>0</v>
      </c>
      <c r="CT25" s="191">
        <v>1</v>
      </c>
      <c r="CU25" s="191">
        <v>0</v>
      </c>
      <c r="CV25" s="196">
        <v>2</v>
      </c>
      <c r="CW25" s="195">
        <v>2</v>
      </c>
    </row>
    <row r="26" spans="2:101" ht="21" customHeight="1" x14ac:dyDescent="0.2">
      <c r="B26" s="106" t="s">
        <v>24</v>
      </c>
      <c r="C26" s="190">
        <v>0</v>
      </c>
      <c r="D26" s="196">
        <v>0</v>
      </c>
      <c r="E26" s="207">
        <v>0</v>
      </c>
      <c r="F26" s="193">
        <v>0</v>
      </c>
      <c r="G26" s="191">
        <v>0</v>
      </c>
      <c r="H26" s="191">
        <v>0</v>
      </c>
      <c r="I26" s="191">
        <v>0</v>
      </c>
      <c r="J26" s="191">
        <v>2</v>
      </c>
      <c r="K26" s="191">
        <v>0</v>
      </c>
      <c r="L26" s="194">
        <v>2</v>
      </c>
      <c r="M26" s="195">
        <v>2</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0</v>
      </c>
      <c r="AD26" s="191">
        <v>1</v>
      </c>
      <c r="AE26" s="191">
        <v>0</v>
      </c>
      <c r="AF26" s="191">
        <v>1</v>
      </c>
      <c r="AG26" s="191">
        <v>0</v>
      </c>
      <c r="AH26" s="196">
        <v>2</v>
      </c>
      <c r="AI26" s="195">
        <v>2</v>
      </c>
      <c r="AJ26" s="190">
        <v>0</v>
      </c>
      <c r="AK26" s="191">
        <v>0</v>
      </c>
      <c r="AL26" s="196">
        <v>0</v>
      </c>
      <c r="AM26" s="193">
        <v>0</v>
      </c>
      <c r="AN26" s="191">
        <v>0</v>
      </c>
      <c r="AO26" s="191">
        <v>0</v>
      </c>
      <c r="AP26" s="191">
        <v>0</v>
      </c>
      <c r="AQ26" s="191">
        <v>0</v>
      </c>
      <c r="AR26" s="191">
        <v>1</v>
      </c>
      <c r="AS26" s="196">
        <v>1</v>
      </c>
      <c r="AT26" s="195">
        <v>1</v>
      </c>
      <c r="AU26" s="190">
        <v>0</v>
      </c>
      <c r="AV26" s="191">
        <v>0</v>
      </c>
      <c r="AW26" s="196">
        <v>0</v>
      </c>
      <c r="AX26" s="193">
        <v>0</v>
      </c>
      <c r="AY26" s="191">
        <v>2</v>
      </c>
      <c r="AZ26" s="191">
        <v>1</v>
      </c>
      <c r="BA26" s="191">
        <v>0</v>
      </c>
      <c r="BB26" s="191">
        <v>1</v>
      </c>
      <c r="BC26" s="191">
        <v>0</v>
      </c>
      <c r="BD26" s="196">
        <v>4</v>
      </c>
      <c r="BE26" s="195">
        <v>4</v>
      </c>
      <c r="BF26" s="190">
        <v>0</v>
      </c>
      <c r="BG26" s="191">
        <v>0</v>
      </c>
      <c r="BH26" s="196">
        <v>0</v>
      </c>
      <c r="BI26" s="193">
        <v>0</v>
      </c>
      <c r="BJ26" s="191">
        <v>0</v>
      </c>
      <c r="BK26" s="191">
        <v>1</v>
      </c>
      <c r="BL26" s="191">
        <v>1</v>
      </c>
      <c r="BM26" s="191">
        <v>0</v>
      </c>
      <c r="BN26" s="191">
        <v>1</v>
      </c>
      <c r="BO26" s="194">
        <v>3</v>
      </c>
      <c r="BP26" s="195">
        <v>3</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3</v>
      </c>
      <c r="AD27" s="191">
        <v>2</v>
      </c>
      <c r="AE27" s="191">
        <v>1</v>
      </c>
      <c r="AF27" s="191">
        <v>0</v>
      </c>
      <c r="AG27" s="191">
        <v>0</v>
      </c>
      <c r="AH27" s="196">
        <v>6</v>
      </c>
      <c r="AI27" s="195">
        <v>6</v>
      </c>
      <c r="AJ27" s="190">
        <v>0</v>
      </c>
      <c r="AK27" s="191">
        <v>0</v>
      </c>
      <c r="AL27" s="196">
        <v>0</v>
      </c>
      <c r="AM27" s="193">
        <v>0</v>
      </c>
      <c r="AN27" s="191">
        <v>0</v>
      </c>
      <c r="AO27" s="191">
        <v>0</v>
      </c>
      <c r="AP27" s="191">
        <v>0</v>
      </c>
      <c r="AQ27" s="191">
        <v>0</v>
      </c>
      <c r="AR27" s="191">
        <v>0</v>
      </c>
      <c r="AS27" s="196">
        <v>0</v>
      </c>
      <c r="AT27" s="195">
        <v>0</v>
      </c>
      <c r="AU27" s="190">
        <v>0</v>
      </c>
      <c r="AV27" s="191">
        <v>0</v>
      </c>
      <c r="AW27" s="196">
        <v>0</v>
      </c>
      <c r="AX27" s="193">
        <v>0</v>
      </c>
      <c r="AY27" s="191">
        <v>0</v>
      </c>
      <c r="AZ27" s="191">
        <v>0</v>
      </c>
      <c r="BA27" s="191">
        <v>0</v>
      </c>
      <c r="BB27" s="191">
        <v>0</v>
      </c>
      <c r="BC27" s="191">
        <v>0</v>
      </c>
      <c r="BD27" s="196">
        <v>0</v>
      </c>
      <c r="BE27" s="195">
        <v>0</v>
      </c>
      <c r="BF27" s="190">
        <v>0</v>
      </c>
      <c r="BG27" s="191">
        <v>0</v>
      </c>
      <c r="BH27" s="196">
        <v>0</v>
      </c>
      <c r="BI27" s="193">
        <v>0</v>
      </c>
      <c r="BJ27" s="191">
        <v>1</v>
      </c>
      <c r="BK27" s="191">
        <v>0</v>
      </c>
      <c r="BL27" s="191">
        <v>0</v>
      </c>
      <c r="BM27" s="191">
        <v>0</v>
      </c>
      <c r="BN27" s="191">
        <v>0</v>
      </c>
      <c r="BO27" s="194">
        <v>1</v>
      </c>
      <c r="BP27" s="195">
        <v>1</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2</v>
      </c>
      <c r="AD28" s="191">
        <v>3</v>
      </c>
      <c r="AE28" s="191">
        <v>1</v>
      </c>
      <c r="AF28" s="191">
        <v>0</v>
      </c>
      <c r="AG28" s="191">
        <v>0</v>
      </c>
      <c r="AH28" s="196">
        <v>6</v>
      </c>
      <c r="AI28" s="195">
        <v>6</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0</v>
      </c>
      <c r="AZ28" s="191">
        <v>1</v>
      </c>
      <c r="BA28" s="191">
        <v>0</v>
      </c>
      <c r="BB28" s="191">
        <v>0</v>
      </c>
      <c r="BC28" s="191">
        <v>0</v>
      </c>
      <c r="BD28" s="196">
        <v>1</v>
      </c>
      <c r="BE28" s="195">
        <v>1</v>
      </c>
      <c r="BF28" s="190">
        <v>0</v>
      </c>
      <c r="BG28" s="191">
        <v>0</v>
      </c>
      <c r="BH28" s="196">
        <v>0</v>
      </c>
      <c r="BI28" s="193">
        <v>0</v>
      </c>
      <c r="BJ28" s="191">
        <v>0</v>
      </c>
      <c r="BK28" s="191">
        <v>1</v>
      </c>
      <c r="BL28" s="191">
        <v>3</v>
      </c>
      <c r="BM28" s="191">
        <v>0</v>
      </c>
      <c r="BN28" s="191">
        <v>0</v>
      </c>
      <c r="BO28" s="194">
        <v>4</v>
      </c>
      <c r="BP28" s="195">
        <v>4</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0</v>
      </c>
      <c r="J29" s="191">
        <v>0</v>
      </c>
      <c r="K29" s="191">
        <v>0</v>
      </c>
      <c r="L29" s="194">
        <v>0</v>
      </c>
      <c r="M29" s="195">
        <v>0</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4</v>
      </c>
      <c r="AD29" s="191">
        <v>2</v>
      </c>
      <c r="AE29" s="191">
        <v>1</v>
      </c>
      <c r="AF29" s="191">
        <v>0</v>
      </c>
      <c r="AG29" s="191">
        <v>0</v>
      </c>
      <c r="AH29" s="196">
        <v>7</v>
      </c>
      <c r="AI29" s="195">
        <v>7</v>
      </c>
      <c r="AJ29" s="190">
        <v>0</v>
      </c>
      <c r="AK29" s="191">
        <v>0</v>
      </c>
      <c r="AL29" s="196">
        <v>0</v>
      </c>
      <c r="AM29" s="193">
        <v>0</v>
      </c>
      <c r="AN29" s="191">
        <v>0</v>
      </c>
      <c r="AO29" s="191">
        <v>1</v>
      </c>
      <c r="AP29" s="191">
        <v>1</v>
      </c>
      <c r="AQ29" s="191">
        <v>0</v>
      </c>
      <c r="AR29" s="191">
        <v>0</v>
      </c>
      <c r="AS29" s="196">
        <v>2</v>
      </c>
      <c r="AT29" s="195">
        <v>2</v>
      </c>
      <c r="AU29" s="190">
        <v>0</v>
      </c>
      <c r="AV29" s="191">
        <v>0</v>
      </c>
      <c r="AW29" s="196">
        <v>0</v>
      </c>
      <c r="AX29" s="193">
        <v>0</v>
      </c>
      <c r="AY29" s="191">
        <v>0</v>
      </c>
      <c r="AZ29" s="191">
        <v>0</v>
      </c>
      <c r="BA29" s="191">
        <v>0</v>
      </c>
      <c r="BB29" s="191">
        <v>0</v>
      </c>
      <c r="BC29" s="191">
        <v>0</v>
      </c>
      <c r="BD29" s="196">
        <v>0</v>
      </c>
      <c r="BE29" s="195">
        <v>0</v>
      </c>
      <c r="BF29" s="190">
        <v>0</v>
      </c>
      <c r="BG29" s="191">
        <v>0</v>
      </c>
      <c r="BH29" s="196">
        <v>0</v>
      </c>
      <c r="BI29" s="193">
        <v>0</v>
      </c>
      <c r="BJ29" s="191">
        <v>0</v>
      </c>
      <c r="BK29" s="191">
        <v>0</v>
      </c>
      <c r="BL29" s="191">
        <v>0</v>
      </c>
      <c r="BM29" s="191">
        <v>0</v>
      </c>
      <c r="BN29" s="191">
        <v>0</v>
      </c>
      <c r="BO29" s="194">
        <v>0</v>
      </c>
      <c r="BP29" s="195">
        <v>0</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0</v>
      </c>
      <c r="CI29" s="191">
        <v>0</v>
      </c>
      <c r="CJ29" s="191">
        <v>0</v>
      </c>
      <c r="CK29" s="196">
        <v>0</v>
      </c>
      <c r="CL29" s="195">
        <v>0</v>
      </c>
      <c r="CM29" s="190">
        <v>0</v>
      </c>
      <c r="CN29" s="191">
        <v>0</v>
      </c>
      <c r="CO29" s="196">
        <v>0</v>
      </c>
      <c r="CP29" s="193">
        <v>0</v>
      </c>
      <c r="CQ29" s="191">
        <v>0</v>
      </c>
      <c r="CR29" s="191">
        <v>0</v>
      </c>
      <c r="CS29" s="191">
        <v>1</v>
      </c>
      <c r="CT29" s="191">
        <v>0</v>
      </c>
      <c r="CU29" s="191">
        <v>0</v>
      </c>
      <c r="CV29" s="196">
        <v>1</v>
      </c>
      <c r="CW29" s="195">
        <v>1</v>
      </c>
    </row>
    <row r="30" spans="2:101" ht="21" customHeight="1" x14ac:dyDescent="0.2">
      <c r="B30" s="106" t="s">
        <v>28</v>
      </c>
      <c r="C30" s="190">
        <v>0</v>
      </c>
      <c r="D30" s="196">
        <v>0</v>
      </c>
      <c r="E30" s="207">
        <v>0</v>
      </c>
      <c r="F30" s="193">
        <v>0</v>
      </c>
      <c r="G30" s="191">
        <v>0</v>
      </c>
      <c r="H30" s="191">
        <v>0</v>
      </c>
      <c r="I30" s="191">
        <v>0</v>
      </c>
      <c r="J30" s="191">
        <v>0</v>
      </c>
      <c r="K30" s="191">
        <v>0</v>
      </c>
      <c r="L30" s="194">
        <v>0</v>
      </c>
      <c r="M30" s="195">
        <v>0</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5</v>
      </c>
      <c r="AD30" s="191">
        <v>1</v>
      </c>
      <c r="AE30" s="191">
        <v>0</v>
      </c>
      <c r="AF30" s="191">
        <v>0</v>
      </c>
      <c r="AG30" s="191">
        <v>0</v>
      </c>
      <c r="AH30" s="196">
        <v>6</v>
      </c>
      <c r="AI30" s="195">
        <v>6</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0</v>
      </c>
      <c r="BK30" s="191">
        <v>1</v>
      </c>
      <c r="BL30" s="191">
        <v>1</v>
      </c>
      <c r="BM30" s="191">
        <v>0</v>
      </c>
      <c r="BN30" s="191">
        <v>0</v>
      </c>
      <c r="BO30" s="194">
        <v>2</v>
      </c>
      <c r="BP30" s="195">
        <v>2</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1</v>
      </c>
      <c r="H31" s="191">
        <v>0</v>
      </c>
      <c r="I31" s="191">
        <v>0</v>
      </c>
      <c r="J31" s="191">
        <v>0</v>
      </c>
      <c r="K31" s="191">
        <v>0</v>
      </c>
      <c r="L31" s="194">
        <v>1</v>
      </c>
      <c r="M31" s="195">
        <v>1</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1</v>
      </c>
      <c r="AD31" s="191">
        <v>0</v>
      </c>
      <c r="AE31" s="191">
        <v>1</v>
      </c>
      <c r="AF31" s="191">
        <v>0</v>
      </c>
      <c r="AG31" s="191">
        <v>0</v>
      </c>
      <c r="AH31" s="196">
        <v>2</v>
      </c>
      <c r="AI31" s="195">
        <v>2</v>
      </c>
      <c r="AJ31" s="190">
        <v>0</v>
      </c>
      <c r="AK31" s="191">
        <v>0</v>
      </c>
      <c r="AL31" s="196">
        <v>0</v>
      </c>
      <c r="AM31" s="193">
        <v>0</v>
      </c>
      <c r="AN31" s="191">
        <v>0</v>
      </c>
      <c r="AO31" s="191">
        <v>0</v>
      </c>
      <c r="AP31" s="191">
        <v>0</v>
      </c>
      <c r="AQ31" s="191">
        <v>0</v>
      </c>
      <c r="AR31" s="191">
        <v>0</v>
      </c>
      <c r="AS31" s="196">
        <v>0</v>
      </c>
      <c r="AT31" s="195">
        <v>0</v>
      </c>
      <c r="AU31" s="190">
        <v>0</v>
      </c>
      <c r="AV31" s="191">
        <v>0</v>
      </c>
      <c r="AW31" s="196">
        <v>0</v>
      </c>
      <c r="AX31" s="193">
        <v>0</v>
      </c>
      <c r="AY31" s="191">
        <v>2</v>
      </c>
      <c r="AZ31" s="191">
        <v>2</v>
      </c>
      <c r="BA31" s="191">
        <v>0</v>
      </c>
      <c r="BB31" s="191">
        <v>0</v>
      </c>
      <c r="BC31" s="191">
        <v>0</v>
      </c>
      <c r="BD31" s="196">
        <v>4</v>
      </c>
      <c r="BE31" s="195">
        <v>4</v>
      </c>
      <c r="BF31" s="190">
        <v>0</v>
      </c>
      <c r="BG31" s="191">
        <v>0</v>
      </c>
      <c r="BH31" s="196">
        <v>0</v>
      </c>
      <c r="BI31" s="193">
        <v>0</v>
      </c>
      <c r="BJ31" s="191">
        <v>0</v>
      </c>
      <c r="BK31" s="191">
        <v>0</v>
      </c>
      <c r="BL31" s="191">
        <v>0</v>
      </c>
      <c r="BM31" s="191">
        <v>0</v>
      </c>
      <c r="BN31" s="191">
        <v>0</v>
      </c>
      <c r="BO31" s="194">
        <v>0</v>
      </c>
      <c r="BP31" s="195">
        <v>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0</v>
      </c>
      <c r="CI31" s="191">
        <v>1</v>
      </c>
      <c r="CJ31" s="191">
        <v>0</v>
      </c>
      <c r="CK31" s="196">
        <v>1</v>
      </c>
      <c r="CL31" s="195">
        <v>1</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0</v>
      </c>
      <c r="I32" s="191">
        <v>0</v>
      </c>
      <c r="J32" s="191">
        <v>0</v>
      </c>
      <c r="K32" s="191">
        <v>0</v>
      </c>
      <c r="L32" s="194">
        <v>0</v>
      </c>
      <c r="M32" s="195">
        <v>0</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0</v>
      </c>
      <c r="AD32" s="191">
        <v>0</v>
      </c>
      <c r="AE32" s="191">
        <v>0</v>
      </c>
      <c r="AF32" s="191">
        <v>1</v>
      </c>
      <c r="AG32" s="191">
        <v>0</v>
      </c>
      <c r="AH32" s="196">
        <v>1</v>
      </c>
      <c r="AI32" s="195">
        <v>1</v>
      </c>
      <c r="AJ32" s="190">
        <v>0</v>
      </c>
      <c r="AK32" s="191">
        <v>0</v>
      </c>
      <c r="AL32" s="196">
        <v>0</v>
      </c>
      <c r="AM32" s="193">
        <v>0</v>
      </c>
      <c r="AN32" s="191">
        <v>0</v>
      </c>
      <c r="AO32" s="191">
        <v>1</v>
      </c>
      <c r="AP32" s="191">
        <v>0</v>
      </c>
      <c r="AQ32" s="191">
        <v>0</v>
      </c>
      <c r="AR32" s="191">
        <v>0</v>
      </c>
      <c r="AS32" s="196">
        <v>1</v>
      </c>
      <c r="AT32" s="195">
        <v>1</v>
      </c>
      <c r="AU32" s="190">
        <v>0</v>
      </c>
      <c r="AV32" s="191">
        <v>0</v>
      </c>
      <c r="AW32" s="196">
        <v>0</v>
      </c>
      <c r="AX32" s="193">
        <v>0</v>
      </c>
      <c r="AY32" s="191">
        <v>0</v>
      </c>
      <c r="AZ32" s="191">
        <v>0</v>
      </c>
      <c r="BA32" s="191">
        <v>0</v>
      </c>
      <c r="BB32" s="191">
        <v>0</v>
      </c>
      <c r="BC32" s="191">
        <v>0</v>
      </c>
      <c r="BD32" s="196">
        <v>0</v>
      </c>
      <c r="BE32" s="195">
        <v>0</v>
      </c>
      <c r="BF32" s="190">
        <v>0</v>
      </c>
      <c r="BG32" s="191">
        <v>0</v>
      </c>
      <c r="BH32" s="196">
        <v>0</v>
      </c>
      <c r="BI32" s="193">
        <v>0</v>
      </c>
      <c r="BJ32" s="191">
        <v>1</v>
      </c>
      <c r="BK32" s="191">
        <v>0</v>
      </c>
      <c r="BL32" s="191">
        <v>0</v>
      </c>
      <c r="BM32" s="191">
        <v>0</v>
      </c>
      <c r="BN32" s="191">
        <v>0</v>
      </c>
      <c r="BO32" s="194">
        <v>1</v>
      </c>
      <c r="BP32" s="195">
        <v>1</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0</v>
      </c>
      <c r="I33" s="191">
        <v>0</v>
      </c>
      <c r="J33" s="191">
        <v>0</v>
      </c>
      <c r="K33" s="191">
        <v>0</v>
      </c>
      <c r="L33" s="194">
        <v>0</v>
      </c>
      <c r="M33" s="195">
        <v>0</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2</v>
      </c>
      <c r="AD33" s="191">
        <v>1</v>
      </c>
      <c r="AE33" s="191">
        <v>0</v>
      </c>
      <c r="AF33" s="191">
        <v>0</v>
      </c>
      <c r="AG33" s="191">
        <v>0</v>
      </c>
      <c r="AH33" s="196">
        <v>3</v>
      </c>
      <c r="AI33" s="195">
        <v>3</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0</v>
      </c>
      <c r="AZ33" s="191">
        <v>0</v>
      </c>
      <c r="BA33" s="191">
        <v>1</v>
      </c>
      <c r="BB33" s="191">
        <v>0</v>
      </c>
      <c r="BC33" s="191">
        <v>0</v>
      </c>
      <c r="BD33" s="196">
        <v>1</v>
      </c>
      <c r="BE33" s="195">
        <v>1</v>
      </c>
      <c r="BF33" s="190">
        <v>0</v>
      </c>
      <c r="BG33" s="191">
        <v>0</v>
      </c>
      <c r="BH33" s="196">
        <v>0</v>
      </c>
      <c r="BI33" s="193">
        <v>0</v>
      </c>
      <c r="BJ33" s="191">
        <v>0</v>
      </c>
      <c r="BK33" s="191">
        <v>0</v>
      </c>
      <c r="BL33" s="191">
        <v>0</v>
      </c>
      <c r="BM33" s="191">
        <v>0</v>
      </c>
      <c r="BN33" s="191">
        <v>0</v>
      </c>
      <c r="BO33" s="194">
        <v>0</v>
      </c>
      <c r="BP33" s="195">
        <v>0</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0</v>
      </c>
      <c r="H34" s="191">
        <v>2</v>
      </c>
      <c r="I34" s="191">
        <v>0</v>
      </c>
      <c r="J34" s="191">
        <v>0</v>
      </c>
      <c r="K34" s="191">
        <v>0</v>
      </c>
      <c r="L34" s="194">
        <v>2</v>
      </c>
      <c r="M34" s="195">
        <v>2</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5</v>
      </c>
      <c r="AD34" s="191">
        <v>1</v>
      </c>
      <c r="AE34" s="191">
        <v>0</v>
      </c>
      <c r="AF34" s="191">
        <v>0</v>
      </c>
      <c r="AG34" s="191">
        <v>0</v>
      </c>
      <c r="AH34" s="196">
        <v>6</v>
      </c>
      <c r="AI34" s="195">
        <v>6</v>
      </c>
      <c r="AJ34" s="190">
        <v>0</v>
      </c>
      <c r="AK34" s="191">
        <v>0</v>
      </c>
      <c r="AL34" s="196">
        <v>0</v>
      </c>
      <c r="AM34" s="193">
        <v>0</v>
      </c>
      <c r="AN34" s="191">
        <v>1</v>
      </c>
      <c r="AO34" s="191">
        <v>0</v>
      </c>
      <c r="AP34" s="191">
        <v>1</v>
      </c>
      <c r="AQ34" s="191">
        <v>0</v>
      </c>
      <c r="AR34" s="191">
        <v>0</v>
      </c>
      <c r="AS34" s="196">
        <v>2</v>
      </c>
      <c r="AT34" s="195">
        <v>2</v>
      </c>
      <c r="AU34" s="190">
        <v>0</v>
      </c>
      <c r="AV34" s="191">
        <v>0</v>
      </c>
      <c r="AW34" s="196">
        <v>0</v>
      </c>
      <c r="AX34" s="193">
        <v>0</v>
      </c>
      <c r="AY34" s="191">
        <v>1</v>
      </c>
      <c r="AZ34" s="191">
        <v>0</v>
      </c>
      <c r="BA34" s="191">
        <v>1</v>
      </c>
      <c r="BB34" s="191">
        <v>0</v>
      </c>
      <c r="BC34" s="191">
        <v>0</v>
      </c>
      <c r="BD34" s="196">
        <v>2</v>
      </c>
      <c r="BE34" s="195">
        <v>2</v>
      </c>
      <c r="BF34" s="190">
        <v>0</v>
      </c>
      <c r="BG34" s="191">
        <v>0</v>
      </c>
      <c r="BH34" s="196">
        <v>0</v>
      </c>
      <c r="BI34" s="193">
        <v>0</v>
      </c>
      <c r="BJ34" s="191">
        <v>0</v>
      </c>
      <c r="BK34" s="191">
        <v>0</v>
      </c>
      <c r="BL34" s="191">
        <v>0</v>
      </c>
      <c r="BM34" s="191">
        <v>0</v>
      </c>
      <c r="BN34" s="191">
        <v>0</v>
      </c>
      <c r="BO34" s="194">
        <v>0</v>
      </c>
      <c r="BP34" s="195">
        <v>0</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0</v>
      </c>
      <c r="CG34" s="191">
        <v>0</v>
      </c>
      <c r="CH34" s="191">
        <v>0</v>
      </c>
      <c r="CI34" s="191">
        <v>0</v>
      </c>
      <c r="CJ34" s="191">
        <v>0</v>
      </c>
      <c r="CK34" s="196">
        <v>0</v>
      </c>
      <c r="CL34" s="195">
        <v>0</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0</v>
      </c>
      <c r="AD35" s="191">
        <v>0</v>
      </c>
      <c r="AE35" s="191">
        <v>1</v>
      </c>
      <c r="AF35" s="191">
        <v>1</v>
      </c>
      <c r="AG35" s="191">
        <v>0</v>
      </c>
      <c r="AH35" s="196">
        <v>2</v>
      </c>
      <c r="AI35" s="195">
        <v>2</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0</v>
      </c>
      <c r="BH35" s="196">
        <v>0</v>
      </c>
      <c r="BI35" s="193">
        <v>0</v>
      </c>
      <c r="BJ35" s="191">
        <v>0</v>
      </c>
      <c r="BK35" s="191">
        <v>0</v>
      </c>
      <c r="BL35" s="191">
        <v>1</v>
      </c>
      <c r="BM35" s="191">
        <v>0</v>
      </c>
      <c r="BN35" s="191">
        <v>0</v>
      </c>
      <c r="BO35" s="194">
        <v>1</v>
      </c>
      <c r="BP35" s="195">
        <v>1</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1</v>
      </c>
      <c r="AD36" s="191">
        <v>0</v>
      </c>
      <c r="AE36" s="191">
        <v>0</v>
      </c>
      <c r="AF36" s="191">
        <v>0</v>
      </c>
      <c r="AG36" s="191">
        <v>0</v>
      </c>
      <c r="AH36" s="196">
        <v>1</v>
      </c>
      <c r="AI36" s="195">
        <v>1</v>
      </c>
      <c r="AJ36" s="190">
        <v>0</v>
      </c>
      <c r="AK36" s="191">
        <v>0</v>
      </c>
      <c r="AL36" s="196">
        <v>0</v>
      </c>
      <c r="AM36" s="193">
        <v>0</v>
      </c>
      <c r="AN36" s="191">
        <v>0</v>
      </c>
      <c r="AO36" s="191">
        <v>0</v>
      </c>
      <c r="AP36" s="191">
        <v>0</v>
      </c>
      <c r="AQ36" s="191">
        <v>0</v>
      </c>
      <c r="AR36" s="191">
        <v>0</v>
      </c>
      <c r="AS36" s="196">
        <v>0</v>
      </c>
      <c r="AT36" s="195">
        <v>0</v>
      </c>
      <c r="AU36" s="190">
        <v>0</v>
      </c>
      <c r="AV36" s="191">
        <v>0</v>
      </c>
      <c r="AW36" s="196">
        <v>0</v>
      </c>
      <c r="AX36" s="193">
        <v>0</v>
      </c>
      <c r="AY36" s="191">
        <v>1</v>
      </c>
      <c r="AZ36" s="191">
        <v>0</v>
      </c>
      <c r="BA36" s="191">
        <v>0</v>
      </c>
      <c r="BB36" s="191">
        <v>0</v>
      </c>
      <c r="BC36" s="191">
        <v>0</v>
      </c>
      <c r="BD36" s="196">
        <v>1</v>
      </c>
      <c r="BE36" s="195">
        <v>1</v>
      </c>
      <c r="BF36" s="190">
        <v>0</v>
      </c>
      <c r="BG36" s="191">
        <v>0</v>
      </c>
      <c r="BH36" s="196">
        <v>0</v>
      </c>
      <c r="BI36" s="193">
        <v>0</v>
      </c>
      <c r="BJ36" s="191">
        <v>0</v>
      </c>
      <c r="BK36" s="191">
        <v>0</v>
      </c>
      <c r="BL36" s="191">
        <v>0</v>
      </c>
      <c r="BM36" s="191">
        <v>0</v>
      </c>
      <c r="BN36" s="191">
        <v>0</v>
      </c>
      <c r="BO36" s="194">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row>
    <row r="37" spans="2:101" ht="21" customHeight="1" x14ac:dyDescent="0.2">
      <c r="B37" s="106" t="s">
        <v>35</v>
      </c>
      <c r="C37" s="190">
        <v>0</v>
      </c>
      <c r="D37" s="196">
        <v>0</v>
      </c>
      <c r="E37" s="207">
        <v>0</v>
      </c>
      <c r="F37" s="193">
        <v>0</v>
      </c>
      <c r="G37" s="191">
        <v>0</v>
      </c>
      <c r="H37" s="191">
        <v>0</v>
      </c>
      <c r="I37" s="191">
        <v>0</v>
      </c>
      <c r="J37" s="191">
        <v>0</v>
      </c>
      <c r="K37" s="191">
        <v>0</v>
      </c>
      <c r="L37" s="194">
        <v>0</v>
      </c>
      <c r="M37" s="195">
        <v>0</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1</v>
      </c>
      <c r="AD37" s="191">
        <v>0</v>
      </c>
      <c r="AE37" s="191">
        <v>0</v>
      </c>
      <c r="AF37" s="191">
        <v>0</v>
      </c>
      <c r="AG37" s="191">
        <v>0</v>
      </c>
      <c r="AH37" s="196">
        <v>1</v>
      </c>
      <c r="AI37" s="195">
        <v>1</v>
      </c>
      <c r="AJ37" s="190">
        <v>0</v>
      </c>
      <c r="AK37" s="191">
        <v>0</v>
      </c>
      <c r="AL37" s="196">
        <v>0</v>
      </c>
      <c r="AM37" s="193">
        <v>0</v>
      </c>
      <c r="AN37" s="191">
        <v>0</v>
      </c>
      <c r="AO37" s="191">
        <v>0</v>
      </c>
      <c r="AP37" s="191">
        <v>0</v>
      </c>
      <c r="AQ37" s="191">
        <v>0</v>
      </c>
      <c r="AR37" s="191">
        <v>0</v>
      </c>
      <c r="AS37" s="196">
        <v>0</v>
      </c>
      <c r="AT37" s="195">
        <v>0</v>
      </c>
      <c r="AU37" s="190">
        <v>0</v>
      </c>
      <c r="AV37" s="191">
        <v>0</v>
      </c>
      <c r="AW37" s="196">
        <v>0</v>
      </c>
      <c r="AX37" s="193">
        <v>0</v>
      </c>
      <c r="AY37" s="191">
        <v>0</v>
      </c>
      <c r="AZ37" s="191">
        <v>0</v>
      </c>
      <c r="BA37" s="191">
        <v>0</v>
      </c>
      <c r="BB37" s="191">
        <v>0</v>
      </c>
      <c r="BC37" s="191">
        <v>0</v>
      </c>
      <c r="BD37" s="196">
        <v>0</v>
      </c>
      <c r="BE37" s="195">
        <v>0</v>
      </c>
      <c r="BF37" s="190">
        <v>0</v>
      </c>
      <c r="BG37" s="191">
        <v>0</v>
      </c>
      <c r="BH37" s="196">
        <v>0</v>
      </c>
      <c r="BI37" s="193">
        <v>0</v>
      </c>
      <c r="BJ37" s="191">
        <v>1</v>
      </c>
      <c r="BK37" s="191">
        <v>0</v>
      </c>
      <c r="BL37" s="191">
        <v>0</v>
      </c>
      <c r="BM37" s="191">
        <v>0</v>
      </c>
      <c r="BN37" s="191">
        <v>0</v>
      </c>
      <c r="BO37" s="194">
        <v>1</v>
      </c>
      <c r="BP37" s="195">
        <v>1</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0</v>
      </c>
      <c r="I38" s="191">
        <v>0</v>
      </c>
      <c r="J38" s="191">
        <v>0</v>
      </c>
      <c r="K38" s="191">
        <v>0</v>
      </c>
      <c r="L38" s="194">
        <v>0</v>
      </c>
      <c r="M38" s="195">
        <v>0</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1</v>
      </c>
      <c r="AD38" s="191">
        <v>1</v>
      </c>
      <c r="AE38" s="191">
        <v>0</v>
      </c>
      <c r="AF38" s="191">
        <v>0</v>
      </c>
      <c r="AG38" s="191">
        <v>0</v>
      </c>
      <c r="AH38" s="196">
        <v>2</v>
      </c>
      <c r="AI38" s="195">
        <v>2</v>
      </c>
      <c r="AJ38" s="190">
        <v>0</v>
      </c>
      <c r="AK38" s="191">
        <v>0</v>
      </c>
      <c r="AL38" s="196">
        <v>0</v>
      </c>
      <c r="AM38" s="193">
        <v>0</v>
      </c>
      <c r="AN38" s="191">
        <v>0</v>
      </c>
      <c r="AO38" s="191">
        <v>0</v>
      </c>
      <c r="AP38" s="191">
        <v>0</v>
      </c>
      <c r="AQ38" s="191">
        <v>0</v>
      </c>
      <c r="AR38" s="191">
        <v>0</v>
      </c>
      <c r="AS38" s="196">
        <v>0</v>
      </c>
      <c r="AT38" s="195">
        <v>0</v>
      </c>
      <c r="AU38" s="190">
        <v>0</v>
      </c>
      <c r="AV38" s="191">
        <v>0</v>
      </c>
      <c r="AW38" s="196">
        <v>0</v>
      </c>
      <c r="AX38" s="193">
        <v>0</v>
      </c>
      <c r="AY38" s="191">
        <v>0</v>
      </c>
      <c r="AZ38" s="191">
        <v>0</v>
      </c>
      <c r="BA38" s="191">
        <v>0</v>
      </c>
      <c r="BB38" s="191">
        <v>0</v>
      </c>
      <c r="BC38" s="191">
        <v>0</v>
      </c>
      <c r="BD38" s="196">
        <v>0</v>
      </c>
      <c r="BE38" s="195">
        <v>0</v>
      </c>
      <c r="BF38" s="190">
        <v>0</v>
      </c>
      <c r="BG38" s="191">
        <v>0</v>
      </c>
      <c r="BH38" s="196">
        <v>0</v>
      </c>
      <c r="BI38" s="193">
        <v>0</v>
      </c>
      <c r="BJ38" s="191">
        <v>0</v>
      </c>
      <c r="BK38" s="191">
        <v>1</v>
      </c>
      <c r="BL38" s="191">
        <v>1</v>
      </c>
      <c r="BM38" s="191">
        <v>0</v>
      </c>
      <c r="BN38" s="191">
        <v>1</v>
      </c>
      <c r="BO38" s="194">
        <v>3</v>
      </c>
      <c r="BP38" s="195">
        <v>3</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row>
    <row r="39" spans="2:101" ht="21" customHeight="1" thickBot="1" x14ac:dyDescent="0.25">
      <c r="B39" s="108" t="s">
        <v>37</v>
      </c>
      <c r="C39" s="197">
        <v>0</v>
      </c>
      <c r="D39" s="203">
        <v>0</v>
      </c>
      <c r="E39" s="208">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1</v>
      </c>
      <c r="AH39" s="203">
        <v>1</v>
      </c>
      <c r="AI39" s="202">
        <v>1</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0</v>
      </c>
      <c r="BK39" s="198">
        <v>0</v>
      </c>
      <c r="BL39" s="198">
        <v>0</v>
      </c>
      <c r="BM39" s="198">
        <v>0</v>
      </c>
      <c r="BN39" s="198">
        <v>0</v>
      </c>
      <c r="BO39" s="201">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CM4:CO4"/>
    <mergeCell ref="AX4:BD4"/>
    <mergeCell ref="BF4:BH4"/>
    <mergeCell ref="BI4:BO4"/>
    <mergeCell ref="CA4:CA5"/>
    <mergeCell ref="CL4:CL5"/>
    <mergeCell ref="BQ4:BS4"/>
    <mergeCell ref="BT4:BZ4"/>
    <mergeCell ref="CB4:CD4"/>
    <mergeCell ref="CE4:CK4"/>
    <mergeCell ref="B3:B5"/>
    <mergeCell ref="C3:M3"/>
    <mergeCell ref="N3:X3"/>
    <mergeCell ref="Y3:AI3"/>
    <mergeCell ref="C4:E4"/>
    <mergeCell ref="F4:L4"/>
    <mergeCell ref="M4:M5"/>
    <mergeCell ref="N4:P4"/>
    <mergeCell ref="Q4:W4"/>
    <mergeCell ref="X4:X5"/>
    <mergeCell ref="Y4:AA4"/>
    <mergeCell ref="AB4:AH4"/>
    <mergeCell ref="AI4:AI5"/>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8" style="175" customWidth="1"/>
    <col min="18" max="16384" width="9" style="175"/>
  </cols>
  <sheetData>
    <row r="1" spans="2:24" ht="24" customHeight="1" x14ac:dyDescent="0.2">
      <c r="B1" s="142" t="s">
        <v>123</v>
      </c>
      <c r="H1" s="441">
        <f>第１表!F2</f>
        <v>6</v>
      </c>
      <c r="I1" s="441"/>
      <c r="J1" s="18">
        <f>第１表!G2</f>
        <v>9</v>
      </c>
      <c r="K1" s="445">
        <f>IF(J1&lt;3,J1+12-2,J1-2)</f>
        <v>7</v>
      </c>
      <c r="L1" s="445"/>
    </row>
    <row r="2" spans="2:24" ht="24" customHeight="1" thickBot="1" x14ac:dyDescent="0.25">
      <c r="B2" s="142" t="s">
        <v>130</v>
      </c>
    </row>
    <row r="3" spans="2:24" ht="21" customHeight="1" x14ac:dyDescent="0.2">
      <c r="B3" s="471"/>
      <c r="C3" s="472" t="s">
        <v>140</v>
      </c>
      <c r="D3" s="472"/>
      <c r="E3" s="472"/>
      <c r="F3" s="472"/>
      <c r="G3" s="472"/>
      <c r="H3" s="472"/>
      <c r="I3" s="472"/>
      <c r="J3" s="472"/>
      <c r="K3" s="472"/>
      <c r="L3" s="472"/>
      <c r="M3" s="496"/>
      <c r="N3" s="472" t="s">
        <v>112</v>
      </c>
      <c r="O3" s="472"/>
      <c r="P3" s="472"/>
      <c r="Q3" s="472"/>
      <c r="R3" s="472"/>
      <c r="S3" s="472"/>
      <c r="T3" s="472"/>
      <c r="U3" s="472"/>
      <c r="V3" s="472"/>
      <c r="W3" s="472"/>
      <c r="X3" s="496"/>
    </row>
    <row r="4" spans="2:24" ht="21" customHeight="1" x14ac:dyDescent="0.2">
      <c r="B4" s="494"/>
      <c r="C4" s="497" t="s">
        <v>61</v>
      </c>
      <c r="D4" s="497"/>
      <c r="E4" s="498"/>
      <c r="F4" s="499" t="s">
        <v>62</v>
      </c>
      <c r="G4" s="497"/>
      <c r="H4" s="497"/>
      <c r="I4" s="497"/>
      <c r="J4" s="497"/>
      <c r="K4" s="497"/>
      <c r="L4" s="500"/>
      <c r="M4" s="501" t="s">
        <v>52</v>
      </c>
      <c r="N4" s="497" t="s">
        <v>61</v>
      </c>
      <c r="O4" s="497"/>
      <c r="P4" s="498"/>
      <c r="Q4" s="499" t="s">
        <v>62</v>
      </c>
      <c r="R4" s="497"/>
      <c r="S4" s="497"/>
      <c r="T4" s="497"/>
      <c r="U4" s="497"/>
      <c r="V4" s="497"/>
      <c r="W4" s="500"/>
      <c r="X4" s="501" t="s">
        <v>52</v>
      </c>
    </row>
    <row r="5" spans="2:24" ht="30" customHeight="1" thickBot="1" x14ac:dyDescent="0.25">
      <c r="B5" s="495"/>
      <c r="C5" s="178" t="s">
        <v>43</v>
      </c>
      <c r="D5" s="178" t="s">
        <v>44</v>
      </c>
      <c r="E5" s="182" t="s">
        <v>45</v>
      </c>
      <c r="F5" s="180" t="s">
        <v>83</v>
      </c>
      <c r="G5" s="178" t="s">
        <v>47</v>
      </c>
      <c r="H5" s="178" t="s">
        <v>48</v>
      </c>
      <c r="I5" s="178" t="s">
        <v>49</v>
      </c>
      <c r="J5" s="178" t="s">
        <v>50</v>
      </c>
      <c r="K5" s="178" t="s">
        <v>51</v>
      </c>
      <c r="L5" s="182" t="s">
        <v>45</v>
      </c>
      <c r="M5" s="470"/>
      <c r="N5" s="178" t="s">
        <v>43</v>
      </c>
      <c r="O5" s="178" t="s">
        <v>44</v>
      </c>
      <c r="P5" s="182" t="s">
        <v>45</v>
      </c>
      <c r="Q5" s="180" t="s">
        <v>83</v>
      </c>
      <c r="R5" s="178" t="s">
        <v>47</v>
      </c>
      <c r="S5" s="178" t="s">
        <v>48</v>
      </c>
      <c r="T5" s="178" t="s">
        <v>49</v>
      </c>
      <c r="U5" s="178" t="s">
        <v>50</v>
      </c>
      <c r="V5" s="178" t="s">
        <v>51</v>
      </c>
      <c r="W5" s="182" t="s">
        <v>45</v>
      </c>
      <c r="X5" s="470"/>
    </row>
    <row r="6" spans="2:24" ht="21" customHeight="1" x14ac:dyDescent="0.2">
      <c r="B6" s="84" t="s">
        <v>4</v>
      </c>
      <c r="C6" s="184">
        <v>0</v>
      </c>
      <c r="D6" s="184">
        <v>0</v>
      </c>
      <c r="E6" s="189">
        <v>0</v>
      </c>
      <c r="F6" s="186">
        <v>0</v>
      </c>
      <c r="G6" s="184">
        <v>111695</v>
      </c>
      <c r="H6" s="184">
        <v>114420</v>
      </c>
      <c r="I6" s="184">
        <v>64364</v>
      </c>
      <c r="J6" s="184">
        <v>33023</v>
      </c>
      <c r="K6" s="184">
        <v>14270</v>
      </c>
      <c r="L6" s="189">
        <v>337772</v>
      </c>
      <c r="M6" s="188">
        <v>337772</v>
      </c>
      <c r="N6" s="184">
        <v>46</v>
      </c>
      <c r="O6" s="184">
        <v>73</v>
      </c>
      <c r="P6" s="189">
        <v>119</v>
      </c>
      <c r="Q6" s="186">
        <v>0</v>
      </c>
      <c r="R6" s="184">
        <v>6966</v>
      </c>
      <c r="S6" s="184">
        <v>9503</v>
      </c>
      <c r="T6" s="184">
        <v>12134</v>
      </c>
      <c r="U6" s="184">
        <v>6751</v>
      </c>
      <c r="V6" s="184">
        <v>4991</v>
      </c>
      <c r="W6" s="189">
        <v>40345</v>
      </c>
      <c r="X6" s="188">
        <v>40464</v>
      </c>
    </row>
    <row r="7" spans="2:24" ht="21" customHeight="1" x14ac:dyDescent="0.2">
      <c r="B7" s="95" t="s">
        <v>5</v>
      </c>
      <c r="C7" s="191">
        <v>0</v>
      </c>
      <c r="D7" s="191">
        <v>0</v>
      </c>
      <c r="E7" s="196">
        <v>0</v>
      </c>
      <c r="F7" s="193">
        <v>0</v>
      </c>
      <c r="G7" s="191">
        <v>38945</v>
      </c>
      <c r="H7" s="191">
        <v>53170</v>
      </c>
      <c r="I7" s="191">
        <v>29855</v>
      </c>
      <c r="J7" s="191">
        <v>14816</v>
      </c>
      <c r="K7" s="191">
        <v>6346</v>
      </c>
      <c r="L7" s="196">
        <v>143132</v>
      </c>
      <c r="M7" s="195">
        <v>143132</v>
      </c>
      <c r="N7" s="191">
        <v>29</v>
      </c>
      <c r="O7" s="191">
        <v>17</v>
      </c>
      <c r="P7" s="196">
        <v>46</v>
      </c>
      <c r="Q7" s="193">
        <v>0</v>
      </c>
      <c r="R7" s="191">
        <v>3465</v>
      </c>
      <c r="S7" s="191">
        <v>4845</v>
      </c>
      <c r="T7" s="191">
        <v>6382</v>
      </c>
      <c r="U7" s="191">
        <v>3793</v>
      </c>
      <c r="V7" s="191">
        <v>2642</v>
      </c>
      <c r="W7" s="196">
        <v>21127</v>
      </c>
      <c r="X7" s="195">
        <v>21173</v>
      </c>
    </row>
    <row r="8" spans="2:24" ht="21" customHeight="1" x14ac:dyDescent="0.2">
      <c r="B8" s="106" t="s">
        <v>6</v>
      </c>
      <c r="C8" s="191">
        <v>0</v>
      </c>
      <c r="D8" s="191">
        <v>0</v>
      </c>
      <c r="E8" s="196">
        <v>0</v>
      </c>
      <c r="F8" s="193">
        <v>0</v>
      </c>
      <c r="G8" s="191">
        <v>15001</v>
      </c>
      <c r="H8" s="191">
        <v>12693</v>
      </c>
      <c r="I8" s="191">
        <v>7325</v>
      </c>
      <c r="J8" s="191">
        <v>4200</v>
      </c>
      <c r="K8" s="191">
        <v>2148</v>
      </c>
      <c r="L8" s="196">
        <v>41367</v>
      </c>
      <c r="M8" s="195">
        <v>41367</v>
      </c>
      <c r="N8" s="191">
        <v>3</v>
      </c>
      <c r="O8" s="191">
        <v>0</v>
      </c>
      <c r="P8" s="196">
        <v>3</v>
      </c>
      <c r="Q8" s="193">
        <v>0</v>
      </c>
      <c r="R8" s="191">
        <v>1400</v>
      </c>
      <c r="S8" s="191">
        <v>2479</v>
      </c>
      <c r="T8" s="191">
        <v>2736</v>
      </c>
      <c r="U8" s="191">
        <v>1506</v>
      </c>
      <c r="V8" s="191">
        <v>1291</v>
      </c>
      <c r="W8" s="196">
        <v>9412</v>
      </c>
      <c r="X8" s="195">
        <v>9415</v>
      </c>
    </row>
    <row r="9" spans="2:24" ht="21" customHeight="1" x14ac:dyDescent="0.2">
      <c r="B9" s="106" t="s">
        <v>14</v>
      </c>
      <c r="C9" s="191">
        <v>0</v>
      </c>
      <c r="D9" s="191">
        <v>0</v>
      </c>
      <c r="E9" s="196">
        <v>0</v>
      </c>
      <c r="F9" s="193">
        <v>0</v>
      </c>
      <c r="G9" s="191">
        <v>8857</v>
      </c>
      <c r="H9" s="191">
        <v>9987</v>
      </c>
      <c r="I9" s="191">
        <v>5942</v>
      </c>
      <c r="J9" s="191">
        <v>2987</v>
      </c>
      <c r="K9" s="191">
        <v>1218</v>
      </c>
      <c r="L9" s="196">
        <v>28991</v>
      </c>
      <c r="M9" s="195">
        <v>28991</v>
      </c>
      <c r="N9" s="191">
        <v>0</v>
      </c>
      <c r="O9" s="191">
        <v>0</v>
      </c>
      <c r="P9" s="196">
        <v>0</v>
      </c>
      <c r="Q9" s="193">
        <v>0</v>
      </c>
      <c r="R9" s="191">
        <v>138</v>
      </c>
      <c r="S9" s="191">
        <v>175</v>
      </c>
      <c r="T9" s="191">
        <v>394</v>
      </c>
      <c r="U9" s="191">
        <v>138</v>
      </c>
      <c r="V9" s="191">
        <v>196</v>
      </c>
      <c r="W9" s="196">
        <v>1041</v>
      </c>
      <c r="X9" s="195">
        <v>1041</v>
      </c>
    </row>
    <row r="10" spans="2:24" ht="21" customHeight="1" x14ac:dyDescent="0.2">
      <c r="B10" s="106" t="s">
        <v>7</v>
      </c>
      <c r="C10" s="191">
        <v>0</v>
      </c>
      <c r="D10" s="191">
        <v>0</v>
      </c>
      <c r="E10" s="196">
        <v>0</v>
      </c>
      <c r="F10" s="193">
        <v>0</v>
      </c>
      <c r="G10" s="191">
        <v>9244</v>
      </c>
      <c r="H10" s="191">
        <v>6247</v>
      </c>
      <c r="I10" s="191">
        <v>2784</v>
      </c>
      <c r="J10" s="191">
        <v>1099</v>
      </c>
      <c r="K10" s="191">
        <v>571</v>
      </c>
      <c r="L10" s="196">
        <v>19945</v>
      </c>
      <c r="M10" s="195">
        <v>19945</v>
      </c>
      <c r="N10" s="191">
        <v>0</v>
      </c>
      <c r="O10" s="191">
        <v>29</v>
      </c>
      <c r="P10" s="196">
        <v>29</v>
      </c>
      <c r="Q10" s="193">
        <v>0</v>
      </c>
      <c r="R10" s="191">
        <v>746</v>
      </c>
      <c r="S10" s="191">
        <v>851</v>
      </c>
      <c r="T10" s="191">
        <v>966</v>
      </c>
      <c r="U10" s="191">
        <v>379</v>
      </c>
      <c r="V10" s="191">
        <v>258</v>
      </c>
      <c r="W10" s="196">
        <v>3200</v>
      </c>
      <c r="X10" s="195">
        <v>3229</v>
      </c>
    </row>
    <row r="11" spans="2:24" ht="21" customHeight="1" x14ac:dyDescent="0.2">
      <c r="B11" s="106" t="s">
        <v>8</v>
      </c>
      <c r="C11" s="191">
        <v>0</v>
      </c>
      <c r="D11" s="191">
        <v>0</v>
      </c>
      <c r="E11" s="196">
        <v>0</v>
      </c>
      <c r="F11" s="193">
        <v>0</v>
      </c>
      <c r="G11" s="191">
        <v>5116</v>
      </c>
      <c r="H11" s="191">
        <v>5301</v>
      </c>
      <c r="I11" s="191">
        <v>2181</v>
      </c>
      <c r="J11" s="191">
        <v>1195</v>
      </c>
      <c r="K11" s="191">
        <v>595</v>
      </c>
      <c r="L11" s="196">
        <v>14388</v>
      </c>
      <c r="M11" s="195">
        <v>14388</v>
      </c>
      <c r="N11" s="191">
        <v>0</v>
      </c>
      <c r="O11" s="191">
        <v>0</v>
      </c>
      <c r="P11" s="196">
        <v>0</v>
      </c>
      <c r="Q11" s="193">
        <v>0</v>
      </c>
      <c r="R11" s="191">
        <v>70</v>
      </c>
      <c r="S11" s="191">
        <v>60</v>
      </c>
      <c r="T11" s="191">
        <v>82</v>
      </c>
      <c r="U11" s="191">
        <v>110</v>
      </c>
      <c r="V11" s="191">
        <v>83</v>
      </c>
      <c r="W11" s="196">
        <v>405</v>
      </c>
      <c r="X11" s="195">
        <v>405</v>
      </c>
    </row>
    <row r="12" spans="2:24" ht="21" customHeight="1" x14ac:dyDescent="0.2">
      <c r="B12" s="106" t="s">
        <v>9</v>
      </c>
      <c r="C12" s="191">
        <v>0</v>
      </c>
      <c r="D12" s="191">
        <v>0</v>
      </c>
      <c r="E12" s="196">
        <v>0</v>
      </c>
      <c r="F12" s="193">
        <v>0</v>
      </c>
      <c r="G12" s="191">
        <v>3356</v>
      </c>
      <c r="H12" s="191">
        <v>2411</v>
      </c>
      <c r="I12" s="191">
        <v>1556</v>
      </c>
      <c r="J12" s="191">
        <v>1141</v>
      </c>
      <c r="K12" s="191">
        <v>373</v>
      </c>
      <c r="L12" s="196">
        <v>8837</v>
      </c>
      <c r="M12" s="195">
        <v>8837</v>
      </c>
      <c r="N12" s="191">
        <v>0</v>
      </c>
      <c r="O12" s="191">
        <v>0</v>
      </c>
      <c r="P12" s="196">
        <v>0</v>
      </c>
      <c r="Q12" s="193">
        <v>0</v>
      </c>
      <c r="R12" s="191">
        <v>62</v>
      </c>
      <c r="S12" s="191">
        <v>65</v>
      </c>
      <c r="T12" s="191">
        <v>88</v>
      </c>
      <c r="U12" s="191">
        <v>0</v>
      </c>
      <c r="V12" s="191">
        <v>51</v>
      </c>
      <c r="W12" s="196">
        <v>266</v>
      </c>
      <c r="X12" s="195">
        <v>266</v>
      </c>
    </row>
    <row r="13" spans="2:24" ht="21" customHeight="1" x14ac:dyDescent="0.2">
      <c r="B13" s="106" t="s">
        <v>10</v>
      </c>
      <c r="C13" s="191">
        <v>0</v>
      </c>
      <c r="D13" s="191">
        <v>0</v>
      </c>
      <c r="E13" s="196">
        <v>0</v>
      </c>
      <c r="F13" s="193">
        <v>0</v>
      </c>
      <c r="G13" s="191">
        <v>4749</v>
      </c>
      <c r="H13" s="191">
        <v>2359</v>
      </c>
      <c r="I13" s="191">
        <v>1247</v>
      </c>
      <c r="J13" s="191">
        <v>770</v>
      </c>
      <c r="K13" s="191">
        <v>135</v>
      </c>
      <c r="L13" s="196">
        <v>9260</v>
      </c>
      <c r="M13" s="195">
        <v>9260</v>
      </c>
      <c r="N13" s="191">
        <v>0</v>
      </c>
      <c r="O13" s="191">
        <v>5</v>
      </c>
      <c r="P13" s="196">
        <v>5</v>
      </c>
      <c r="Q13" s="193">
        <v>0</v>
      </c>
      <c r="R13" s="191">
        <v>92</v>
      </c>
      <c r="S13" s="191">
        <v>99</v>
      </c>
      <c r="T13" s="191">
        <v>270</v>
      </c>
      <c r="U13" s="191">
        <v>163</v>
      </c>
      <c r="V13" s="191">
        <v>109</v>
      </c>
      <c r="W13" s="196">
        <v>733</v>
      </c>
      <c r="X13" s="195">
        <v>738</v>
      </c>
    </row>
    <row r="14" spans="2:24" ht="21" customHeight="1" x14ac:dyDescent="0.2">
      <c r="B14" s="106" t="s">
        <v>11</v>
      </c>
      <c r="C14" s="191">
        <v>0</v>
      </c>
      <c r="D14" s="191">
        <v>0</v>
      </c>
      <c r="E14" s="196">
        <v>0</v>
      </c>
      <c r="F14" s="193">
        <v>0</v>
      </c>
      <c r="G14" s="191">
        <v>4118</v>
      </c>
      <c r="H14" s="191">
        <v>2605</v>
      </c>
      <c r="I14" s="191">
        <v>1772</v>
      </c>
      <c r="J14" s="191">
        <v>863</v>
      </c>
      <c r="K14" s="191">
        <v>401</v>
      </c>
      <c r="L14" s="196">
        <v>9759</v>
      </c>
      <c r="M14" s="195">
        <v>9759</v>
      </c>
      <c r="N14" s="191">
        <v>0</v>
      </c>
      <c r="O14" s="191">
        <v>0</v>
      </c>
      <c r="P14" s="196">
        <v>0</v>
      </c>
      <c r="Q14" s="193">
        <v>0</v>
      </c>
      <c r="R14" s="191">
        <v>225</v>
      </c>
      <c r="S14" s="191">
        <v>147</v>
      </c>
      <c r="T14" s="191">
        <v>154</v>
      </c>
      <c r="U14" s="191">
        <v>75</v>
      </c>
      <c r="V14" s="191">
        <v>12</v>
      </c>
      <c r="W14" s="196">
        <v>613</v>
      </c>
      <c r="X14" s="195">
        <v>613</v>
      </c>
    </row>
    <row r="15" spans="2:24" ht="21" customHeight="1" x14ac:dyDescent="0.2">
      <c r="B15" s="106" t="s">
        <v>12</v>
      </c>
      <c r="C15" s="191">
        <v>0</v>
      </c>
      <c r="D15" s="191">
        <v>0</v>
      </c>
      <c r="E15" s="196">
        <v>0</v>
      </c>
      <c r="F15" s="193">
        <v>0</v>
      </c>
      <c r="G15" s="191">
        <v>3491</v>
      </c>
      <c r="H15" s="191">
        <v>2276</v>
      </c>
      <c r="I15" s="191">
        <v>1629</v>
      </c>
      <c r="J15" s="191">
        <v>654</v>
      </c>
      <c r="K15" s="191">
        <v>291</v>
      </c>
      <c r="L15" s="196">
        <v>8341</v>
      </c>
      <c r="M15" s="195">
        <v>8341</v>
      </c>
      <c r="N15" s="191">
        <v>0</v>
      </c>
      <c r="O15" s="191">
        <v>0</v>
      </c>
      <c r="P15" s="196">
        <v>0</v>
      </c>
      <c r="Q15" s="193">
        <v>0</v>
      </c>
      <c r="R15" s="191">
        <v>24</v>
      </c>
      <c r="S15" s="191">
        <v>16</v>
      </c>
      <c r="T15" s="191">
        <v>5</v>
      </c>
      <c r="U15" s="191">
        <v>5</v>
      </c>
      <c r="V15" s="191">
        <v>14</v>
      </c>
      <c r="W15" s="196">
        <v>64</v>
      </c>
      <c r="X15" s="195">
        <v>64</v>
      </c>
    </row>
    <row r="16" spans="2:24" ht="21" customHeight="1" x14ac:dyDescent="0.2">
      <c r="B16" s="106" t="s">
        <v>13</v>
      </c>
      <c r="C16" s="191">
        <v>0</v>
      </c>
      <c r="D16" s="191">
        <v>0</v>
      </c>
      <c r="E16" s="196">
        <v>0</v>
      </c>
      <c r="F16" s="193">
        <v>0</v>
      </c>
      <c r="G16" s="191">
        <v>1085</v>
      </c>
      <c r="H16" s="191">
        <v>1349</v>
      </c>
      <c r="I16" s="191">
        <v>678</v>
      </c>
      <c r="J16" s="191">
        <v>310</v>
      </c>
      <c r="K16" s="191">
        <v>124</v>
      </c>
      <c r="L16" s="196">
        <v>3546</v>
      </c>
      <c r="M16" s="195">
        <v>3546</v>
      </c>
      <c r="N16" s="191">
        <v>0</v>
      </c>
      <c r="O16" s="191">
        <v>0</v>
      </c>
      <c r="P16" s="196">
        <v>0</v>
      </c>
      <c r="Q16" s="193">
        <v>0</v>
      </c>
      <c r="R16" s="191">
        <v>0</v>
      </c>
      <c r="S16" s="191">
        <v>67</v>
      </c>
      <c r="T16" s="191">
        <v>92</v>
      </c>
      <c r="U16" s="191">
        <v>43</v>
      </c>
      <c r="V16" s="191">
        <v>75</v>
      </c>
      <c r="W16" s="196">
        <v>277</v>
      </c>
      <c r="X16" s="195">
        <v>277</v>
      </c>
    </row>
    <row r="17" spans="2:24" ht="21" customHeight="1" x14ac:dyDescent="0.2">
      <c r="B17" s="106" t="s">
        <v>15</v>
      </c>
      <c r="C17" s="191">
        <v>0</v>
      </c>
      <c r="D17" s="191">
        <v>0</v>
      </c>
      <c r="E17" s="196">
        <v>0</v>
      </c>
      <c r="F17" s="193">
        <v>0</v>
      </c>
      <c r="G17" s="191">
        <v>1544</v>
      </c>
      <c r="H17" s="191">
        <v>1640</v>
      </c>
      <c r="I17" s="191">
        <v>746</v>
      </c>
      <c r="J17" s="191">
        <v>366</v>
      </c>
      <c r="K17" s="191">
        <v>171</v>
      </c>
      <c r="L17" s="196">
        <v>4467</v>
      </c>
      <c r="M17" s="195">
        <v>4467</v>
      </c>
      <c r="N17" s="191">
        <v>0</v>
      </c>
      <c r="O17" s="191">
        <v>9</v>
      </c>
      <c r="P17" s="196">
        <v>9</v>
      </c>
      <c r="Q17" s="193">
        <v>0</v>
      </c>
      <c r="R17" s="191">
        <v>8</v>
      </c>
      <c r="S17" s="191">
        <v>26</v>
      </c>
      <c r="T17" s="191">
        <v>80</v>
      </c>
      <c r="U17" s="191">
        <v>35</v>
      </c>
      <c r="V17" s="191">
        <v>26</v>
      </c>
      <c r="W17" s="196">
        <v>175</v>
      </c>
      <c r="X17" s="195">
        <v>184</v>
      </c>
    </row>
    <row r="18" spans="2:24" ht="21" customHeight="1" x14ac:dyDescent="0.2">
      <c r="B18" s="106" t="s">
        <v>16</v>
      </c>
      <c r="C18" s="191">
        <v>0</v>
      </c>
      <c r="D18" s="191">
        <v>0</v>
      </c>
      <c r="E18" s="196">
        <v>0</v>
      </c>
      <c r="F18" s="193">
        <v>0</v>
      </c>
      <c r="G18" s="191">
        <v>1327</v>
      </c>
      <c r="H18" s="191">
        <v>1699</v>
      </c>
      <c r="I18" s="191">
        <v>988</v>
      </c>
      <c r="J18" s="191">
        <v>537</v>
      </c>
      <c r="K18" s="191">
        <v>167</v>
      </c>
      <c r="L18" s="196">
        <v>4718</v>
      </c>
      <c r="M18" s="195">
        <v>4718</v>
      </c>
      <c r="N18" s="191">
        <v>0</v>
      </c>
      <c r="O18" s="191">
        <v>0</v>
      </c>
      <c r="P18" s="196">
        <v>0</v>
      </c>
      <c r="Q18" s="193">
        <v>0</v>
      </c>
      <c r="R18" s="191">
        <v>51</v>
      </c>
      <c r="S18" s="191">
        <v>77</v>
      </c>
      <c r="T18" s="191">
        <v>57</v>
      </c>
      <c r="U18" s="191">
        <v>75</v>
      </c>
      <c r="V18" s="191">
        <v>32</v>
      </c>
      <c r="W18" s="196">
        <v>292</v>
      </c>
      <c r="X18" s="195">
        <v>292</v>
      </c>
    </row>
    <row r="19" spans="2:24" ht="21" customHeight="1" x14ac:dyDescent="0.2">
      <c r="B19" s="106" t="s">
        <v>17</v>
      </c>
      <c r="C19" s="191">
        <v>0</v>
      </c>
      <c r="D19" s="191">
        <v>0</v>
      </c>
      <c r="E19" s="196">
        <v>0</v>
      </c>
      <c r="F19" s="193">
        <v>0</v>
      </c>
      <c r="G19" s="191">
        <v>2410</v>
      </c>
      <c r="H19" s="191">
        <v>3254</v>
      </c>
      <c r="I19" s="191">
        <v>1938</v>
      </c>
      <c r="J19" s="191">
        <v>1373</v>
      </c>
      <c r="K19" s="191">
        <v>521</v>
      </c>
      <c r="L19" s="196">
        <v>9496</v>
      </c>
      <c r="M19" s="195">
        <v>9496</v>
      </c>
      <c r="N19" s="191">
        <v>10</v>
      </c>
      <c r="O19" s="191">
        <v>13</v>
      </c>
      <c r="P19" s="196">
        <v>23</v>
      </c>
      <c r="Q19" s="193">
        <v>0</v>
      </c>
      <c r="R19" s="191">
        <v>213</v>
      </c>
      <c r="S19" s="191">
        <v>186</v>
      </c>
      <c r="T19" s="191">
        <v>138</v>
      </c>
      <c r="U19" s="191">
        <v>119</v>
      </c>
      <c r="V19" s="191">
        <v>47</v>
      </c>
      <c r="W19" s="196">
        <v>703</v>
      </c>
      <c r="X19" s="195">
        <v>726</v>
      </c>
    </row>
    <row r="20" spans="2:24" ht="21" customHeight="1" x14ac:dyDescent="0.2">
      <c r="B20" s="106" t="s">
        <v>18</v>
      </c>
      <c r="C20" s="191">
        <v>0</v>
      </c>
      <c r="D20" s="191">
        <v>0</v>
      </c>
      <c r="E20" s="196">
        <v>0</v>
      </c>
      <c r="F20" s="193">
        <v>0</v>
      </c>
      <c r="G20" s="191">
        <v>2550</v>
      </c>
      <c r="H20" s="191">
        <v>1862</v>
      </c>
      <c r="I20" s="191">
        <v>1135</v>
      </c>
      <c r="J20" s="191">
        <v>461</v>
      </c>
      <c r="K20" s="191">
        <v>186</v>
      </c>
      <c r="L20" s="196">
        <v>6194</v>
      </c>
      <c r="M20" s="195">
        <v>6194</v>
      </c>
      <c r="N20" s="191">
        <v>0</v>
      </c>
      <c r="O20" s="191">
        <v>0</v>
      </c>
      <c r="P20" s="196">
        <v>0</v>
      </c>
      <c r="Q20" s="193">
        <v>0</v>
      </c>
      <c r="R20" s="191">
        <v>109</v>
      </c>
      <c r="S20" s="191">
        <v>79</v>
      </c>
      <c r="T20" s="191">
        <v>232</v>
      </c>
      <c r="U20" s="191">
        <v>125</v>
      </c>
      <c r="V20" s="191">
        <v>64</v>
      </c>
      <c r="W20" s="196">
        <v>609</v>
      </c>
      <c r="X20" s="195">
        <v>609</v>
      </c>
    </row>
    <row r="21" spans="2:24" ht="21" customHeight="1" x14ac:dyDescent="0.2">
      <c r="B21" s="106" t="s">
        <v>19</v>
      </c>
      <c r="C21" s="191">
        <v>0</v>
      </c>
      <c r="D21" s="191">
        <v>0</v>
      </c>
      <c r="E21" s="196">
        <v>0</v>
      </c>
      <c r="F21" s="193">
        <v>0</v>
      </c>
      <c r="G21" s="191">
        <v>1068</v>
      </c>
      <c r="H21" s="191">
        <v>829</v>
      </c>
      <c r="I21" s="191">
        <v>514</v>
      </c>
      <c r="J21" s="191">
        <v>276</v>
      </c>
      <c r="K21" s="191">
        <v>109</v>
      </c>
      <c r="L21" s="196">
        <v>2796</v>
      </c>
      <c r="M21" s="195">
        <v>2796</v>
      </c>
      <c r="N21" s="191">
        <v>4</v>
      </c>
      <c r="O21" s="191">
        <v>0</v>
      </c>
      <c r="P21" s="196">
        <v>4</v>
      </c>
      <c r="Q21" s="193">
        <v>0</v>
      </c>
      <c r="R21" s="191">
        <v>121</v>
      </c>
      <c r="S21" s="191">
        <v>206</v>
      </c>
      <c r="T21" s="191">
        <v>192</v>
      </c>
      <c r="U21" s="191">
        <v>33</v>
      </c>
      <c r="V21" s="191">
        <v>46</v>
      </c>
      <c r="W21" s="196">
        <v>598</v>
      </c>
      <c r="X21" s="195">
        <v>602</v>
      </c>
    </row>
    <row r="22" spans="2:24" ht="21" customHeight="1" x14ac:dyDescent="0.2">
      <c r="B22" s="106" t="s">
        <v>20</v>
      </c>
      <c r="C22" s="191">
        <v>0</v>
      </c>
      <c r="D22" s="191">
        <v>0</v>
      </c>
      <c r="E22" s="196">
        <v>0</v>
      </c>
      <c r="F22" s="193">
        <v>0</v>
      </c>
      <c r="G22" s="191">
        <v>1541</v>
      </c>
      <c r="H22" s="191">
        <v>1012</v>
      </c>
      <c r="I22" s="191">
        <v>557</v>
      </c>
      <c r="J22" s="191">
        <v>141</v>
      </c>
      <c r="K22" s="191">
        <v>54</v>
      </c>
      <c r="L22" s="196">
        <v>3305</v>
      </c>
      <c r="M22" s="195">
        <v>3305</v>
      </c>
      <c r="N22" s="191">
        <v>0</v>
      </c>
      <c r="O22" s="191">
        <v>0</v>
      </c>
      <c r="P22" s="196">
        <v>0</v>
      </c>
      <c r="Q22" s="193">
        <v>0</v>
      </c>
      <c r="R22" s="191">
        <v>16</v>
      </c>
      <c r="S22" s="191">
        <v>4</v>
      </c>
      <c r="T22" s="191">
        <v>56</v>
      </c>
      <c r="U22" s="191">
        <v>7</v>
      </c>
      <c r="V22" s="191">
        <v>4</v>
      </c>
      <c r="W22" s="196">
        <v>87</v>
      </c>
      <c r="X22" s="195">
        <v>87</v>
      </c>
    </row>
    <row r="23" spans="2:24" ht="21" customHeight="1" x14ac:dyDescent="0.2">
      <c r="B23" s="106" t="s">
        <v>21</v>
      </c>
      <c r="C23" s="191">
        <v>0</v>
      </c>
      <c r="D23" s="191">
        <v>0</v>
      </c>
      <c r="E23" s="196">
        <v>0</v>
      </c>
      <c r="F23" s="193">
        <v>0</v>
      </c>
      <c r="G23" s="191">
        <v>2019</v>
      </c>
      <c r="H23" s="191">
        <v>1567</v>
      </c>
      <c r="I23" s="191">
        <v>867</v>
      </c>
      <c r="J23" s="191">
        <v>317</v>
      </c>
      <c r="K23" s="191">
        <v>176</v>
      </c>
      <c r="L23" s="196">
        <v>4946</v>
      </c>
      <c r="M23" s="195">
        <v>4946</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1046</v>
      </c>
      <c r="H24" s="191">
        <v>1059</v>
      </c>
      <c r="I24" s="191">
        <v>533</v>
      </c>
      <c r="J24" s="191">
        <v>365</v>
      </c>
      <c r="K24" s="191">
        <v>78</v>
      </c>
      <c r="L24" s="196">
        <v>3081</v>
      </c>
      <c r="M24" s="195">
        <v>3081</v>
      </c>
      <c r="N24" s="191">
        <v>0</v>
      </c>
      <c r="O24" s="191">
        <v>0</v>
      </c>
      <c r="P24" s="196">
        <v>0</v>
      </c>
      <c r="Q24" s="193">
        <v>0</v>
      </c>
      <c r="R24" s="191">
        <v>22</v>
      </c>
      <c r="S24" s="191">
        <v>9</v>
      </c>
      <c r="T24" s="191">
        <v>78</v>
      </c>
      <c r="U24" s="191">
        <v>55</v>
      </c>
      <c r="V24" s="191">
        <v>18</v>
      </c>
      <c r="W24" s="196">
        <v>182</v>
      </c>
      <c r="X24" s="195">
        <v>182</v>
      </c>
    </row>
    <row r="25" spans="2:24" ht="21" customHeight="1" x14ac:dyDescent="0.2">
      <c r="B25" s="106" t="s">
        <v>23</v>
      </c>
      <c r="C25" s="191">
        <v>0</v>
      </c>
      <c r="D25" s="191">
        <v>0</v>
      </c>
      <c r="E25" s="196">
        <v>0</v>
      </c>
      <c r="F25" s="193">
        <v>0</v>
      </c>
      <c r="G25" s="191">
        <v>539</v>
      </c>
      <c r="H25" s="191">
        <v>529</v>
      </c>
      <c r="I25" s="191">
        <v>277</v>
      </c>
      <c r="J25" s="191">
        <v>289</v>
      </c>
      <c r="K25" s="191">
        <v>57</v>
      </c>
      <c r="L25" s="196">
        <v>1691</v>
      </c>
      <c r="M25" s="195">
        <v>1691</v>
      </c>
      <c r="N25" s="191">
        <v>0</v>
      </c>
      <c r="O25" s="191">
        <v>0</v>
      </c>
      <c r="P25" s="196">
        <v>0</v>
      </c>
      <c r="Q25" s="193">
        <v>0</v>
      </c>
      <c r="R25" s="191">
        <v>0</v>
      </c>
      <c r="S25" s="191">
        <v>0</v>
      </c>
      <c r="T25" s="191">
        <v>20</v>
      </c>
      <c r="U25" s="191">
        <v>0</v>
      </c>
      <c r="V25" s="191">
        <v>0</v>
      </c>
      <c r="W25" s="196">
        <v>20</v>
      </c>
      <c r="X25" s="195">
        <v>20</v>
      </c>
    </row>
    <row r="26" spans="2:24" ht="21" customHeight="1" x14ac:dyDescent="0.2">
      <c r="B26" s="106" t="s">
        <v>24</v>
      </c>
      <c r="C26" s="191">
        <v>0</v>
      </c>
      <c r="D26" s="191">
        <v>0</v>
      </c>
      <c r="E26" s="196">
        <v>0</v>
      </c>
      <c r="F26" s="193">
        <v>0</v>
      </c>
      <c r="G26" s="191">
        <v>216</v>
      </c>
      <c r="H26" s="191">
        <v>122</v>
      </c>
      <c r="I26" s="191">
        <v>144</v>
      </c>
      <c r="J26" s="191">
        <v>49</v>
      </c>
      <c r="K26" s="191">
        <v>10</v>
      </c>
      <c r="L26" s="196">
        <v>541</v>
      </c>
      <c r="M26" s="195">
        <v>541</v>
      </c>
      <c r="N26" s="191">
        <v>0</v>
      </c>
      <c r="O26" s="191">
        <v>0</v>
      </c>
      <c r="P26" s="196">
        <v>0</v>
      </c>
      <c r="Q26" s="193">
        <v>0</v>
      </c>
      <c r="R26" s="191">
        <v>55</v>
      </c>
      <c r="S26" s="191">
        <v>40</v>
      </c>
      <c r="T26" s="191">
        <v>25</v>
      </c>
      <c r="U26" s="191">
        <v>27</v>
      </c>
      <c r="V26" s="191">
        <v>2</v>
      </c>
      <c r="W26" s="196">
        <v>149</v>
      </c>
      <c r="X26" s="195">
        <v>149</v>
      </c>
    </row>
    <row r="27" spans="2:24" ht="21" customHeight="1" x14ac:dyDescent="0.2">
      <c r="B27" s="106" t="s">
        <v>25</v>
      </c>
      <c r="C27" s="191">
        <v>0</v>
      </c>
      <c r="D27" s="191">
        <v>0</v>
      </c>
      <c r="E27" s="196">
        <v>0</v>
      </c>
      <c r="F27" s="193">
        <v>0</v>
      </c>
      <c r="G27" s="191">
        <v>604</v>
      </c>
      <c r="H27" s="191">
        <v>424</v>
      </c>
      <c r="I27" s="191">
        <v>171</v>
      </c>
      <c r="J27" s="191">
        <v>78</v>
      </c>
      <c r="K27" s="191">
        <v>5</v>
      </c>
      <c r="L27" s="196">
        <v>1282</v>
      </c>
      <c r="M27" s="195">
        <v>1282</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350</v>
      </c>
      <c r="H28" s="191">
        <v>382</v>
      </c>
      <c r="I28" s="191">
        <v>319</v>
      </c>
      <c r="J28" s="191">
        <v>148</v>
      </c>
      <c r="K28" s="191">
        <v>81</v>
      </c>
      <c r="L28" s="196">
        <v>1280</v>
      </c>
      <c r="M28" s="195">
        <v>1280</v>
      </c>
      <c r="N28" s="191">
        <v>0</v>
      </c>
      <c r="O28" s="191">
        <v>0</v>
      </c>
      <c r="P28" s="196">
        <v>0</v>
      </c>
      <c r="Q28" s="193">
        <v>0</v>
      </c>
      <c r="R28" s="191">
        <v>0</v>
      </c>
      <c r="S28" s="191">
        <v>0</v>
      </c>
      <c r="T28" s="191">
        <v>0</v>
      </c>
      <c r="U28" s="191">
        <v>0</v>
      </c>
      <c r="V28" s="191">
        <v>0</v>
      </c>
      <c r="W28" s="196">
        <v>0</v>
      </c>
      <c r="X28" s="195">
        <v>0</v>
      </c>
    </row>
    <row r="29" spans="2:24" ht="21" customHeight="1" x14ac:dyDescent="0.2">
      <c r="B29" s="106" t="s">
        <v>27</v>
      </c>
      <c r="C29" s="191">
        <v>0</v>
      </c>
      <c r="D29" s="191">
        <v>0</v>
      </c>
      <c r="E29" s="196">
        <v>0</v>
      </c>
      <c r="F29" s="193">
        <v>0</v>
      </c>
      <c r="G29" s="191">
        <v>270</v>
      </c>
      <c r="H29" s="191">
        <v>131</v>
      </c>
      <c r="I29" s="191">
        <v>84</v>
      </c>
      <c r="J29" s="191">
        <v>19</v>
      </c>
      <c r="K29" s="191">
        <v>32</v>
      </c>
      <c r="L29" s="196">
        <v>536</v>
      </c>
      <c r="M29" s="195">
        <v>536</v>
      </c>
      <c r="N29" s="191">
        <v>0</v>
      </c>
      <c r="O29" s="191">
        <v>0</v>
      </c>
      <c r="P29" s="196">
        <v>0</v>
      </c>
      <c r="Q29" s="193">
        <v>0</v>
      </c>
      <c r="R29" s="191">
        <v>35</v>
      </c>
      <c r="S29" s="191">
        <v>14</v>
      </c>
      <c r="T29" s="191">
        <v>41</v>
      </c>
      <c r="U29" s="191">
        <v>23</v>
      </c>
      <c r="V29" s="191">
        <v>0</v>
      </c>
      <c r="W29" s="196">
        <v>113</v>
      </c>
      <c r="X29" s="195">
        <v>113</v>
      </c>
    </row>
    <row r="30" spans="2:24" ht="21" customHeight="1" x14ac:dyDescent="0.2">
      <c r="B30" s="106" t="s">
        <v>28</v>
      </c>
      <c r="C30" s="191">
        <v>0</v>
      </c>
      <c r="D30" s="191">
        <v>0</v>
      </c>
      <c r="E30" s="196">
        <v>0</v>
      </c>
      <c r="F30" s="193">
        <v>0</v>
      </c>
      <c r="G30" s="191">
        <v>220</v>
      </c>
      <c r="H30" s="191">
        <v>87</v>
      </c>
      <c r="I30" s="191">
        <v>43</v>
      </c>
      <c r="J30" s="191">
        <v>27</v>
      </c>
      <c r="K30" s="191">
        <v>7</v>
      </c>
      <c r="L30" s="196">
        <v>384</v>
      </c>
      <c r="M30" s="195">
        <v>384</v>
      </c>
      <c r="N30" s="191">
        <v>0</v>
      </c>
      <c r="O30" s="191">
        <v>0</v>
      </c>
      <c r="P30" s="196">
        <v>0</v>
      </c>
      <c r="Q30" s="193">
        <v>0</v>
      </c>
      <c r="R30" s="191">
        <v>36</v>
      </c>
      <c r="S30" s="191">
        <v>22</v>
      </c>
      <c r="T30" s="191">
        <v>12</v>
      </c>
      <c r="U30" s="191">
        <v>23</v>
      </c>
      <c r="V30" s="191">
        <v>0</v>
      </c>
      <c r="W30" s="196">
        <v>93</v>
      </c>
      <c r="X30" s="195">
        <v>93</v>
      </c>
    </row>
    <row r="31" spans="2:24" ht="21" customHeight="1" x14ac:dyDescent="0.2">
      <c r="B31" s="106" t="s">
        <v>29</v>
      </c>
      <c r="C31" s="191">
        <v>0</v>
      </c>
      <c r="D31" s="191">
        <v>0</v>
      </c>
      <c r="E31" s="196">
        <v>0</v>
      </c>
      <c r="F31" s="193">
        <v>0</v>
      </c>
      <c r="G31" s="191">
        <v>84</v>
      </c>
      <c r="H31" s="191">
        <v>175</v>
      </c>
      <c r="I31" s="191">
        <v>100</v>
      </c>
      <c r="J31" s="191">
        <v>50</v>
      </c>
      <c r="K31" s="191">
        <v>0</v>
      </c>
      <c r="L31" s="196">
        <v>409</v>
      </c>
      <c r="M31" s="195">
        <v>409</v>
      </c>
      <c r="N31" s="191">
        <v>0</v>
      </c>
      <c r="O31" s="191">
        <v>0</v>
      </c>
      <c r="P31" s="196">
        <v>0</v>
      </c>
      <c r="Q31" s="193">
        <v>0</v>
      </c>
      <c r="R31" s="191">
        <v>22</v>
      </c>
      <c r="S31" s="191">
        <v>9</v>
      </c>
      <c r="T31" s="191">
        <v>0</v>
      </c>
      <c r="U31" s="191">
        <v>0</v>
      </c>
      <c r="V31" s="191">
        <v>0</v>
      </c>
      <c r="W31" s="196">
        <v>31</v>
      </c>
      <c r="X31" s="195">
        <v>31</v>
      </c>
    </row>
    <row r="32" spans="2:24" ht="21" customHeight="1" x14ac:dyDescent="0.2">
      <c r="B32" s="106" t="s">
        <v>30</v>
      </c>
      <c r="C32" s="191">
        <v>0</v>
      </c>
      <c r="D32" s="191">
        <v>0</v>
      </c>
      <c r="E32" s="196">
        <v>0</v>
      </c>
      <c r="F32" s="193">
        <v>0</v>
      </c>
      <c r="G32" s="191">
        <v>200</v>
      </c>
      <c r="H32" s="191">
        <v>120</v>
      </c>
      <c r="I32" s="191">
        <v>75</v>
      </c>
      <c r="J32" s="191">
        <v>32</v>
      </c>
      <c r="K32" s="191">
        <v>8</v>
      </c>
      <c r="L32" s="196">
        <v>435</v>
      </c>
      <c r="M32" s="195">
        <v>435</v>
      </c>
      <c r="N32" s="191">
        <v>0</v>
      </c>
      <c r="O32" s="191">
        <v>0</v>
      </c>
      <c r="P32" s="196">
        <v>0</v>
      </c>
      <c r="Q32" s="193">
        <v>0</v>
      </c>
      <c r="R32" s="191">
        <v>9</v>
      </c>
      <c r="S32" s="191">
        <v>4</v>
      </c>
      <c r="T32" s="191">
        <v>0</v>
      </c>
      <c r="U32" s="191">
        <v>0</v>
      </c>
      <c r="V32" s="191">
        <v>0</v>
      </c>
      <c r="W32" s="196">
        <v>13</v>
      </c>
      <c r="X32" s="195">
        <v>13</v>
      </c>
    </row>
    <row r="33" spans="2:24" ht="21" customHeight="1" x14ac:dyDescent="0.2">
      <c r="B33" s="106" t="s">
        <v>31</v>
      </c>
      <c r="C33" s="191">
        <v>0</v>
      </c>
      <c r="D33" s="191">
        <v>0</v>
      </c>
      <c r="E33" s="196">
        <v>0</v>
      </c>
      <c r="F33" s="193">
        <v>0</v>
      </c>
      <c r="G33" s="191">
        <v>173</v>
      </c>
      <c r="H33" s="191">
        <v>101</v>
      </c>
      <c r="I33" s="191">
        <v>46</v>
      </c>
      <c r="J33" s="191">
        <v>4</v>
      </c>
      <c r="K33" s="191">
        <v>0</v>
      </c>
      <c r="L33" s="196">
        <v>324</v>
      </c>
      <c r="M33" s="195">
        <v>324</v>
      </c>
      <c r="N33" s="191">
        <v>0</v>
      </c>
      <c r="O33" s="191">
        <v>0</v>
      </c>
      <c r="P33" s="196">
        <v>0</v>
      </c>
      <c r="Q33" s="193">
        <v>0</v>
      </c>
      <c r="R33" s="191">
        <v>0</v>
      </c>
      <c r="S33" s="191">
        <v>14</v>
      </c>
      <c r="T33" s="191">
        <v>9</v>
      </c>
      <c r="U33" s="191">
        <v>17</v>
      </c>
      <c r="V33" s="191">
        <v>0</v>
      </c>
      <c r="W33" s="196">
        <v>40</v>
      </c>
      <c r="X33" s="195">
        <v>40</v>
      </c>
    </row>
    <row r="34" spans="2:24" ht="21" customHeight="1" x14ac:dyDescent="0.2">
      <c r="B34" s="106" t="s">
        <v>32</v>
      </c>
      <c r="C34" s="191">
        <v>0</v>
      </c>
      <c r="D34" s="191">
        <v>0</v>
      </c>
      <c r="E34" s="196">
        <v>0</v>
      </c>
      <c r="F34" s="193">
        <v>0</v>
      </c>
      <c r="G34" s="191">
        <v>427</v>
      </c>
      <c r="H34" s="191">
        <v>294</v>
      </c>
      <c r="I34" s="191">
        <v>39</v>
      </c>
      <c r="J34" s="191">
        <v>35</v>
      </c>
      <c r="K34" s="191">
        <v>14</v>
      </c>
      <c r="L34" s="196">
        <v>809</v>
      </c>
      <c r="M34" s="195">
        <v>809</v>
      </c>
      <c r="N34" s="191">
        <v>0</v>
      </c>
      <c r="O34" s="191">
        <v>0</v>
      </c>
      <c r="P34" s="196">
        <v>0</v>
      </c>
      <c r="Q34" s="193">
        <v>0</v>
      </c>
      <c r="R34" s="191">
        <v>43</v>
      </c>
      <c r="S34" s="191">
        <v>9</v>
      </c>
      <c r="T34" s="191">
        <v>25</v>
      </c>
      <c r="U34" s="191">
        <v>0</v>
      </c>
      <c r="V34" s="191">
        <v>12</v>
      </c>
      <c r="W34" s="196">
        <v>89</v>
      </c>
      <c r="X34" s="195">
        <v>89</v>
      </c>
    </row>
    <row r="35" spans="2:24" ht="21" customHeight="1" x14ac:dyDescent="0.2">
      <c r="B35" s="106" t="s">
        <v>33</v>
      </c>
      <c r="C35" s="191">
        <v>0</v>
      </c>
      <c r="D35" s="191">
        <v>0</v>
      </c>
      <c r="E35" s="196">
        <v>0</v>
      </c>
      <c r="F35" s="193">
        <v>0</v>
      </c>
      <c r="G35" s="191">
        <v>180</v>
      </c>
      <c r="H35" s="191">
        <v>100</v>
      </c>
      <c r="I35" s="191">
        <v>51</v>
      </c>
      <c r="J35" s="191">
        <v>50</v>
      </c>
      <c r="K35" s="191">
        <v>15</v>
      </c>
      <c r="L35" s="196">
        <v>396</v>
      </c>
      <c r="M35" s="195">
        <v>396</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90</v>
      </c>
      <c r="H36" s="191">
        <v>31</v>
      </c>
      <c r="I36" s="191">
        <v>44</v>
      </c>
      <c r="J36" s="191">
        <v>9</v>
      </c>
      <c r="K36" s="191">
        <v>0</v>
      </c>
      <c r="L36" s="196">
        <v>174</v>
      </c>
      <c r="M36" s="195">
        <v>174</v>
      </c>
      <c r="N36" s="191">
        <v>0</v>
      </c>
      <c r="O36" s="191">
        <v>0</v>
      </c>
      <c r="P36" s="196">
        <v>0</v>
      </c>
      <c r="Q36" s="193">
        <v>0</v>
      </c>
      <c r="R36" s="191">
        <v>0</v>
      </c>
      <c r="S36" s="191">
        <v>0</v>
      </c>
      <c r="T36" s="191">
        <v>0</v>
      </c>
      <c r="U36" s="191">
        <v>0</v>
      </c>
      <c r="V36" s="191">
        <v>9</v>
      </c>
      <c r="W36" s="196">
        <v>9</v>
      </c>
      <c r="X36" s="195">
        <v>9</v>
      </c>
    </row>
    <row r="37" spans="2:24" ht="21" customHeight="1" x14ac:dyDescent="0.2">
      <c r="B37" s="106" t="s">
        <v>35</v>
      </c>
      <c r="C37" s="191">
        <v>0</v>
      </c>
      <c r="D37" s="191">
        <v>0</v>
      </c>
      <c r="E37" s="196">
        <v>0</v>
      </c>
      <c r="F37" s="193">
        <v>0</v>
      </c>
      <c r="G37" s="191">
        <v>186</v>
      </c>
      <c r="H37" s="191">
        <v>89</v>
      </c>
      <c r="I37" s="191">
        <v>119</v>
      </c>
      <c r="J37" s="191">
        <v>110</v>
      </c>
      <c r="K37" s="191">
        <v>65</v>
      </c>
      <c r="L37" s="196">
        <v>569</v>
      </c>
      <c r="M37" s="195">
        <v>569</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551</v>
      </c>
      <c r="H38" s="191">
        <v>426</v>
      </c>
      <c r="I38" s="191">
        <v>532</v>
      </c>
      <c r="J38" s="191">
        <v>239</v>
      </c>
      <c r="K38" s="191">
        <v>296</v>
      </c>
      <c r="L38" s="196">
        <v>2044</v>
      </c>
      <c r="M38" s="195">
        <v>2044</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138</v>
      </c>
      <c r="H39" s="198">
        <v>89</v>
      </c>
      <c r="I39" s="198">
        <v>73</v>
      </c>
      <c r="J39" s="198">
        <v>13</v>
      </c>
      <c r="K39" s="198">
        <v>16</v>
      </c>
      <c r="L39" s="203">
        <v>329</v>
      </c>
      <c r="M39" s="202">
        <v>329</v>
      </c>
      <c r="N39" s="198">
        <v>0</v>
      </c>
      <c r="O39" s="198">
        <v>0</v>
      </c>
      <c r="P39" s="203">
        <v>0</v>
      </c>
      <c r="Q39" s="200">
        <v>0</v>
      </c>
      <c r="R39" s="198">
        <v>4</v>
      </c>
      <c r="S39" s="198">
        <v>0</v>
      </c>
      <c r="T39" s="198">
        <v>0</v>
      </c>
      <c r="U39" s="198">
        <v>0</v>
      </c>
      <c r="V39" s="198">
        <v>0</v>
      </c>
      <c r="W39" s="203">
        <v>4</v>
      </c>
      <c r="X39" s="202">
        <v>4</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7.6640625" style="175" customWidth="1"/>
    <col min="18" max="16384" width="9" style="175"/>
  </cols>
  <sheetData>
    <row r="1" spans="2:24" ht="24" customHeight="1" x14ac:dyDescent="0.2">
      <c r="B1" s="142" t="s">
        <v>123</v>
      </c>
      <c r="H1" s="441">
        <f>第１表!F2</f>
        <v>6</v>
      </c>
      <c r="I1" s="441"/>
      <c r="J1" s="18">
        <f>第１表!G2</f>
        <v>9</v>
      </c>
      <c r="K1" s="445">
        <f>IF(J1&lt;3,J1+12-2,J1-2)</f>
        <v>7</v>
      </c>
      <c r="L1" s="445"/>
    </row>
    <row r="2" spans="2:24" ht="24" customHeight="1" thickBot="1" x14ac:dyDescent="0.25">
      <c r="B2" s="142" t="s">
        <v>132</v>
      </c>
    </row>
    <row r="3" spans="2:24" ht="21" customHeight="1" x14ac:dyDescent="0.2">
      <c r="B3" s="471"/>
      <c r="C3" s="472" t="s">
        <v>140</v>
      </c>
      <c r="D3" s="472"/>
      <c r="E3" s="472"/>
      <c r="F3" s="472"/>
      <c r="G3" s="472"/>
      <c r="H3" s="472"/>
      <c r="I3" s="472"/>
      <c r="J3" s="472"/>
      <c r="K3" s="472"/>
      <c r="L3" s="472"/>
      <c r="M3" s="496"/>
      <c r="N3" s="472" t="s">
        <v>112</v>
      </c>
      <c r="O3" s="472"/>
      <c r="P3" s="472"/>
      <c r="Q3" s="472"/>
      <c r="R3" s="472"/>
      <c r="S3" s="472"/>
      <c r="T3" s="472"/>
      <c r="U3" s="472"/>
      <c r="V3" s="472"/>
      <c r="W3" s="472"/>
      <c r="X3" s="496"/>
    </row>
    <row r="4" spans="2:24" ht="21" customHeight="1" x14ac:dyDescent="0.2">
      <c r="B4" s="494"/>
      <c r="C4" s="497" t="s">
        <v>61</v>
      </c>
      <c r="D4" s="497"/>
      <c r="E4" s="498"/>
      <c r="F4" s="499" t="s">
        <v>62</v>
      </c>
      <c r="G4" s="497"/>
      <c r="H4" s="497"/>
      <c r="I4" s="497"/>
      <c r="J4" s="497"/>
      <c r="K4" s="497"/>
      <c r="L4" s="500"/>
      <c r="M4" s="501" t="s">
        <v>52</v>
      </c>
      <c r="N4" s="497" t="s">
        <v>61</v>
      </c>
      <c r="O4" s="497"/>
      <c r="P4" s="498"/>
      <c r="Q4" s="499" t="s">
        <v>62</v>
      </c>
      <c r="R4" s="497"/>
      <c r="S4" s="497"/>
      <c r="T4" s="497"/>
      <c r="U4" s="497"/>
      <c r="V4" s="497"/>
      <c r="W4" s="500"/>
      <c r="X4" s="501" t="s">
        <v>52</v>
      </c>
    </row>
    <row r="5" spans="2:24" ht="30" customHeight="1" thickBot="1" x14ac:dyDescent="0.25">
      <c r="B5" s="495"/>
      <c r="C5" s="178" t="s">
        <v>43</v>
      </c>
      <c r="D5" s="178" t="s">
        <v>44</v>
      </c>
      <c r="E5" s="182" t="s">
        <v>45</v>
      </c>
      <c r="F5" s="180" t="s">
        <v>83</v>
      </c>
      <c r="G5" s="178" t="s">
        <v>47</v>
      </c>
      <c r="H5" s="178" t="s">
        <v>48</v>
      </c>
      <c r="I5" s="178" t="s">
        <v>49</v>
      </c>
      <c r="J5" s="178" t="s">
        <v>50</v>
      </c>
      <c r="K5" s="178" t="s">
        <v>51</v>
      </c>
      <c r="L5" s="182" t="s">
        <v>45</v>
      </c>
      <c r="M5" s="470"/>
      <c r="N5" s="178" t="s">
        <v>43</v>
      </c>
      <c r="O5" s="178" t="s">
        <v>44</v>
      </c>
      <c r="P5" s="182" t="s">
        <v>45</v>
      </c>
      <c r="Q5" s="180" t="s">
        <v>83</v>
      </c>
      <c r="R5" s="178" t="s">
        <v>47</v>
      </c>
      <c r="S5" s="178" t="s">
        <v>48</v>
      </c>
      <c r="T5" s="178" t="s">
        <v>49</v>
      </c>
      <c r="U5" s="178" t="s">
        <v>50</v>
      </c>
      <c r="V5" s="178" t="s">
        <v>51</v>
      </c>
      <c r="W5" s="182" t="s">
        <v>45</v>
      </c>
      <c r="X5" s="470"/>
    </row>
    <row r="6" spans="2:24" ht="21" customHeight="1" x14ac:dyDescent="0.2">
      <c r="B6" s="84" t="s">
        <v>4</v>
      </c>
      <c r="C6" s="184">
        <v>0</v>
      </c>
      <c r="D6" s="184">
        <v>0</v>
      </c>
      <c r="E6" s="189">
        <v>0</v>
      </c>
      <c r="F6" s="186">
        <v>0</v>
      </c>
      <c r="G6" s="184">
        <v>7163</v>
      </c>
      <c r="H6" s="184">
        <v>6983</v>
      </c>
      <c r="I6" s="184">
        <v>3355</v>
      </c>
      <c r="J6" s="184">
        <v>1478</v>
      </c>
      <c r="K6" s="184">
        <v>723</v>
      </c>
      <c r="L6" s="189">
        <v>19702</v>
      </c>
      <c r="M6" s="188">
        <v>19702</v>
      </c>
      <c r="N6" s="184">
        <v>5</v>
      </c>
      <c r="O6" s="184">
        <v>0</v>
      </c>
      <c r="P6" s="189">
        <v>5</v>
      </c>
      <c r="Q6" s="186">
        <v>0</v>
      </c>
      <c r="R6" s="184">
        <v>451</v>
      </c>
      <c r="S6" s="184">
        <v>650</v>
      </c>
      <c r="T6" s="184">
        <v>748</v>
      </c>
      <c r="U6" s="184">
        <v>368</v>
      </c>
      <c r="V6" s="184">
        <v>182</v>
      </c>
      <c r="W6" s="189">
        <v>2399</v>
      </c>
      <c r="X6" s="188">
        <v>2404</v>
      </c>
    </row>
    <row r="7" spans="2:24" ht="21" customHeight="1" x14ac:dyDescent="0.2">
      <c r="B7" s="95" t="s">
        <v>5</v>
      </c>
      <c r="C7" s="191">
        <v>0</v>
      </c>
      <c r="D7" s="191">
        <v>0</v>
      </c>
      <c r="E7" s="196">
        <v>0</v>
      </c>
      <c r="F7" s="193">
        <v>0</v>
      </c>
      <c r="G7" s="191">
        <v>2720</v>
      </c>
      <c r="H7" s="191">
        <v>3242</v>
      </c>
      <c r="I7" s="191">
        <v>1734</v>
      </c>
      <c r="J7" s="191">
        <v>681</v>
      </c>
      <c r="K7" s="191">
        <v>330</v>
      </c>
      <c r="L7" s="196">
        <v>8707</v>
      </c>
      <c r="M7" s="195">
        <v>8707</v>
      </c>
      <c r="N7" s="191">
        <v>0</v>
      </c>
      <c r="O7" s="191">
        <v>0</v>
      </c>
      <c r="P7" s="196">
        <v>0</v>
      </c>
      <c r="Q7" s="193">
        <v>0</v>
      </c>
      <c r="R7" s="191">
        <v>222</v>
      </c>
      <c r="S7" s="191">
        <v>384</v>
      </c>
      <c r="T7" s="191">
        <v>367</v>
      </c>
      <c r="U7" s="191">
        <v>164</v>
      </c>
      <c r="V7" s="191">
        <v>62</v>
      </c>
      <c r="W7" s="196">
        <v>1199</v>
      </c>
      <c r="X7" s="195">
        <v>1199</v>
      </c>
    </row>
    <row r="8" spans="2:24" ht="21" customHeight="1" x14ac:dyDescent="0.2">
      <c r="B8" s="106" t="s">
        <v>6</v>
      </c>
      <c r="C8" s="191">
        <v>0</v>
      </c>
      <c r="D8" s="191">
        <v>0</v>
      </c>
      <c r="E8" s="196">
        <v>0</v>
      </c>
      <c r="F8" s="193">
        <v>0</v>
      </c>
      <c r="G8" s="191">
        <v>798</v>
      </c>
      <c r="H8" s="191">
        <v>698</v>
      </c>
      <c r="I8" s="191">
        <v>322</v>
      </c>
      <c r="J8" s="191">
        <v>163</v>
      </c>
      <c r="K8" s="191">
        <v>154</v>
      </c>
      <c r="L8" s="196">
        <v>2135</v>
      </c>
      <c r="M8" s="195">
        <v>2135</v>
      </c>
      <c r="N8" s="191">
        <v>0</v>
      </c>
      <c r="O8" s="191">
        <v>0</v>
      </c>
      <c r="P8" s="196">
        <v>0</v>
      </c>
      <c r="Q8" s="193">
        <v>0</v>
      </c>
      <c r="R8" s="191">
        <v>99</v>
      </c>
      <c r="S8" s="191">
        <v>164</v>
      </c>
      <c r="T8" s="191">
        <v>168</v>
      </c>
      <c r="U8" s="191">
        <v>80</v>
      </c>
      <c r="V8" s="191">
        <v>65</v>
      </c>
      <c r="W8" s="196">
        <v>576</v>
      </c>
      <c r="X8" s="195">
        <v>576</v>
      </c>
    </row>
    <row r="9" spans="2:24" ht="21" customHeight="1" x14ac:dyDescent="0.2">
      <c r="B9" s="106" t="s">
        <v>14</v>
      </c>
      <c r="C9" s="191">
        <v>0</v>
      </c>
      <c r="D9" s="191">
        <v>0</v>
      </c>
      <c r="E9" s="196">
        <v>0</v>
      </c>
      <c r="F9" s="193">
        <v>0</v>
      </c>
      <c r="G9" s="191">
        <v>627</v>
      </c>
      <c r="H9" s="191">
        <v>604</v>
      </c>
      <c r="I9" s="191">
        <v>327</v>
      </c>
      <c r="J9" s="191">
        <v>129</v>
      </c>
      <c r="K9" s="191">
        <v>59</v>
      </c>
      <c r="L9" s="196">
        <v>1746</v>
      </c>
      <c r="M9" s="195">
        <v>1746</v>
      </c>
      <c r="N9" s="191">
        <v>0</v>
      </c>
      <c r="O9" s="191">
        <v>0</v>
      </c>
      <c r="P9" s="196">
        <v>0</v>
      </c>
      <c r="Q9" s="193">
        <v>0</v>
      </c>
      <c r="R9" s="191">
        <v>19</v>
      </c>
      <c r="S9" s="191">
        <v>29</v>
      </c>
      <c r="T9" s="191">
        <v>9</v>
      </c>
      <c r="U9" s="191">
        <v>0</v>
      </c>
      <c r="V9" s="191">
        <v>0</v>
      </c>
      <c r="W9" s="196">
        <v>57</v>
      </c>
      <c r="X9" s="195">
        <v>57</v>
      </c>
    </row>
    <row r="10" spans="2:24" ht="21" customHeight="1" x14ac:dyDescent="0.2">
      <c r="B10" s="106" t="s">
        <v>7</v>
      </c>
      <c r="C10" s="191">
        <v>0</v>
      </c>
      <c r="D10" s="191">
        <v>0</v>
      </c>
      <c r="E10" s="196">
        <v>0</v>
      </c>
      <c r="F10" s="193">
        <v>0</v>
      </c>
      <c r="G10" s="191">
        <v>520</v>
      </c>
      <c r="H10" s="191">
        <v>511</v>
      </c>
      <c r="I10" s="191">
        <v>151</v>
      </c>
      <c r="J10" s="191">
        <v>38</v>
      </c>
      <c r="K10" s="191">
        <v>27</v>
      </c>
      <c r="L10" s="196">
        <v>1247</v>
      </c>
      <c r="M10" s="195">
        <v>1247</v>
      </c>
      <c r="N10" s="191">
        <v>0</v>
      </c>
      <c r="O10" s="191">
        <v>0</v>
      </c>
      <c r="P10" s="196">
        <v>0</v>
      </c>
      <c r="Q10" s="193">
        <v>0</v>
      </c>
      <c r="R10" s="191">
        <v>56</v>
      </c>
      <c r="S10" s="191">
        <v>29</v>
      </c>
      <c r="T10" s="191">
        <v>46</v>
      </c>
      <c r="U10" s="191">
        <v>54</v>
      </c>
      <c r="V10" s="191">
        <v>22</v>
      </c>
      <c r="W10" s="196">
        <v>207</v>
      </c>
      <c r="X10" s="195">
        <v>207</v>
      </c>
    </row>
    <row r="11" spans="2:24" ht="21" customHeight="1" x14ac:dyDescent="0.2">
      <c r="B11" s="106" t="s">
        <v>8</v>
      </c>
      <c r="C11" s="191">
        <v>0</v>
      </c>
      <c r="D11" s="191">
        <v>0</v>
      </c>
      <c r="E11" s="196">
        <v>0</v>
      </c>
      <c r="F11" s="193">
        <v>0</v>
      </c>
      <c r="G11" s="191">
        <v>220</v>
      </c>
      <c r="H11" s="191">
        <v>356</v>
      </c>
      <c r="I11" s="191">
        <v>53</v>
      </c>
      <c r="J11" s="191">
        <v>50</v>
      </c>
      <c r="K11" s="191">
        <v>15</v>
      </c>
      <c r="L11" s="196">
        <v>694</v>
      </c>
      <c r="M11" s="195">
        <v>694</v>
      </c>
      <c r="N11" s="191">
        <v>0</v>
      </c>
      <c r="O11" s="191">
        <v>0</v>
      </c>
      <c r="P11" s="196">
        <v>0</v>
      </c>
      <c r="Q11" s="193">
        <v>0</v>
      </c>
      <c r="R11" s="191">
        <v>0</v>
      </c>
      <c r="S11" s="191">
        <v>0</v>
      </c>
      <c r="T11" s="191">
        <v>0</v>
      </c>
      <c r="U11" s="191">
        <v>0</v>
      </c>
      <c r="V11" s="191">
        <v>0</v>
      </c>
      <c r="W11" s="196">
        <v>0</v>
      </c>
      <c r="X11" s="195">
        <v>0</v>
      </c>
    </row>
    <row r="12" spans="2:24" ht="21" customHeight="1" x14ac:dyDescent="0.2">
      <c r="B12" s="106" t="s">
        <v>9</v>
      </c>
      <c r="C12" s="191">
        <v>0</v>
      </c>
      <c r="D12" s="191">
        <v>0</v>
      </c>
      <c r="E12" s="196">
        <v>0</v>
      </c>
      <c r="F12" s="193">
        <v>0</v>
      </c>
      <c r="G12" s="191">
        <v>312</v>
      </c>
      <c r="H12" s="191">
        <v>146</v>
      </c>
      <c r="I12" s="191">
        <v>183</v>
      </c>
      <c r="J12" s="191">
        <v>76</v>
      </c>
      <c r="K12" s="191">
        <v>42</v>
      </c>
      <c r="L12" s="196">
        <v>759</v>
      </c>
      <c r="M12" s="195">
        <v>759</v>
      </c>
      <c r="N12" s="191">
        <v>0</v>
      </c>
      <c r="O12" s="191">
        <v>0</v>
      </c>
      <c r="P12" s="196">
        <v>0</v>
      </c>
      <c r="Q12" s="193">
        <v>0</v>
      </c>
      <c r="R12" s="191">
        <v>0</v>
      </c>
      <c r="S12" s="191">
        <v>0</v>
      </c>
      <c r="T12" s="191">
        <v>0</v>
      </c>
      <c r="U12" s="191">
        <v>0</v>
      </c>
      <c r="V12" s="191">
        <v>10</v>
      </c>
      <c r="W12" s="196">
        <v>10</v>
      </c>
      <c r="X12" s="195">
        <v>10</v>
      </c>
    </row>
    <row r="13" spans="2:24" ht="21" customHeight="1" x14ac:dyDescent="0.2">
      <c r="B13" s="106" t="s">
        <v>10</v>
      </c>
      <c r="C13" s="191">
        <v>0</v>
      </c>
      <c r="D13" s="191">
        <v>0</v>
      </c>
      <c r="E13" s="196">
        <v>0</v>
      </c>
      <c r="F13" s="193">
        <v>0</v>
      </c>
      <c r="G13" s="191">
        <v>325</v>
      </c>
      <c r="H13" s="191">
        <v>145</v>
      </c>
      <c r="I13" s="191">
        <v>83</v>
      </c>
      <c r="J13" s="191">
        <v>73</v>
      </c>
      <c r="K13" s="191">
        <v>24</v>
      </c>
      <c r="L13" s="196">
        <v>650</v>
      </c>
      <c r="M13" s="195">
        <v>650</v>
      </c>
      <c r="N13" s="191">
        <v>0</v>
      </c>
      <c r="O13" s="191">
        <v>0</v>
      </c>
      <c r="P13" s="196">
        <v>0</v>
      </c>
      <c r="Q13" s="193">
        <v>0</v>
      </c>
      <c r="R13" s="191">
        <v>38</v>
      </c>
      <c r="S13" s="191">
        <v>0</v>
      </c>
      <c r="T13" s="191">
        <v>9</v>
      </c>
      <c r="U13" s="191">
        <v>0</v>
      </c>
      <c r="V13" s="191">
        <v>0</v>
      </c>
      <c r="W13" s="196">
        <v>47</v>
      </c>
      <c r="X13" s="195">
        <v>47</v>
      </c>
    </row>
    <row r="14" spans="2:24" ht="21" customHeight="1" x14ac:dyDescent="0.2">
      <c r="B14" s="106" t="s">
        <v>11</v>
      </c>
      <c r="C14" s="191">
        <v>0</v>
      </c>
      <c r="D14" s="191">
        <v>0</v>
      </c>
      <c r="E14" s="196">
        <v>0</v>
      </c>
      <c r="F14" s="193">
        <v>0</v>
      </c>
      <c r="G14" s="191">
        <v>174</v>
      </c>
      <c r="H14" s="191">
        <v>37</v>
      </c>
      <c r="I14" s="191">
        <v>52</v>
      </c>
      <c r="J14" s="191">
        <v>22</v>
      </c>
      <c r="K14" s="191">
        <v>13</v>
      </c>
      <c r="L14" s="196">
        <v>298</v>
      </c>
      <c r="M14" s="195">
        <v>298</v>
      </c>
      <c r="N14" s="191">
        <v>0</v>
      </c>
      <c r="O14" s="191">
        <v>0</v>
      </c>
      <c r="P14" s="196">
        <v>0</v>
      </c>
      <c r="Q14" s="193">
        <v>0</v>
      </c>
      <c r="R14" s="191">
        <v>0</v>
      </c>
      <c r="S14" s="191">
        <v>10</v>
      </c>
      <c r="T14" s="191">
        <v>27</v>
      </c>
      <c r="U14" s="191">
        <v>0</v>
      </c>
      <c r="V14" s="191">
        <v>0</v>
      </c>
      <c r="W14" s="196">
        <v>37</v>
      </c>
      <c r="X14" s="195">
        <v>37</v>
      </c>
    </row>
    <row r="15" spans="2:24" ht="21" customHeight="1" x14ac:dyDescent="0.2">
      <c r="B15" s="106" t="s">
        <v>12</v>
      </c>
      <c r="C15" s="191">
        <v>0</v>
      </c>
      <c r="D15" s="191">
        <v>0</v>
      </c>
      <c r="E15" s="196">
        <v>0</v>
      </c>
      <c r="F15" s="193">
        <v>0</v>
      </c>
      <c r="G15" s="191">
        <v>225</v>
      </c>
      <c r="H15" s="191">
        <v>195</v>
      </c>
      <c r="I15" s="191">
        <v>53</v>
      </c>
      <c r="J15" s="191">
        <v>28</v>
      </c>
      <c r="K15" s="191">
        <v>17</v>
      </c>
      <c r="L15" s="196">
        <v>518</v>
      </c>
      <c r="M15" s="195">
        <v>518</v>
      </c>
      <c r="N15" s="191">
        <v>0</v>
      </c>
      <c r="O15" s="191">
        <v>0</v>
      </c>
      <c r="P15" s="196">
        <v>0</v>
      </c>
      <c r="Q15" s="193">
        <v>0</v>
      </c>
      <c r="R15" s="191">
        <v>0</v>
      </c>
      <c r="S15" s="191">
        <v>0</v>
      </c>
      <c r="T15" s="191">
        <v>0</v>
      </c>
      <c r="U15" s="191">
        <v>0</v>
      </c>
      <c r="V15" s="191">
        <v>0</v>
      </c>
      <c r="W15" s="196">
        <v>0</v>
      </c>
      <c r="X15" s="195">
        <v>0</v>
      </c>
    </row>
    <row r="16" spans="2:24" ht="21" customHeight="1" x14ac:dyDescent="0.2">
      <c r="B16" s="106" t="s">
        <v>13</v>
      </c>
      <c r="C16" s="191">
        <v>0</v>
      </c>
      <c r="D16" s="191">
        <v>0</v>
      </c>
      <c r="E16" s="196">
        <v>0</v>
      </c>
      <c r="F16" s="193">
        <v>0</v>
      </c>
      <c r="G16" s="191">
        <v>116</v>
      </c>
      <c r="H16" s="191">
        <v>125</v>
      </c>
      <c r="I16" s="191">
        <v>37</v>
      </c>
      <c r="J16" s="191">
        <v>33</v>
      </c>
      <c r="K16" s="191">
        <v>0</v>
      </c>
      <c r="L16" s="196">
        <v>311</v>
      </c>
      <c r="M16" s="195">
        <v>311</v>
      </c>
      <c r="N16" s="191">
        <v>0</v>
      </c>
      <c r="O16" s="191">
        <v>0</v>
      </c>
      <c r="P16" s="196">
        <v>0</v>
      </c>
      <c r="Q16" s="193">
        <v>0</v>
      </c>
      <c r="R16" s="191">
        <v>0</v>
      </c>
      <c r="S16" s="191">
        <v>0</v>
      </c>
      <c r="T16" s="191">
        <v>31</v>
      </c>
      <c r="U16" s="191">
        <v>0</v>
      </c>
      <c r="V16" s="191">
        <v>12</v>
      </c>
      <c r="W16" s="196">
        <v>43</v>
      </c>
      <c r="X16" s="195">
        <v>43</v>
      </c>
    </row>
    <row r="17" spans="2:24" ht="21" customHeight="1" x14ac:dyDescent="0.2">
      <c r="B17" s="106" t="s">
        <v>15</v>
      </c>
      <c r="C17" s="191">
        <v>0</v>
      </c>
      <c r="D17" s="191">
        <v>0</v>
      </c>
      <c r="E17" s="196">
        <v>0</v>
      </c>
      <c r="F17" s="193">
        <v>0</v>
      </c>
      <c r="G17" s="191">
        <v>66</v>
      </c>
      <c r="H17" s="191">
        <v>64</v>
      </c>
      <c r="I17" s="191">
        <v>2</v>
      </c>
      <c r="J17" s="191">
        <v>34</v>
      </c>
      <c r="K17" s="191">
        <v>0</v>
      </c>
      <c r="L17" s="196">
        <v>166</v>
      </c>
      <c r="M17" s="195">
        <v>166</v>
      </c>
      <c r="N17" s="191">
        <v>0</v>
      </c>
      <c r="O17" s="191">
        <v>0</v>
      </c>
      <c r="P17" s="196">
        <v>0</v>
      </c>
      <c r="Q17" s="193">
        <v>0</v>
      </c>
      <c r="R17" s="191">
        <v>0</v>
      </c>
      <c r="S17" s="191">
        <v>1</v>
      </c>
      <c r="T17" s="191">
        <v>0</v>
      </c>
      <c r="U17" s="191">
        <v>9</v>
      </c>
      <c r="V17" s="191">
        <v>0</v>
      </c>
      <c r="W17" s="196">
        <v>10</v>
      </c>
      <c r="X17" s="195">
        <v>10</v>
      </c>
    </row>
    <row r="18" spans="2:24" ht="21" customHeight="1" x14ac:dyDescent="0.2">
      <c r="B18" s="106" t="s">
        <v>16</v>
      </c>
      <c r="C18" s="191">
        <v>0</v>
      </c>
      <c r="D18" s="191">
        <v>0</v>
      </c>
      <c r="E18" s="196">
        <v>0</v>
      </c>
      <c r="F18" s="193">
        <v>0</v>
      </c>
      <c r="G18" s="191">
        <v>53</v>
      </c>
      <c r="H18" s="191">
        <v>65</v>
      </c>
      <c r="I18" s="191">
        <v>75</v>
      </c>
      <c r="J18" s="191">
        <v>16</v>
      </c>
      <c r="K18" s="191">
        <v>6</v>
      </c>
      <c r="L18" s="196">
        <v>215</v>
      </c>
      <c r="M18" s="195">
        <v>215</v>
      </c>
      <c r="N18" s="191">
        <v>0</v>
      </c>
      <c r="O18" s="191">
        <v>0</v>
      </c>
      <c r="P18" s="196">
        <v>0</v>
      </c>
      <c r="Q18" s="193">
        <v>0</v>
      </c>
      <c r="R18" s="191">
        <v>0</v>
      </c>
      <c r="S18" s="191">
        <v>0</v>
      </c>
      <c r="T18" s="191">
        <v>6</v>
      </c>
      <c r="U18" s="191">
        <v>19</v>
      </c>
      <c r="V18" s="191">
        <v>0</v>
      </c>
      <c r="W18" s="196">
        <v>25</v>
      </c>
      <c r="X18" s="195">
        <v>25</v>
      </c>
    </row>
    <row r="19" spans="2:24" ht="21" customHeight="1" x14ac:dyDescent="0.2">
      <c r="B19" s="106" t="s">
        <v>17</v>
      </c>
      <c r="C19" s="191">
        <v>0</v>
      </c>
      <c r="D19" s="191">
        <v>0</v>
      </c>
      <c r="E19" s="196">
        <v>0</v>
      </c>
      <c r="F19" s="193">
        <v>0</v>
      </c>
      <c r="G19" s="191">
        <v>187</v>
      </c>
      <c r="H19" s="191">
        <v>228</v>
      </c>
      <c r="I19" s="191">
        <v>71</v>
      </c>
      <c r="J19" s="191">
        <v>60</v>
      </c>
      <c r="K19" s="191">
        <v>0</v>
      </c>
      <c r="L19" s="196">
        <v>546</v>
      </c>
      <c r="M19" s="195">
        <v>546</v>
      </c>
      <c r="N19" s="191">
        <v>5</v>
      </c>
      <c r="O19" s="191">
        <v>0</v>
      </c>
      <c r="P19" s="196">
        <v>5</v>
      </c>
      <c r="Q19" s="193">
        <v>0</v>
      </c>
      <c r="R19" s="191">
        <v>5</v>
      </c>
      <c r="S19" s="191">
        <v>15</v>
      </c>
      <c r="T19" s="191">
        <v>2</v>
      </c>
      <c r="U19" s="191">
        <v>0</v>
      </c>
      <c r="V19" s="191">
        <v>0</v>
      </c>
      <c r="W19" s="196">
        <v>22</v>
      </c>
      <c r="X19" s="195">
        <v>27</v>
      </c>
    </row>
    <row r="20" spans="2:24" ht="21" customHeight="1" x14ac:dyDescent="0.2">
      <c r="B20" s="106" t="s">
        <v>18</v>
      </c>
      <c r="C20" s="191">
        <v>0</v>
      </c>
      <c r="D20" s="191">
        <v>0</v>
      </c>
      <c r="E20" s="196">
        <v>0</v>
      </c>
      <c r="F20" s="193">
        <v>0</v>
      </c>
      <c r="G20" s="191">
        <v>158</v>
      </c>
      <c r="H20" s="191">
        <v>136</v>
      </c>
      <c r="I20" s="191">
        <v>41</v>
      </c>
      <c r="J20" s="191">
        <v>0</v>
      </c>
      <c r="K20" s="191">
        <v>2</v>
      </c>
      <c r="L20" s="196">
        <v>337</v>
      </c>
      <c r="M20" s="195">
        <v>337</v>
      </c>
      <c r="N20" s="191">
        <v>0</v>
      </c>
      <c r="O20" s="191">
        <v>0</v>
      </c>
      <c r="P20" s="196">
        <v>0</v>
      </c>
      <c r="Q20" s="193">
        <v>0</v>
      </c>
      <c r="R20" s="191">
        <v>0</v>
      </c>
      <c r="S20" s="191">
        <v>8</v>
      </c>
      <c r="T20" s="191">
        <v>54</v>
      </c>
      <c r="U20" s="191">
        <v>0</v>
      </c>
      <c r="V20" s="191">
        <v>11</v>
      </c>
      <c r="W20" s="196">
        <v>73</v>
      </c>
      <c r="X20" s="195">
        <v>73</v>
      </c>
    </row>
    <row r="21" spans="2:24" ht="21" customHeight="1" x14ac:dyDescent="0.2">
      <c r="B21" s="106" t="s">
        <v>19</v>
      </c>
      <c r="C21" s="191">
        <v>0</v>
      </c>
      <c r="D21" s="191">
        <v>0</v>
      </c>
      <c r="E21" s="196">
        <v>0</v>
      </c>
      <c r="F21" s="193">
        <v>0</v>
      </c>
      <c r="G21" s="191">
        <v>100</v>
      </c>
      <c r="H21" s="191">
        <v>34</v>
      </c>
      <c r="I21" s="191">
        <v>5</v>
      </c>
      <c r="J21" s="191">
        <v>0</v>
      </c>
      <c r="K21" s="191">
        <v>0</v>
      </c>
      <c r="L21" s="196">
        <v>139</v>
      </c>
      <c r="M21" s="195">
        <v>139</v>
      </c>
      <c r="N21" s="191">
        <v>0</v>
      </c>
      <c r="O21" s="191">
        <v>0</v>
      </c>
      <c r="P21" s="196">
        <v>0</v>
      </c>
      <c r="Q21" s="193">
        <v>0</v>
      </c>
      <c r="R21" s="191">
        <v>12</v>
      </c>
      <c r="S21" s="191">
        <v>10</v>
      </c>
      <c r="T21" s="191">
        <v>14</v>
      </c>
      <c r="U21" s="191">
        <v>0</v>
      </c>
      <c r="V21" s="191">
        <v>0</v>
      </c>
      <c r="W21" s="196">
        <v>36</v>
      </c>
      <c r="X21" s="195">
        <v>36</v>
      </c>
    </row>
    <row r="22" spans="2:24" ht="21" customHeight="1" x14ac:dyDescent="0.2">
      <c r="B22" s="106" t="s">
        <v>20</v>
      </c>
      <c r="C22" s="191">
        <v>0</v>
      </c>
      <c r="D22" s="191">
        <v>0</v>
      </c>
      <c r="E22" s="196">
        <v>0</v>
      </c>
      <c r="F22" s="193">
        <v>0</v>
      </c>
      <c r="G22" s="191">
        <v>131</v>
      </c>
      <c r="H22" s="191">
        <v>159</v>
      </c>
      <c r="I22" s="191">
        <v>40</v>
      </c>
      <c r="J22" s="191">
        <v>8</v>
      </c>
      <c r="K22" s="191">
        <v>1</v>
      </c>
      <c r="L22" s="196">
        <v>339</v>
      </c>
      <c r="M22" s="195">
        <v>339</v>
      </c>
      <c r="N22" s="191">
        <v>0</v>
      </c>
      <c r="O22" s="191">
        <v>0</v>
      </c>
      <c r="P22" s="196">
        <v>0</v>
      </c>
      <c r="Q22" s="193">
        <v>0</v>
      </c>
      <c r="R22" s="191">
        <v>0</v>
      </c>
      <c r="S22" s="191">
        <v>0</v>
      </c>
      <c r="T22" s="191">
        <v>0</v>
      </c>
      <c r="U22" s="191">
        <v>2</v>
      </c>
      <c r="V22" s="191">
        <v>0</v>
      </c>
      <c r="W22" s="196">
        <v>2</v>
      </c>
      <c r="X22" s="195">
        <v>2</v>
      </c>
    </row>
    <row r="23" spans="2:24" ht="21" customHeight="1" x14ac:dyDescent="0.2">
      <c r="B23" s="106" t="s">
        <v>21</v>
      </c>
      <c r="C23" s="191">
        <v>0</v>
      </c>
      <c r="D23" s="191">
        <v>0</v>
      </c>
      <c r="E23" s="196">
        <v>0</v>
      </c>
      <c r="F23" s="193">
        <v>0</v>
      </c>
      <c r="G23" s="191">
        <v>162</v>
      </c>
      <c r="H23" s="191">
        <v>58</v>
      </c>
      <c r="I23" s="191">
        <v>42</v>
      </c>
      <c r="J23" s="191">
        <v>50</v>
      </c>
      <c r="K23" s="191">
        <v>0</v>
      </c>
      <c r="L23" s="196">
        <v>312</v>
      </c>
      <c r="M23" s="195">
        <v>312</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65</v>
      </c>
      <c r="H24" s="191">
        <v>18</v>
      </c>
      <c r="I24" s="191">
        <v>4</v>
      </c>
      <c r="J24" s="191">
        <v>9</v>
      </c>
      <c r="K24" s="191">
        <v>29</v>
      </c>
      <c r="L24" s="196">
        <v>125</v>
      </c>
      <c r="M24" s="195">
        <v>125</v>
      </c>
      <c r="N24" s="191">
        <v>0</v>
      </c>
      <c r="O24" s="191">
        <v>0</v>
      </c>
      <c r="P24" s="196">
        <v>0</v>
      </c>
      <c r="Q24" s="193">
        <v>0</v>
      </c>
      <c r="R24" s="191">
        <v>0</v>
      </c>
      <c r="S24" s="191">
        <v>0</v>
      </c>
      <c r="T24" s="191">
        <v>0</v>
      </c>
      <c r="U24" s="191">
        <v>0</v>
      </c>
      <c r="V24" s="191">
        <v>0</v>
      </c>
      <c r="W24" s="196">
        <v>0</v>
      </c>
      <c r="X24" s="195">
        <v>0</v>
      </c>
    </row>
    <row r="25" spans="2:24" ht="21" customHeight="1" x14ac:dyDescent="0.2">
      <c r="B25" s="106" t="s">
        <v>23</v>
      </c>
      <c r="C25" s="191">
        <v>0</v>
      </c>
      <c r="D25" s="191">
        <v>0</v>
      </c>
      <c r="E25" s="196">
        <v>0</v>
      </c>
      <c r="F25" s="193">
        <v>0</v>
      </c>
      <c r="G25" s="191">
        <v>21</v>
      </c>
      <c r="H25" s="191">
        <v>14</v>
      </c>
      <c r="I25" s="191">
        <v>19</v>
      </c>
      <c r="J25" s="191">
        <v>0</v>
      </c>
      <c r="K25" s="191">
        <v>0</v>
      </c>
      <c r="L25" s="196">
        <v>54</v>
      </c>
      <c r="M25" s="195">
        <v>54</v>
      </c>
      <c r="N25" s="191">
        <v>0</v>
      </c>
      <c r="O25" s="191">
        <v>0</v>
      </c>
      <c r="P25" s="196">
        <v>0</v>
      </c>
      <c r="Q25" s="193">
        <v>0</v>
      </c>
      <c r="R25" s="191">
        <v>0</v>
      </c>
      <c r="S25" s="191">
        <v>0</v>
      </c>
      <c r="T25" s="191">
        <v>0</v>
      </c>
      <c r="U25" s="191">
        <v>0</v>
      </c>
      <c r="V25" s="191">
        <v>0</v>
      </c>
      <c r="W25" s="196">
        <v>0</v>
      </c>
      <c r="X25" s="195">
        <v>0</v>
      </c>
    </row>
    <row r="26" spans="2:24" ht="21" customHeight="1" x14ac:dyDescent="0.2">
      <c r="B26" s="106" t="s">
        <v>24</v>
      </c>
      <c r="C26" s="191">
        <v>0</v>
      </c>
      <c r="D26" s="191">
        <v>0</v>
      </c>
      <c r="E26" s="196">
        <v>0</v>
      </c>
      <c r="F26" s="193">
        <v>0</v>
      </c>
      <c r="G26" s="191">
        <v>18</v>
      </c>
      <c r="H26" s="191">
        <v>12</v>
      </c>
      <c r="I26" s="191">
        <v>16</v>
      </c>
      <c r="J26" s="191">
        <v>0</v>
      </c>
      <c r="K26" s="191">
        <v>0</v>
      </c>
      <c r="L26" s="196">
        <v>46</v>
      </c>
      <c r="M26" s="195">
        <v>46</v>
      </c>
      <c r="N26" s="191">
        <v>0</v>
      </c>
      <c r="O26" s="191">
        <v>0</v>
      </c>
      <c r="P26" s="196">
        <v>0</v>
      </c>
      <c r="Q26" s="193">
        <v>0</v>
      </c>
      <c r="R26" s="191">
        <v>0</v>
      </c>
      <c r="S26" s="191">
        <v>0</v>
      </c>
      <c r="T26" s="191">
        <v>15</v>
      </c>
      <c r="U26" s="191">
        <v>0</v>
      </c>
      <c r="V26" s="191">
        <v>0</v>
      </c>
      <c r="W26" s="196">
        <v>15</v>
      </c>
      <c r="X26" s="195">
        <v>15</v>
      </c>
    </row>
    <row r="27" spans="2:24" ht="21" customHeight="1" x14ac:dyDescent="0.2">
      <c r="B27" s="106" t="s">
        <v>25</v>
      </c>
      <c r="C27" s="191">
        <v>0</v>
      </c>
      <c r="D27" s="191">
        <v>0</v>
      </c>
      <c r="E27" s="196">
        <v>0</v>
      </c>
      <c r="F27" s="193">
        <v>0</v>
      </c>
      <c r="G27" s="191">
        <v>32</v>
      </c>
      <c r="H27" s="191">
        <v>21</v>
      </c>
      <c r="I27" s="191">
        <v>5</v>
      </c>
      <c r="J27" s="191">
        <v>8</v>
      </c>
      <c r="K27" s="191">
        <v>0</v>
      </c>
      <c r="L27" s="196">
        <v>66</v>
      </c>
      <c r="M27" s="195">
        <v>66</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23</v>
      </c>
      <c r="H28" s="191">
        <v>24</v>
      </c>
      <c r="I28" s="191">
        <v>40</v>
      </c>
      <c r="J28" s="191">
        <v>0</v>
      </c>
      <c r="K28" s="191">
        <v>0</v>
      </c>
      <c r="L28" s="196">
        <v>87</v>
      </c>
      <c r="M28" s="195">
        <v>87</v>
      </c>
      <c r="N28" s="191">
        <v>0</v>
      </c>
      <c r="O28" s="191">
        <v>0</v>
      </c>
      <c r="P28" s="196">
        <v>0</v>
      </c>
      <c r="Q28" s="193">
        <v>0</v>
      </c>
      <c r="R28" s="191">
        <v>0</v>
      </c>
      <c r="S28" s="191">
        <v>0</v>
      </c>
      <c r="T28" s="191">
        <v>0</v>
      </c>
      <c r="U28" s="191">
        <v>0</v>
      </c>
      <c r="V28" s="191">
        <v>0</v>
      </c>
      <c r="W28" s="196">
        <v>0</v>
      </c>
      <c r="X28" s="195">
        <v>0</v>
      </c>
    </row>
    <row r="29" spans="2:24" ht="21" customHeight="1" x14ac:dyDescent="0.2">
      <c r="B29" s="106" t="s">
        <v>27</v>
      </c>
      <c r="C29" s="191">
        <v>0</v>
      </c>
      <c r="D29" s="191">
        <v>0</v>
      </c>
      <c r="E29" s="196">
        <v>0</v>
      </c>
      <c r="F29" s="193">
        <v>0</v>
      </c>
      <c r="G29" s="191">
        <v>0</v>
      </c>
      <c r="H29" s="191">
        <v>3</v>
      </c>
      <c r="I29" s="191">
        <v>0</v>
      </c>
      <c r="J29" s="191">
        <v>0</v>
      </c>
      <c r="K29" s="191">
        <v>0</v>
      </c>
      <c r="L29" s="196">
        <v>3</v>
      </c>
      <c r="M29" s="195">
        <v>3</v>
      </c>
      <c r="N29" s="191">
        <v>0</v>
      </c>
      <c r="O29" s="191">
        <v>0</v>
      </c>
      <c r="P29" s="196">
        <v>0</v>
      </c>
      <c r="Q29" s="193">
        <v>0</v>
      </c>
      <c r="R29" s="191">
        <v>0</v>
      </c>
      <c r="S29" s="191">
        <v>0</v>
      </c>
      <c r="T29" s="191">
        <v>0</v>
      </c>
      <c r="U29" s="191">
        <v>23</v>
      </c>
      <c r="V29" s="191">
        <v>0</v>
      </c>
      <c r="W29" s="196">
        <v>23</v>
      </c>
      <c r="X29" s="195">
        <v>23</v>
      </c>
    </row>
    <row r="30" spans="2:24" ht="21" customHeight="1" x14ac:dyDescent="0.2">
      <c r="B30" s="106" t="s">
        <v>28</v>
      </c>
      <c r="C30" s="191">
        <v>0</v>
      </c>
      <c r="D30" s="191">
        <v>0</v>
      </c>
      <c r="E30" s="196">
        <v>0</v>
      </c>
      <c r="F30" s="193">
        <v>0</v>
      </c>
      <c r="G30" s="191">
        <v>34</v>
      </c>
      <c r="H30" s="191">
        <v>3</v>
      </c>
      <c r="I30" s="191">
        <v>0</v>
      </c>
      <c r="J30" s="191">
        <v>0</v>
      </c>
      <c r="K30" s="191">
        <v>0</v>
      </c>
      <c r="L30" s="196">
        <v>37</v>
      </c>
      <c r="M30" s="195">
        <v>37</v>
      </c>
      <c r="N30" s="191">
        <v>0</v>
      </c>
      <c r="O30" s="191">
        <v>0</v>
      </c>
      <c r="P30" s="196">
        <v>0</v>
      </c>
      <c r="Q30" s="193">
        <v>0</v>
      </c>
      <c r="R30" s="191">
        <v>0</v>
      </c>
      <c r="S30" s="191">
        <v>0</v>
      </c>
      <c r="T30" s="191">
        <v>0</v>
      </c>
      <c r="U30" s="191">
        <v>0</v>
      </c>
      <c r="V30" s="191">
        <v>0</v>
      </c>
      <c r="W30" s="196">
        <v>0</v>
      </c>
      <c r="X30" s="195">
        <v>0</v>
      </c>
    </row>
    <row r="31" spans="2:24" ht="21" customHeight="1" x14ac:dyDescent="0.2">
      <c r="B31" s="106" t="s">
        <v>29</v>
      </c>
      <c r="C31" s="191">
        <v>0</v>
      </c>
      <c r="D31" s="191">
        <v>0</v>
      </c>
      <c r="E31" s="196">
        <v>0</v>
      </c>
      <c r="F31" s="193">
        <v>0</v>
      </c>
      <c r="G31" s="191">
        <v>0</v>
      </c>
      <c r="H31" s="191">
        <v>18</v>
      </c>
      <c r="I31" s="191">
        <v>0</v>
      </c>
      <c r="J31" s="191">
        <v>0</v>
      </c>
      <c r="K31" s="191">
        <v>0</v>
      </c>
      <c r="L31" s="196">
        <v>18</v>
      </c>
      <c r="M31" s="195">
        <v>18</v>
      </c>
      <c r="N31" s="191">
        <v>0</v>
      </c>
      <c r="O31" s="191">
        <v>0</v>
      </c>
      <c r="P31" s="196">
        <v>0</v>
      </c>
      <c r="Q31" s="193">
        <v>0</v>
      </c>
      <c r="R31" s="191">
        <v>0</v>
      </c>
      <c r="S31" s="191">
        <v>0</v>
      </c>
      <c r="T31" s="191">
        <v>0</v>
      </c>
      <c r="U31" s="191">
        <v>0</v>
      </c>
      <c r="V31" s="191">
        <v>0</v>
      </c>
      <c r="W31" s="196">
        <v>0</v>
      </c>
      <c r="X31" s="195">
        <v>0</v>
      </c>
    </row>
    <row r="32" spans="2:24" ht="21" customHeight="1" x14ac:dyDescent="0.2">
      <c r="B32" s="106" t="s">
        <v>30</v>
      </c>
      <c r="C32" s="191">
        <v>0</v>
      </c>
      <c r="D32" s="191">
        <v>0</v>
      </c>
      <c r="E32" s="196">
        <v>0</v>
      </c>
      <c r="F32" s="193">
        <v>0</v>
      </c>
      <c r="G32" s="191">
        <v>10</v>
      </c>
      <c r="H32" s="191">
        <v>0</v>
      </c>
      <c r="I32" s="191">
        <v>0</v>
      </c>
      <c r="J32" s="191">
        <v>0</v>
      </c>
      <c r="K32" s="191">
        <v>0</v>
      </c>
      <c r="L32" s="196">
        <v>10</v>
      </c>
      <c r="M32" s="195">
        <v>10</v>
      </c>
      <c r="N32" s="191">
        <v>0</v>
      </c>
      <c r="O32" s="191">
        <v>0</v>
      </c>
      <c r="P32" s="196">
        <v>0</v>
      </c>
      <c r="Q32" s="193">
        <v>0</v>
      </c>
      <c r="R32" s="191">
        <v>0</v>
      </c>
      <c r="S32" s="191">
        <v>0</v>
      </c>
      <c r="T32" s="191">
        <v>0</v>
      </c>
      <c r="U32" s="191">
        <v>0</v>
      </c>
      <c r="V32" s="191">
        <v>0</v>
      </c>
      <c r="W32" s="196">
        <v>0</v>
      </c>
      <c r="X32" s="195">
        <v>0</v>
      </c>
    </row>
    <row r="33" spans="2:24" ht="21" customHeight="1" x14ac:dyDescent="0.2">
      <c r="B33" s="106" t="s">
        <v>31</v>
      </c>
      <c r="C33" s="191">
        <v>0</v>
      </c>
      <c r="D33" s="191">
        <v>0</v>
      </c>
      <c r="E33" s="196">
        <v>0</v>
      </c>
      <c r="F33" s="193">
        <v>0</v>
      </c>
      <c r="G33" s="191">
        <v>0</v>
      </c>
      <c r="H33" s="191">
        <v>5</v>
      </c>
      <c r="I33" s="191">
        <v>0</v>
      </c>
      <c r="J33" s="191">
        <v>0</v>
      </c>
      <c r="K33" s="191">
        <v>0</v>
      </c>
      <c r="L33" s="196">
        <v>5</v>
      </c>
      <c r="M33" s="195">
        <v>5</v>
      </c>
      <c r="N33" s="191">
        <v>0</v>
      </c>
      <c r="O33" s="191">
        <v>0</v>
      </c>
      <c r="P33" s="196">
        <v>0</v>
      </c>
      <c r="Q33" s="193">
        <v>0</v>
      </c>
      <c r="R33" s="191">
        <v>0</v>
      </c>
      <c r="S33" s="191">
        <v>0</v>
      </c>
      <c r="T33" s="191">
        <v>0</v>
      </c>
      <c r="U33" s="191">
        <v>17</v>
      </c>
      <c r="V33" s="191">
        <v>0</v>
      </c>
      <c r="W33" s="196">
        <v>17</v>
      </c>
      <c r="X33" s="195">
        <v>17</v>
      </c>
    </row>
    <row r="34" spans="2:24" ht="21" customHeight="1" x14ac:dyDescent="0.2">
      <c r="B34" s="106" t="s">
        <v>32</v>
      </c>
      <c r="C34" s="191">
        <v>0</v>
      </c>
      <c r="D34" s="191">
        <v>0</v>
      </c>
      <c r="E34" s="196">
        <v>0</v>
      </c>
      <c r="F34" s="193">
        <v>0</v>
      </c>
      <c r="G34" s="191">
        <v>25</v>
      </c>
      <c r="H34" s="191">
        <v>31</v>
      </c>
      <c r="I34" s="191">
        <v>0</v>
      </c>
      <c r="J34" s="191">
        <v>0</v>
      </c>
      <c r="K34" s="191">
        <v>4</v>
      </c>
      <c r="L34" s="196">
        <v>60</v>
      </c>
      <c r="M34" s="195">
        <v>60</v>
      </c>
      <c r="N34" s="191">
        <v>0</v>
      </c>
      <c r="O34" s="191">
        <v>0</v>
      </c>
      <c r="P34" s="196">
        <v>0</v>
      </c>
      <c r="Q34" s="193">
        <v>0</v>
      </c>
      <c r="R34" s="191">
        <v>0</v>
      </c>
      <c r="S34" s="191">
        <v>0</v>
      </c>
      <c r="T34" s="191">
        <v>0</v>
      </c>
      <c r="U34" s="191">
        <v>0</v>
      </c>
      <c r="V34" s="191">
        <v>0</v>
      </c>
      <c r="W34" s="196">
        <v>0</v>
      </c>
      <c r="X34" s="195">
        <v>0</v>
      </c>
    </row>
    <row r="35" spans="2:24" ht="21" customHeight="1" x14ac:dyDescent="0.2">
      <c r="B35" s="106" t="s">
        <v>33</v>
      </c>
      <c r="C35" s="191">
        <v>0</v>
      </c>
      <c r="D35" s="191">
        <v>0</v>
      </c>
      <c r="E35" s="196">
        <v>0</v>
      </c>
      <c r="F35" s="193">
        <v>0</v>
      </c>
      <c r="G35" s="191">
        <v>8</v>
      </c>
      <c r="H35" s="191">
        <v>0</v>
      </c>
      <c r="I35" s="191">
        <v>0</v>
      </c>
      <c r="J35" s="191">
        <v>0</v>
      </c>
      <c r="K35" s="191">
        <v>0</v>
      </c>
      <c r="L35" s="196">
        <v>8</v>
      </c>
      <c r="M35" s="195">
        <v>8</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14</v>
      </c>
      <c r="H36" s="191">
        <v>23</v>
      </c>
      <c r="I36" s="191">
        <v>0</v>
      </c>
      <c r="J36" s="191">
        <v>0</v>
      </c>
      <c r="K36" s="191">
        <v>0</v>
      </c>
      <c r="L36" s="196">
        <v>37</v>
      </c>
      <c r="M36" s="195">
        <v>37</v>
      </c>
      <c r="N36" s="191">
        <v>0</v>
      </c>
      <c r="O36" s="191">
        <v>0</v>
      </c>
      <c r="P36" s="196">
        <v>0</v>
      </c>
      <c r="Q36" s="193">
        <v>0</v>
      </c>
      <c r="R36" s="191">
        <v>0</v>
      </c>
      <c r="S36" s="191">
        <v>0</v>
      </c>
      <c r="T36" s="191">
        <v>0</v>
      </c>
      <c r="U36" s="191">
        <v>0</v>
      </c>
      <c r="V36" s="191">
        <v>0</v>
      </c>
      <c r="W36" s="196">
        <v>0</v>
      </c>
      <c r="X36" s="195">
        <v>0</v>
      </c>
    </row>
    <row r="37" spans="2:24" ht="21" customHeight="1" x14ac:dyDescent="0.2">
      <c r="B37" s="106" t="s">
        <v>35</v>
      </c>
      <c r="C37" s="191">
        <v>0</v>
      </c>
      <c r="D37" s="191">
        <v>0</v>
      </c>
      <c r="E37" s="196">
        <v>0</v>
      </c>
      <c r="F37" s="193">
        <v>0</v>
      </c>
      <c r="G37" s="191">
        <v>0</v>
      </c>
      <c r="H37" s="191">
        <v>0</v>
      </c>
      <c r="I37" s="191">
        <v>0</v>
      </c>
      <c r="J37" s="191">
        <v>0</v>
      </c>
      <c r="K37" s="191">
        <v>0</v>
      </c>
      <c r="L37" s="196">
        <v>0</v>
      </c>
      <c r="M37" s="195">
        <v>0</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19</v>
      </c>
      <c r="H38" s="191">
        <v>8</v>
      </c>
      <c r="I38" s="191">
        <v>0</v>
      </c>
      <c r="J38" s="191">
        <v>0</v>
      </c>
      <c r="K38" s="191">
        <v>0</v>
      </c>
      <c r="L38" s="196">
        <v>27</v>
      </c>
      <c r="M38" s="195">
        <v>27</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0</v>
      </c>
      <c r="H39" s="198">
        <v>0</v>
      </c>
      <c r="I39" s="198">
        <v>0</v>
      </c>
      <c r="J39" s="198">
        <v>0</v>
      </c>
      <c r="K39" s="198">
        <v>0</v>
      </c>
      <c r="L39" s="203">
        <v>0</v>
      </c>
      <c r="M39" s="202">
        <v>0</v>
      </c>
      <c r="N39" s="198">
        <v>0</v>
      </c>
      <c r="O39" s="198">
        <v>0</v>
      </c>
      <c r="P39" s="203">
        <v>0</v>
      </c>
      <c r="Q39" s="200">
        <v>0</v>
      </c>
      <c r="R39" s="198">
        <v>0</v>
      </c>
      <c r="S39" s="198">
        <v>0</v>
      </c>
      <c r="T39" s="198">
        <v>0</v>
      </c>
      <c r="U39" s="198">
        <v>0</v>
      </c>
      <c r="V39" s="198">
        <v>0</v>
      </c>
      <c r="W39" s="203">
        <v>0</v>
      </c>
      <c r="X39" s="202">
        <v>0</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7.6640625" style="175" customWidth="1"/>
    <col min="18" max="16384" width="9" style="175"/>
  </cols>
  <sheetData>
    <row r="1" spans="2:24" ht="24" customHeight="1" x14ac:dyDescent="0.2">
      <c r="B1" s="142" t="s">
        <v>123</v>
      </c>
      <c r="H1" s="441">
        <f>第１表!F2</f>
        <v>6</v>
      </c>
      <c r="I1" s="441"/>
      <c r="J1" s="18">
        <f>第１表!G2</f>
        <v>9</v>
      </c>
      <c r="K1" s="445">
        <f>IF(J1&lt;3,J1+12-2,J1-2)</f>
        <v>7</v>
      </c>
      <c r="L1" s="445"/>
    </row>
    <row r="2" spans="2:24" ht="24" customHeight="1" thickBot="1" x14ac:dyDescent="0.25">
      <c r="B2" s="142" t="s">
        <v>152</v>
      </c>
    </row>
    <row r="3" spans="2:24" ht="21" customHeight="1" x14ac:dyDescent="0.2">
      <c r="B3" s="471"/>
      <c r="C3" s="472" t="s">
        <v>139</v>
      </c>
      <c r="D3" s="472"/>
      <c r="E3" s="472"/>
      <c r="F3" s="472"/>
      <c r="G3" s="472"/>
      <c r="H3" s="472"/>
      <c r="I3" s="472"/>
      <c r="J3" s="472"/>
      <c r="K3" s="472"/>
      <c r="L3" s="472"/>
      <c r="M3" s="496"/>
      <c r="N3" s="472" t="s">
        <v>112</v>
      </c>
      <c r="O3" s="472"/>
      <c r="P3" s="472"/>
      <c r="Q3" s="472"/>
      <c r="R3" s="472"/>
      <c r="S3" s="472"/>
      <c r="T3" s="472"/>
      <c r="U3" s="472"/>
      <c r="V3" s="472"/>
      <c r="W3" s="472"/>
      <c r="X3" s="496"/>
    </row>
    <row r="4" spans="2:24" ht="21" customHeight="1" x14ac:dyDescent="0.2">
      <c r="B4" s="494"/>
      <c r="C4" s="497" t="s">
        <v>61</v>
      </c>
      <c r="D4" s="497"/>
      <c r="E4" s="498"/>
      <c r="F4" s="499" t="s">
        <v>62</v>
      </c>
      <c r="G4" s="497"/>
      <c r="H4" s="497"/>
      <c r="I4" s="497"/>
      <c r="J4" s="497"/>
      <c r="K4" s="497"/>
      <c r="L4" s="500"/>
      <c r="M4" s="501" t="s">
        <v>52</v>
      </c>
      <c r="N4" s="497" t="s">
        <v>61</v>
      </c>
      <c r="O4" s="497"/>
      <c r="P4" s="498"/>
      <c r="Q4" s="499" t="s">
        <v>62</v>
      </c>
      <c r="R4" s="497"/>
      <c r="S4" s="497"/>
      <c r="T4" s="497"/>
      <c r="U4" s="497"/>
      <c r="V4" s="497"/>
      <c r="W4" s="500"/>
      <c r="X4" s="501" t="s">
        <v>52</v>
      </c>
    </row>
    <row r="5" spans="2:24" ht="30" customHeight="1" thickBot="1" x14ac:dyDescent="0.25">
      <c r="B5" s="495"/>
      <c r="C5" s="178" t="s">
        <v>43</v>
      </c>
      <c r="D5" s="178" t="s">
        <v>44</v>
      </c>
      <c r="E5" s="182" t="s">
        <v>45</v>
      </c>
      <c r="F5" s="180" t="s">
        <v>83</v>
      </c>
      <c r="G5" s="178" t="s">
        <v>47</v>
      </c>
      <c r="H5" s="178" t="s">
        <v>48</v>
      </c>
      <c r="I5" s="178" t="s">
        <v>49</v>
      </c>
      <c r="J5" s="178" t="s">
        <v>50</v>
      </c>
      <c r="K5" s="178" t="s">
        <v>51</v>
      </c>
      <c r="L5" s="182" t="s">
        <v>45</v>
      </c>
      <c r="M5" s="470"/>
      <c r="N5" s="178" t="s">
        <v>43</v>
      </c>
      <c r="O5" s="178" t="s">
        <v>44</v>
      </c>
      <c r="P5" s="182" t="s">
        <v>45</v>
      </c>
      <c r="Q5" s="180" t="s">
        <v>83</v>
      </c>
      <c r="R5" s="178" t="s">
        <v>47</v>
      </c>
      <c r="S5" s="178" t="s">
        <v>48</v>
      </c>
      <c r="T5" s="178" t="s">
        <v>49</v>
      </c>
      <c r="U5" s="178" t="s">
        <v>50</v>
      </c>
      <c r="V5" s="178" t="s">
        <v>51</v>
      </c>
      <c r="W5" s="182" t="s">
        <v>45</v>
      </c>
      <c r="X5" s="470"/>
    </row>
    <row r="6" spans="2:24" ht="21" customHeight="1" x14ac:dyDescent="0.2">
      <c r="B6" s="84" t="s">
        <v>4</v>
      </c>
      <c r="C6" s="184">
        <v>0</v>
      </c>
      <c r="D6" s="184">
        <v>0</v>
      </c>
      <c r="E6" s="189">
        <v>0</v>
      </c>
      <c r="F6" s="186">
        <v>0</v>
      </c>
      <c r="G6" s="184">
        <v>6375</v>
      </c>
      <c r="H6" s="184">
        <v>5509</v>
      </c>
      <c r="I6" s="184">
        <v>2997</v>
      </c>
      <c r="J6" s="184">
        <v>1199</v>
      </c>
      <c r="K6" s="184">
        <v>484</v>
      </c>
      <c r="L6" s="189">
        <v>16564</v>
      </c>
      <c r="M6" s="188">
        <v>16564</v>
      </c>
      <c r="N6" s="184">
        <v>9</v>
      </c>
      <c r="O6" s="184">
        <v>0</v>
      </c>
      <c r="P6" s="189">
        <v>9</v>
      </c>
      <c r="Q6" s="186">
        <v>0</v>
      </c>
      <c r="R6" s="184">
        <v>375</v>
      </c>
      <c r="S6" s="184">
        <v>565</v>
      </c>
      <c r="T6" s="184">
        <v>805</v>
      </c>
      <c r="U6" s="184">
        <v>154</v>
      </c>
      <c r="V6" s="184">
        <v>271</v>
      </c>
      <c r="W6" s="189">
        <v>2170</v>
      </c>
      <c r="X6" s="188">
        <v>2179</v>
      </c>
    </row>
    <row r="7" spans="2:24" ht="21" customHeight="1" x14ac:dyDescent="0.2">
      <c r="B7" s="95" t="s">
        <v>5</v>
      </c>
      <c r="C7" s="191">
        <v>0</v>
      </c>
      <c r="D7" s="191">
        <v>0</v>
      </c>
      <c r="E7" s="196">
        <v>0</v>
      </c>
      <c r="F7" s="193">
        <v>0</v>
      </c>
      <c r="G7" s="191">
        <v>2371</v>
      </c>
      <c r="H7" s="191">
        <v>2883</v>
      </c>
      <c r="I7" s="191">
        <v>1566</v>
      </c>
      <c r="J7" s="191">
        <v>492</v>
      </c>
      <c r="K7" s="191">
        <v>174</v>
      </c>
      <c r="L7" s="196">
        <v>7486</v>
      </c>
      <c r="M7" s="195">
        <v>7486</v>
      </c>
      <c r="N7" s="191">
        <v>5</v>
      </c>
      <c r="O7" s="191">
        <v>0</v>
      </c>
      <c r="P7" s="196">
        <v>5</v>
      </c>
      <c r="Q7" s="193">
        <v>0</v>
      </c>
      <c r="R7" s="191">
        <v>202</v>
      </c>
      <c r="S7" s="191">
        <v>224</v>
      </c>
      <c r="T7" s="191">
        <v>492</v>
      </c>
      <c r="U7" s="191">
        <v>81</v>
      </c>
      <c r="V7" s="191">
        <v>210</v>
      </c>
      <c r="W7" s="196">
        <v>1209</v>
      </c>
      <c r="X7" s="195">
        <v>1214</v>
      </c>
    </row>
    <row r="8" spans="2:24" ht="21" customHeight="1" x14ac:dyDescent="0.2">
      <c r="B8" s="106" t="s">
        <v>6</v>
      </c>
      <c r="C8" s="191">
        <v>0</v>
      </c>
      <c r="D8" s="191">
        <v>0</v>
      </c>
      <c r="E8" s="196">
        <v>0</v>
      </c>
      <c r="F8" s="193">
        <v>0</v>
      </c>
      <c r="G8" s="191">
        <v>1018</v>
      </c>
      <c r="H8" s="191">
        <v>595</v>
      </c>
      <c r="I8" s="191">
        <v>367</v>
      </c>
      <c r="J8" s="191">
        <v>171</v>
      </c>
      <c r="K8" s="191">
        <v>99</v>
      </c>
      <c r="L8" s="196">
        <v>2250</v>
      </c>
      <c r="M8" s="195">
        <v>2250</v>
      </c>
      <c r="N8" s="191">
        <v>0</v>
      </c>
      <c r="O8" s="191">
        <v>0</v>
      </c>
      <c r="P8" s="196">
        <v>0</v>
      </c>
      <c r="Q8" s="193">
        <v>0</v>
      </c>
      <c r="R8" s="191">
        <v>81</v>
      </c>
      <c r="S8" s="191">
        <v>212</v>
      </c>
      <c r="T8" s="191">
        <v>207</v>
      </c>
      <c r="U8" s="191">
        <v>34</v>
      </c>
      <c r="V8" s="191">
        <v>59</v>
      </c>
      <c r="W8" s="196">
        <v>593</v>
      </c>
      <c r="X8" s="195">
        <v>593</v>
      </c>
    </row>
    <row r="9" spans="2:24" ht="21" customHeight="1" x14ac:dyDescent="0.2">
      <c r="B9" s="106" t="s">
        <v>14</v>
      </c>
      <c r="C9" s="191">
        <v>0</v>
      </c>
      <c r="D9" s="191">
        <v>0</v>
      </c>
      <c r="E9" s="196">
        <v>0</v>
      </c>
      <c r="F9" s="193">
        <v>0</v>
      </c>
      <c r="G9" s="191">
        <v>352</v>
      </c>
      <c r="H9" s="191">
        <v>442</v>
      </c>
      <c r="I9" s="191">
        <v>169</v>
      </c>
      <c r="J9" s="191">
        <v>95</v>
      </c>
      <c r="K9" s="191">
        <v>13</v>
      </c>
      <c r="L9" s="196">
        <v>1071</v>
      </c>
      <c r="M9" s="195">
        <v>1071</v>
      </c>
      <c r="N9" s="191">
        <v>0</v>
      </c>
      <c r="O9" s="191">
        <v>0</v>
      </c>
      <c r="P9" s="196">
        <v>0</v>
      </c>
      <c r="Q9" s="193">
        <v>0</v>
      </c>
      <c r="R9" s="191">
        <v>0</v>
      </c>
      <c r="S9" s="191">
        <v>9</v>
      </c>
      <c r="T9" s="191">
        <v>0</v>
      </c>
      <c r="U9" s="191">
        <v>1</v>
      </c>
      <c r="V9" s="191">
        <v>0</v>
      </c>
      <c r="W9" s="196">
        <v>10</v>
      </c>
      <c r="X9" s="195">
        <v>10</v>
      </c>
    </row>
    <row r="10" spans="2:24" ht="21" customHeight="1" x14ac:dyDescent="0.2">
      <c r="B10" s="106" t="s">
        <v>7</v>
      </c>
      <c r="C10" s="191">
        <v>0</v>
      </c>
      <c r="D10" s="191">
        <v>0</v>
      </c>
      <c r="E10" s="196">
        <v>0</v>
      </c>
      <c r="F10" s="193">
        <v>0</v>
      </c>
      <c r="G10" s="191">
        <v>353</v>
      </c>
      <c r="H10" s="191">
        <v>157</v>
      </c>
      <c r="I10" s="191">
        <v>71</v>
      </c>
      <c r="J10" s="191">
        <v>48</v>
      </c>
      <c r="K10" s="191">
        <v>2</v>
      </c>
      <c r="L10" s="196">
        <v>631</v>
      </c>
      <c r="M10" s="195">
        <v>631</v>
      </c>
      <c r="N10" s="191">
        <v>0</v>
      </c>
      <c r="O10" s="191">
        <v>0</v>
      </c>
      <c r="P10" s="196">
        <v>0</v>
      </c>
      <c r="Q10" s="193">
        <v>0</v>
      </c>
      <c r="R10" s="191">
        <v>14</v>
      </c>
      <c r="S10" s="191">
        <v>40</v>
      </c>
      <c r="T10" s="191">
        <v>41</v>
      </c>
      <c r="U10" s="191">
        <v>5</v>
      </c>
      <c r="V10" s="191">
        <v>0</v>
      </c>
      <c r="W10" s="196">
        <v>100</v>
      </c>
      <c r="X10" s="195">
        <v>100</v>
      </c>
    </row>
    <row r="11" spans="2:24" ht="21" customHeight="1" x14ac:dyDescent="0.2">
      <c r="B11" s="106" t="s">
        <v>8</v>
      </c>
      <c r="C11" s="191">
        <v>0</v>
      </c>
      <c r="D11" s="191">
        <v>0</v>
      </c>
      <c r="E11" s="196">
        <v>0</v>
      </c>
      <c r="F11" s="193">
        <v>0</v>
      </c>
      <c r="G11" s="191">
        <v>256</v>
      </c>
      <c r="H11" s="191">
        <v>146</v>
      </c>
      <c r="I11" s="191">
        <v>44</v>
      </c>
      <c r="J11" s="191">
        <v>16</v>
      </c>
      <c r="K11" s="191">
        <v>9</v>
      </c>
      <c r="L11" s="196">
        <v>471</v>
      </c>
      <c r="M11" s="195">
        <v>471</v>
      </c>
      <c r="N11" s="191">
        <v>0</v>
      </c>
      <c r="O11" s="191">
        <v>0</v>
      </c>
      <c r="P11" s="196">
        <v>0</v>
      </c>
      <c r="Q11" s="193">
        <v>0</v>
      </c>
      <c r="R11" s="191">
        <v>0</v>
      </c>
      <c r="S11" s="191">
        <v>0</v>
      </c>
      <c r="T11" s="191">
        <v>0</v>
      </c>
      <c r="U11" s="191">
        <v>0</v>
      </c>
      <c r="V11" s="191">
        <v>0</v>
      </c>
      <c r="W11" s="196">
        <v>0</v>
      </c>
      <c r="X11" s="195">
        <v>0</v>
      </c>
    </row>
    <row r="12" spans="2:24" ht="21" customHeight="1" x14ac:dyDescent="0.2">
      <c r="B12" s="106" t="s">
        <v>9</v>
      </c>
      <c r="C12" s="191">
        <v>0</v>
      </c>
      <c r="D12" s="191">
        <v>0</v>
      </c>
      <c r="E12" s="196">
        <v>0</v>
      </c>
      <c r="F12" s="193">
        <v>0</v>
      </c>
      <c r="G12" s="191">
        <v>286</v>
      </c>
      <c r="H12" s="191">
        <v>213</v>
      </c>
      <c r="I12" s="191">
        <v>179</v>
      </c>
      <c r="J12" s="191">
        <v>91</v>
      </c>
      <c r="K12" s="191">
        <v>28</v>
      </c>
      <c r="L12" s="196">
        <v>797</v>
      </c>
      <c r="M12" s="195">
        <v>797</v>
      </c>
      <c r="N12" s="191">
        <v>0</v>
      </c>
      <c r="O12" s="191">
        <v>0</v>
      </c>
      <c r="P12" s="196">
        <v>0</v>
      </c>
      <c r="Q12" s="193">
        <v>0</v>
      </c>
      <c r="R12" s="191">
        <v>0</v>
      </c>
      <c r="S12" s="191">
        <v>9</v>
      </c>
      <c r="T12" s="191">
        <v>13</v>
      </c>
      <c r="U12" s="191">
        <v>0</v>
      </c>
      <c r="V12" s="191">
        <v>0</v>
      </c>
      <c r="W12" s="196">
        <v>22</v>
      </c>
      <c r="X12" s="195">
        <v>22</v>
      </c>
    </row>
    <row r="13" spans="2:24" ht="21" customHeight="1" x14ac:dyDescent="0.2">
      <c r="B13" s="106" t="s">
        <v>10</v>
      </c>
      <c r="C13" s="191">
        <v>0</v>
      </c>
      <c r="D13" s="191">
        <v>0</v>
      </c>
      <c r="E13" s="196">
        <v>0</v>
      </c>
      <c r="F13" s="193">
        <v>0</v>
      </c>
      <c r="G13" s="191">
        <v>288</v>
      </c>
      <c r="H13" s="191">
        <v>128</v>
      </c>
      <c r="I13" s="191">
        <v>71</v>
      </c>
      <c r="J13" s="191">
        <v>45</v>
      </c>
      <c r="K13" s="191">
        <v>0</v>
      </c>
      <c r="L13" s="196">
        <v>532</v>
      </c>
      <c r="M13" s="195">
        <v>532</v>
      </c>
      <c r="N13" s="191">
        <v>0</v>
      </c>
      <c r="O13" s="191">
        <v>0</v>
      </c>
      <c r="P13" s="196">
        <v>0</v>
      </c>
      <c r="Q13" s="193">
        <v>0</v>
      </c>
      <c r="R13" s="191">
        <v>17</v>
      </c>
      <c r="S13" s="191">
        <v>0</v>
      </c>
      <c r="T13" s="191">
        <v>11</v>
      </c>
      <c r="U13" s="191">
        <v>27</v>
      </c>
      <c r="V13" s="191">
        <v>0</v>
      </c>
      <c r="W13" s="196">
        <v>55</v>
      </c>
      <c r="X13" s="195">
        <v>55</v>
      </c>
    </row>
    <row r="14" spans="2:24" ht="21" customHeight="1" x14ac:dyDescent="0.2">
      <c r="B14" s="106" t="s">
        <v>11</v>
      </c>
      <c r="C14" s="191">
        <v>0</v>
      </c>
      <c r="D14" s="191">
        <v>0</v>
      </c>
      <c r="E14" s="196">
        <v>0</v>
      </c>
      <c r="F14" s="193">
        <v>0</v>
      </c>
      <c r="G14" s="191">
        <v>216</v>
      </c>
      <c r="H14" s="191">
        <v>85</v>
      </c>
      <c r="I14" s="191">
        <v>23</v>
      </c>
      <c r="J14" s="191">
        <v>39</v>
      </c>
      <c r="K14" s="191">
        <v>30</v>
      </c>
      <c r="L14" s="196">
        <v>393</v>
      </c>
      <c r="M14" s="195">
        <v>393</v>
      </c>
      <c r="N14" s="191">
        <v>0</v>
      </c>
      <c r="O14" s="191">
        <v>0</v>
      </c>
      <c r="P14" s="196">
        <v>0</v>
      </c>
      <c r="Q14" s="193">
        <v>0</v>
      </c>
      <c r="R14" s="191">
        <v>27</v>
      </c>
      <c r="S14" s="191">
        <v>0</v>
      </c>
      <c r="T14" s="191">
        <v>0</v>
      </c>
      <c r="U14" s="191">
        <v>0</v>
      </c>
      <c r="V14" s="191">
        <v>0</v>
      </c>
      <c r="W14" s="196">
        <v>27</v>
      </c>
      <c r="X14" s="195">
        <v>27</v>
      </c>
    </row>
    <row r="15" spans="2:24" ht="21" customHeight="1" x14ac:dyDescent="0.2">
      <c r="B15" s="106" t="s">
        <v>12</v>
      </c>
      <c r="C15" s="191">
        <v>0</v>
      </c>
      <c r="D15" s="191">
        <v>0</v>
      </c>
      <c r="E15" s="196">
        <v>0</v>
      </c>
      <c r="F15" s="193">
        <v>0</v>
      </c>
      <c r="G15" s="191">
        <v>127</v>
      </c>
      <c r="H15" s="191">
        <v>70</v>
      </c>
      <c r="I15" s="191">
        <v>36</v>
      </c>
      <c r="J15" s="191">
        <v>35</v>
      </c>
      <c r="K15" s="191">
        <v>71</v>
      </c>
      <c r="L15" s="196">
        <v>339</v>
      </c>
      <c r="M15" s="195">
        <v>339</v>
      </c>
      <c r="N15" s="191">
        <v>0</v>
      </c>
      <c r="O15" s="191">
        <v>0</v>
      </c>
      <c r="P15" s="196">
        <v>0</v>
      </c>
      <c r="Q15" s="193">
        <v>0</v>
      </c>
      <c r="R15" s="191">
        <v>0</v>
      </c>
      <c r="S15" s="191">
        <v>0</v>
      </c>
      <c r="T15" s="191">
        <v>0</v>
      </c>
      <c r="U15" s="191">
        <v>0</v>
      </c>
      <c r="V15" s="191">
        <v>0</v>
      </c>
      <c r="W15" s="196">
        <v>0</v>
      </c>
      <c r="X15" s="195">
        <v>0</v>
      </c>
    </row>
    <row r="16" spans="2:24" ht="21" customHeight="1" x14ac:dyDescent="0.2">
      <c r="B16" s="106" t="s">
        <v>13</v>
      </c>
      <c r="C16" s="191">
        <v>0</v>
      </c>
      <c r="D16" s="191">
        <v>0</v>
      </c>
      <c r="E16" s="196">
        <v>0</v>
      </c>
      <c r="F16" s="193">
        <v>0</v>
      </c>
      <c r="G16" s="191">
        <v>89</v>
      </c>
      <c r="H16" s="191">
        <v>87</v>
      </c>
      <c r="I16" s="191">
        <v>96</v>
      </c>
      <c r="J16" s="191">
        <v>13</v>
      </c>
      <c r="K16" s="191">
        <v>17</v>
      </c>
      <c r="L16" s="196">
        <v>302</v>
      </c>
      <c r="M16" s="195">
        <v>302</v>
      </c>
      <c r="N16" s="191">
        <v>0</v>
      </c>
      <c r="O16" s="191">
        <v>0</v>
      </c>
      <c r="P16" s="196">
        <v>0</v>
      </c>
      <c r="Q16" s="193">
        <v>0</v>
      </c>
      <c r="R16" s="191">
        <v>0</v>
      </c>
      <c r="S16" s="191">
        <v>13</v>
      </c>
      <c r="T16" s="191">
        <v>0</v>
      </c>
      <c r="U16" s="191">
        <v>0</v>
      </c>
      <c r="V16" s="191">
        <v>0</v>
      </c>
      <c r="W16" s="196">
        <v>13</v>
      </c>
      <c r="X16" s="195">
        <v>13</v>
      </c>
    </row>
    <row r="17" spans="2:24" ht="21" customHeight="1" x14ac:dyDescent="0.2">
      <c r="B17" s="106" t="s">
        <v>15</v>
      </c>
      <c r="C17" s="191">
        <v>0</v>
      </c>
      <c r="D17" s="191">
        <v>0</v>
      </c>
      <c r="E17" s="196">
        <v>0</v>
      </c>
      <c r="F17" s="193">
        <v>0</v>
      </c>
      <c r="G17" s="191">
        <v>50</v>
      </c>
      <c r="H17" s="191">
        <v>64</v>
      </c>
      <c r="I17" s="191">
        <v>20</v>
      </c>
      <c r="J17" s="191">
        <v>11</v>
      </c>
      <c r="K17" s="191">
        <v>16</v>
      </c>
      <c r="L17" s="196">
        <v>161</v>
      </c>
      <c r="M17" s="195">
        <v>161</v>
      </c>
      <c r="N17" s="191">
        <v>0</v>
      </c>
      <c r="O17" s="191">
        <v>0</v>
      </c>
      <c r="P17" s="196">
        <v>0</v>
      </c>
      <c r="Q17" s="193">
        <v>0</v>
      </c>
      <c r="R17" s="191">
        <v>0</v>
      </c>
      <c r="S17" s="191">
        <v>0</v>
      </c>
      <c r="T17" s="191">
        <v>0</v>
      </c>
      <c r="U17" s="191">
        <v>0</v>
      </c>
      <c r="V17" s="191">
        <v>0</v>
      </c>
      <c r="W17" s="196">
        <v>0</v>
      </c>
      <c r="X17" s="195">
        <v>0</v>
      </c>
    </row>
    <row r="18" spans="2:24" ht="21" customHeight="1" x14ac:dyDescent="0.2">
      <c r="B18" s="106" t="s">
        <v>16</v>
      </c>
      <c r="C18" s="191">
        <v>0</v>
      </c>
      <c r="D18" s="191">
        <v>0</v>
      </c>
      <c r="E18" s="196">
        <v>0</v>
      </c>
      <c r="F18" s="193">
        <v>0</v>
      </c>
      <c r="G18" s="191">
        <v>67</v>
      </c>
      <c r="H18" s="191">
        <v>74</v>
      </c>
      <c r="I18" s="191">
        <v>61</v>
      </c>
      <c r="J18" s="191">
        <v>4</v>
      </c>
      <c r="K18" s="191">
        <v>0</v>
      </c>
      <c r="L18" s="196">
        <v>206</v>
      </c>
      <c r="M18" s="195">
        <v>206</v>
      </c>
      <c r="N18" s="191">
        <v>0</v>
      </c>
      <c r="O18" s="191">
        <v>0</v>
      </c>
      <c r="P18" s="196">
        <v>0</v>
      </c>
      <c r="Q18" s="193">
        <v>0</v>
      </c>
      <c r="R18" s="191">
        <v>4</v>
      </c>
      <c r="S18" s="191">
        <v>15</v>
      </c>
      <c r="T18" s="191">
        <v>0</v>
      </c>
      <c r="U18" s="191">
        <v>0</v>
      </c>
      <c r="V18" s="191">
        <v>0</v>
      </c>
      <c r="W18" s="196">
        <v>19</v>
      </c>
      <c r="X18" s="195">
        <v>19</v>
      </c>
    </row>
    <row r="19" spans="2:24" ht="21" customHeight="1" x14ac:dyDescent="0.2">
      <c r="B19" s="106" t="s">
        <v>17</v>
      </c>
      <c r="C19" s="191">
        <v>0</v>
      </c>
      <c r="D19" s="191">
        <v>0</v>
      </c>
      <c r="E19" s="196">
        <v>0</v>
      </c>
      <c r="F19" s="193">
        <v>0</v>
      </c>
      <c r="G19" s="191">
        <v>229</v>
      </c>
      <c r="H19" s="191">
        <v>151</v>
      </c>
      <c r="I19" s="191">
        <v>169</v>
      </c>
      <c r="J19" s="191">
        <v>11</v>
      </c>
      <c r="K19" s="191">
        <v>9</v>
      </c>
      <c r="L19" s="196">
        <v>569</v>
      </c>
      <c r="M19" s="195">
        <v>569</v>
      </c>
      <c r="N19" s="191">
        <v>0</v>
      </c>
      <c r="O19" s="191">
        <v>0</v>
      </c>
      <c r="P19" s="196">
        <v>0</v>
      </c>
      <c r="Q19" s="193">
        <v>0</v>
      </c>
      <c r="R19" s="191">
        <v>12</v>
      </c>
      <c r="S19" s="191">
        <v>19</v>
      </c>
      <c r="T19" s="191">
        <v>0</v>
      </c>
      <c r="U19" s="191">
        <v>0</v>
      </c>
      <c r="V19" s="191">
        <v>0</v>
      </c>
      <c r="W19" s="196">
        <v>31</v>
      </c>
      <c r="X19" s="195">
        <v>31</v>
      </c>
    </row>
    <row r="20" spans="2:24" ht="21" customHeight="1" x14ac:dyDescent="0.2">
      <c r="B20" s="106" t="s">
        <v>18</v>
      </c>
      <c r="C20" s="191">
        <v>0</v>
      </c>
      <c r="D20" s="191">
        <v>0</v>
      </c>
      <c r="E20" s="196">
        <v>0</v>
      </c>
      <c r="F20" s="193">
        <v>0</v>
      </c>
      <c r="G20" s="191">
        <v>184</v>
      </c>
      <c r="H20" s="191">
        <v>99</v>
      </c>
      <c r="I20" s="191">
        <v>44</v>
      </c>
      <c r="J20" s="191">
        <v>17</v>
      </c>
      <c r="K20" s="191">
        <v>0</v>
      </c>
      <c r="L20" s="196">
        <v>344</v>
      </c>
      <c r="M20" s="195">
        <v>344</v>
      </c>
      <c r="N20" s="191">
        <v>0</v>
      </c>
      <c r="O20" s="191">
        <v>0</v>
      </c>
      <c r="P20" s="196">
        <v>0</v>
      </c>
      <c r="Q20" s="193">
        <v>0</v>
      </c>
      <c r="R20" s="191">
        <v>0</v>
      </c>
      <c r="S20" s="191">
        <v>0</v>
      </c>
      <c r="T20" s="191">
        <v>0</v>
      </c>
      <c r="U20" s="191">
        <v>6</v>
      </c>
      <c r="V20" s="191">
        <v>0</v>
      </c>
      <c r="W20" s="196">
        <v>6</v>
      </c>
      <c r="X20" s="195">
        <v>6</v>
      </c>
    </row>
    <row r="21" spans="2:24" ht="21" customHeight="1" x14ac:dyDescent="0.2">
      <c r="B21" s="106" t="s">
        <v>19</v>
      </c>
      <c r="C21" s="191">
        <v>0</v>
      </c>
      <c r="D21" s="191">
        <v>0</v>
      </c>
      <c r="E21" s="196">
        <v>0</v>
      </c>
      <c r="F21" s="193">
        <v>0</v>
      </c>
      <c r="G21" s="191">
        <v>68</v>
      </c>
      <c r="H21" s="191">
        <v>41</v>
      </c>
      <c r="I21" s="191">
        <v>3</v>
      </c>
      <c r="J21" s="191">
        <v>44</v>
      </c>
      <c r="K21" s="191">
        <v>0</v>
      </c>
      <c r="L21" s="196">
        <v>156</v>
      </c>
      <c r="M21" s="195">
        <v>156</v>
      </c>
      <c r="N21" s="191">
        <v>4</v>
      </c>
      <c r="O21" s="191">
        <v>0</v>
      </c>
      <c r="P21" s="196">
        <v>4</v>
      </c>
      <c r="Q21" s="193">
        <v>0</v>
      </c>
      <c r="R21" s="191">
        <v>5</v>
      </c>
      <c r="S21" s="191">
        <v>15</v>
      </c>
      <c r="T21" s="191">
        <v>0</v>
      </c>
      <c r="U21" s="191">
        <v>0</v>
      </c>
      <c r="V21" s="191">
        <v>0</v>
      </c>
      <c r="W21" s="196">
        <v>20</v>
      </c>
      <c r="X21" s="195">
        <v>24</v>
      </c>
    </row>
    <row r="22" spans="2:24" ht="21" customHeight="1" x14ac:dyDescent="0.2">
      <c r="B22" s="106" t="s">
        <v>20</v>
      </c>
      <c r="C22" s="191">
        <v>0</v>
      </c>
      <c r="D22" s="191">
        <v>0</v>
      </c>
      <c r="E22" s="196">
        <v>0</v>
      </c>
      <c r="F22" s="193">
        <v>0</v>
      </c>
      <c r="G22" s="191">
        <v>75</v>
      </c>
      <c r="H22" s="191">
        <v>55</v>
      </c>
      <c r="I22" s="191">
        <v>7</v>
      </c>
      <c r="J22" s="191">
        <v>0</v>
      </c>
      <c r="K22" s="191">
        <v>0</v>
      </c>
      <c r="L22" s="196">
        <v>137</v>
      </c>
      <c r="M22" s="195">
        <v>137</v>
      </c>
      <c r="N22" s="191">
        <v>0</v>
      </c>
      <c r="O22" s="191">
        <v>0</v>
      </c>
      <c r="P22" s="196">
        <v>0</v>
      </c>
      <c r="Q22" s="193">
        <v>0</v>
      </c>
      <c r="R22" s="191">
        <v>0</v>
      </c>
      <c r="S22" s="191">
        <v>0</v>
      </c>
      <c r="T22" s="191">
        <v>7</v>
      </c>
      <c r="U22" s="191">
        <v>0</v>
      </c>
      <c r="V22" s="191">
        <v>0</v>
      </c>
      <c r="W22" s="196">
        <v>7</v>
      </c>
      <c r="X22" s="195">
        <v>7</v>
      </c>
    </row>
    <row r="23" spans="2:24" ht="21" customHeight="1" x14ac:dyDescent="0.2">
      <c r="B23" s="106" t="s">
        <v>21</v>
      </c>
      <c r="C23" s="191">
        <v>0</v>
      </c>
      <c r="D23" s="191">
        <v>0</v>
      </c>
      <c r="E23" s="196">
        <v>0</v>
      </c>
      <c r="F23" s="193">
        <v>0</v>
      </c>
      <c r="G23" s="191">
        <v>107</v>
      </c>
      <c r="H23" s="191">
        <v>69</v>
      </c>
      <c r="I23" s="191">
        <v>8</v>
      </c>
      <c r="J23" s="191">
        <v>9</v>
      </c>
      <c r="K23" s="191">
        <v>0</v>
      </c>
      <c r="L23" s="196">
        <v>193</v>
      </c>
      <c r="M23" s="195">
        <v>193</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50</v>
      </c>
      <c r="H24" s="191">
        <v>60</v>
      </c>
      <c r="I24" s="191">
        <v>0</v>
      </c>
      <c r="J24" s="191">
        <v>7</v>
      </c>
      <c r="K24" s="191">
        <v>0</v>
      </c>
      <c r="L24" s="196">
        <v>117</v>
      </c>
      <c r="M24" s="195">
        <v>117</v>
      </c>
      <c r="N24" s="191">
        <v>0</v>
      </c>
      <c r="O24" s="191">
        <v>0</v>
      </c>
      <c r="P24" s="196">
        <v>0</v>
      </c>
      <c r="Q24" s="193">
        <v>0</v>
      </c>
      <c r="R24" s="191">
        <v>0</v>
      </c>
      <c r="S24" s="191">
        <v>0</v>
      </c>
      <c r="T24" s="191">
        <v>0</v>
      </c>
      <c r="U24" s="191">
        <v>0</v>
      </c>
      <c r="V24" s="191">
        <v>0</v>
      </c>
      <c r="W24" s="196">
        <v>0</v>
      </c>
      <c r="X24" s="195">
        <v>0</v>
      </c>
    </row>
    <row r="25" spans="2:24" ht="21" customHeight="1" x14ac:dyDescent="0.2">
      <c r="B25" s="106" t="s">
        <v>23</v>
      </c>
      <c r="C25" s="191">
        <v>0</v>
      </c>
      <c r="D25" s="191">
        <v>0</v>
      </c>
      <c r="E25" s="196">
        <v>0</v>
      </c>
      <c r="F25" s="193">
        <v>0</v>
      </c>
      <c r="G25" s="191">
        <v>16</v>
      </c>
      <c r="H25" s="191">
        <v>21</v>
      </c>
      <c r="I25" s="191">
        <v>13</v>
      </c>
      <c r="J25" s="191">
        <v>0</v>
      </c>
      <c r="K25" s="191">
        <v>0</v>
      </c>
      <c r="L25" s="196">
        <v>50</v>
      </c>
      <c r="M25" s="195">
        <v>50</v>
      </c>
      <c r="N25" s="191">
        <v>0</v>
      </c>
      <c r="O25" s="191">
        <v>0</v>
      </c>
      <c r="P25" s="196">
        <v>0</v>
      </c>
      <c r="Q25" s="193">
        <v>0</v>
      </c>
      <c r="R25" s="191">
        <v>0</v>
      </c>
      <c r="S25" s="191">
        <v>0</v>
      </c>
      <c r="T25" s="191">
        <v>0</v>
      </c>
      <c r="U25" s="191">
        <v>0</v>
      </c>
      <c r="V25" s="191">
        <v>0</v>
      </c>
      <c r="W25" s="196">
        <v>0</v>
      </c>
      <c r="X25" s="195">
        <v>0</v>
      </c>
    </row>
    <row r="26" spans="2:24" ht="21" customHeight="1" x14ac:dyDescent="0.2">
      <c r="B26" s="106" t="s">
        <v>24</v>
      </c>
      <c r="C26" s="191">
        <v>0</v>
      </c>
      <c r="D26" s="191">
        <v>0</v>
      </c>
      <c r="E26" s="196">
        <v>0</v>
      </c>
      <c r="F26" s="193">
        <v>0</v>
      </c>
      <c r="G26" s="191">
        <v>0</v>
      </c>
      <c r="H26" s="191">
        <v>2</v>
      </c>
      <c r="I26" s="191">
        <v>0</v>
      </c>
      <c r="J26" s="191">
        <v>19</v>
      </c>
      <c r="K26" s="191">
        <v>0</v>
      </c>
      <c r="L26" s="196">
        <v>21</v>
      </c>
      <c r="M26" s="195">
        <v>21</v>
      </c>
      <c r="N26" s="191">
        <v>0</v>
      </c>
      <c r="O26" s="191">
        <v>0</v>
      </c>
      <c r="P26" s="196">
        <v>0</v>
      </c>
      <c r="Q26" s="193">
        <v>0</v>
      </c>
      <c r="R26" s="191">
        <v>0</v>
      </c>
      <c r="S26" s="191">
        <v>0</v>
      </c>
      <c r="T26" s="191">
        <v>0</v>
      </c>
      <c r="U26" s="191">
        <v>0</v>
      </c>
      <c r="V26" s="191">
        <v>2</v>
      </c>
      <c r="W26" s="196">
        <v>2</v>
      </c>
      <c r="X26" s="195">
        <v>2</v>
      </c>
    </row>
    <row r="27" spans="2:24" ht="21" customHeight="1" x14ac:dyDescent="0.2">
      <c r="B27" s="106" t="s">
        <v>25</v>
      </c>
      <c r="C27" s="191">
        <v>0</v>
      </c>
      <c r="D27" s="191">
        <v>0</v>
      </c>
      <c r="E27" s="196">
        <v>0</v>
      </c>
      <c r="F27" s="193">
        <v>0</v>
      </c>
      <c r="G27" s="191">
        <v>27</v>
      </c>
      <c r="H27" s="191">
        <v>13</v>
      </c>
      <c r="I27" s="191">
        <v>7</v>
      </c>
      <c r="J27" s="191">
        <v>0</v>
      </c>
      <c r="K27" s="191">
        <v>0</v>
      </c>
      <c r="L27" s="196">
        <v>47</v>
      </c>
      <c r="M27" s="195">
        <v>47</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9</v>
      </c>
      <c r="H28" s="191">
        <v>27</v>
      </c>
      <c r="I28" s="191">
        <v>18</v>
      </c>
      <c r="J28" s="191">
        <v>0</v>
      </c>
      <c r="K28" s="191">
        <v>0</v>
      </c>
      <c r="L28" s="196">
        <v>54</v>
      </c>
      <c r="M28" s="195">
        <v>54</v>
      </c>
      <c r="N28" s="191">
        <v>0</v>
      </c>
      <c r="O28" s="191">
        <v>0</v>
      </c>
      <c r="P28" s="196">
        <v>0</v>
      </c>
      <c r="Q28" s="193">
        <v>0</v>
      </c>
      <c r="R28" s="191">
        <v>0</v>
      </c>
      <c r="S28" s="191">
        <v>0</v>
      </c>
      <c r="T28" s="191">
        <v>0</v>
      </c>
      <c r="U28" s="191">
        <v>0</v>
      </c>
      <c r="V28" s="191">
        <v>0</v>
      </c>
      <c r="W28" s="196">
        <v>0</v>
      </c>
      <c r="X28" s="195">
        <v>0</v>
      </c>
    </row>
    <row r="29" spans="2:24" ht="21" customHeight="1" x14ac:dyDescent="0.2">
      <c r="B29" s="106" t="s">
        <v>27</v>
      </c>
      <c r="C29" s="191">
        <v>0</v>
      </c>
      <c r="D29" s="191">
        <v>0</v>
      </c>
      <c r="E29" s="196">
        <v>0</v>
      </c>
      <c r="F29" s="193">
        <v>0</v>
      </c>
      <c r="G29" s="191">
        <v>35</v>
      </c>
      <c r="H29" s="191">
        <v>11</v>
      </c>
      <c r="I29" s="191">
        <v>5</v>
      </c>
      <c r="J29" s="191">
        <v>0</v>
      </c>
      <c r="K29" s="191">
        <v>0</v>
      </c>
      <c r="L29" s="196">
        <v>51</v>
      </c>
      <c r="M29" s="195">
        <v>51</v>
      </c>
      <c r="N29" s="191">
        <v>0</v>
      </c>
      <c r="O29" s="191">
        <v>0</v>
      </c>
      <c r="P29" s="196">
        <v>0</v>
      </c>
      <c r="Q29" s="193">
        <v>0</v>
      </c>
      <c r="R29" s="191">
        <v>0</v>
      </c>
      <c r="S29" s="191">
        <v>5</v>
      </c>
      <c r="T29" s="191">
        <v>9</v>
      </c>
      <c r="U29" s="191">
        <v>0</v>
      </c>
      <c r="V29" s="191">
        <v>0</v>
      </c>
      <c r="W29" s="196">
        <v>14</v>
      </c>
      <c r="X29" s="195">
        <v>14</v>
      </c>
    </row>
    <row r="30" spans="2:24" ht="21" customHeight="1" x14ac:dyDescent="0.2">
      <c r="B30" s="106" t="s">
        <v>28</v>
      </c>
      <c r="C30" s="191">
        <v>0</v>
      </c>
      <c r="D30" s="191">
        <v>0</v>
      </c>
      <c r="E30" s="196">
        <v>0</v>
      </c>
      <c r="F30" s="193">
        <v>0</v>
      </c>
      <c r="G30" s="191">
        <v>43</v>
      </c>
      <c r="H30" s="191">
        <v>9</v>
      </c>
      <c r="I30" s="191">
        <v>0</v>
      </c>
      <c r="J30" s="191">
        <v>0</v>
      </c>
      <c r="K30" s="191">
        <v>0</v>
      </c>
      <c r="L30" s="196">
        <v>52</v>
      </c>
      <c r="M30" s="195">
        <v>52</v>
      </c>
      <c r="N30" s="191">
        <v>0</v>
      </c>
      <c r="O30" s="191">
        <v>0</v>
      </c>
      <c r="P30" s="196">
        <v>0</v>
      </c>
      <c r="Q30" s="193">
        <v>0</v>
      </c>
      <c r="R30" s="191">
        <v>0</v>
      </c>
      <c r="S30" s="191">
        <v>0</v>
      </c>
      <c r="T30" s="191">
        <v>0</v>
      </c>
      <c r="U30" s="191">
        <v>0</v>
      </c>
      <c r="V30" s="191">
        <v>0</v>
      </c>
      <c r="W30" s="196">
        <v>0</v>
      </c>
      <c r="X30" s="195">
        <v>0</v>
      </c>
    </row>
    <row r="31" spans="2:24" ht="21" customHeight="1" x14ac:dyDescent="0.2">
      <c r="B31" s="106" t="s">
        <v>29</v>
      </c>
      <c r="C31" s="191">
        <v>0</v>
      </c>
      <c r="D31" s="191">
        <v>0</v>
      </c>
      <c r="E31" s="196">
        <v>0</v>
      </c>
      <c r="F31" s="193">
        <v>0</v>
      </c>
      <c r="G31" s="191">
        <v>6</v>
      </c>
      <c r="H31" s="191">
        <v>0</v>
      </c>
      <c r="I31" s="191">
        <v>12</v>
      </c>
      <c r="J31" s="191">
        <v>0</v>
      </c>
      <c r="K31" s="191">
        <v>0</v>
      </c>
      <c r="L31" s="196">
        <v>18</v>
      </c>
      <c r="M31" s="195">
        <v>18</v>
      </c>
      <c r="N31" s="191">
        <v>0</v>
      </c>
      <c r="O31" s="191">
        <v>0</v>
      </c>
      <c r="P31" s="196">
        <v>0</v>
      </c>
      <c r="Q31" s="193">
        <v>0</v>
      </c>
      <c r="R31" s="191">
        <v>0</v>
      </c>
      <c r="S31" s="191">
        <v>0</v>
      </c>
      <c r="T31" s="191">
        <v>0</v>
      </c>
      <c r="U31" s="191">
        <v>0</v>
      </c>
      <c r="V31" s="191">
        <v>0</v>
      </c>
      <c r="W31" s="196">
        <v>0</v>
      </c>
      <c r="X31" s="195">
        <v>0</v>
      </c>
    </row>
    <row r="32" spans="2:24" ht="21" customHeight="1" x14ac:dyDescent="0.2">
      <c r="B32" s="106" t="s">
        <v>30</v>
      </c>
      <c r="C32" s="191">
        <v>0</v>
      </c>
      <c r="D32" s="191">
        <v>0</v>
      </c>
      <c r="E32" s="196">
        <v>0</v>
      </c>
      <c r="F32" s="193">
        <v>0</v>
      </c>
      <c r="G32" s="191">
        <v>0</v>
      </c>
      <c r="H32" s="191">
        <v>0</v>
      </c>
      <c r="I32" s="191">
        <v>0</v>
      </c>
      <c r="J32" s="191">
        <v>18</v>
      </c>
      <c r="K32" s="191">
        <v>0</v>
      </c>
      <c r="L32" s="196">
        <v>18</v>
      </c>
      <c r="M32" s="195">
        <v>18</v>
      </c>
      <c r="N32" s="191">
        <v>0</v>
      </c>
      <c r="O32" s="191">
        <v>0</v>
      </c>
      <c r="P32" s="196">
        <v>0</v>
      </c>
      <c r="Q32" s="193">
        <v>0</v>
      </c>
      <c r="R32" s="191">
        <v>0</v>
      </c>
      <c r="S32" s="191">
        <v>4</v>
      </c>
      <c r="T32" s="191">
        <v>0</v>
      </c>
      <c r="U32" s="191">
        <v>0</v>
      </c>
      <c r="V32" s="191">
        <v>0</v>
      </c>
      <c r="W32" s="196">
        <v>4</v>
      </c>
      <c r="X32" s="195">
        <v>4</v>
      </c>
    </row>
    <row r="33" spans="2:24" ht="21" customHeight="1" x14ac:dyDescent="0.2">
      <c r="B33" s="106" t="s">
        <v>31</v>
      </c>
      <c r="C33" s="191">
        <v>0</v>
      </c>
      <c r="D33" s="191">
        <v>0</v>
      </c>
      <c r="E33" s="196">
        <v>0</v>
      </c>
      <c r="F33" s="193">
        <v>0</v>
      </c>
      <c r="G33" s="191">
        <v>8</v>
      </c>
      <c r="H33" s="191">
        <v>3</v>
      </c>
      <c r="I33" s="191">
        <v>0</v>
      </c>
      <c r="J33" s="191">
        <v>0</v>
      </c>
      <c r="K33" s="191">
        <v>0</v>
      </c>
      <c r="L33" s="196">
        <v>11</v>
      </c>
      <c r="M33" s="195">
        <v>11</v>
      </c>
      <c r="N33" s="191">
        <v>0</v>
      </c>
      <c r="O33" s="191">
        <v>0</v>
      </c>
      <c r="P33" s="196">
        <v>0</v>
      </c>
      <c r="Q33" s="193">
        <v>0</v>
      </c>
      <c r="R33" s="191">
        <v>0</v>
      </c>
      <c r="S33" s="191">
        <v>0</v>
      </c>
      <c r="T33" s="191">
        <v>0</v>
      </c>
      <c r="U33" s="191">
        <v>0</v>
      </c>
      <c r="V33" s="191">
        <v>0</v>
      </c>
      <c r="W33" s="196">
        <v>0</v>
      </c>
      <c r="X33" s="195">
        <v>0</v>
      </c>
    </row>
    <row r="34" spans="2:24" ht="21" customHeight="1" x14ac:dyDescent="0.2">
      <c r="B34" s="106" t="s">
        <v>32</v>
      </c>
      <c r="C34" s="191">
        <v>0</v>
      </c>
      <c r="D34" s="191">
        <v>0</v>
      </c>
      <c r="E34" s="196">
        <v>0</v>
      </c>
      <c r="F34" s="193">
        <v>0</v>
      </c>
      <c r="G34" s="191">
        <v>28</v>
      </c>
      <c r="H34" s="191">
        <v>3</v>
      </c>
      <c r="I34" s="191">
        <v>0</v>
      </c>
      <c r="J34" s="191">
        <v>0</v>
      </c>
      <c r="K34" s="191">
        <v>0</v>
      </c>
      <c r="L34" s="196">
        <v>31</v>
      </c>
      <c r="M34" s="195">
        <v>31</v>
      </c>
      <c r="N34" s="191">
        <v>0</v>
      </c>
      <c r="O34" s="191">
        <v>0</v>
      </c>
      <c r="P34" s="196">
        <v>0</v>
      </c>
      <c r="Q34" s="193">
        <v>0</v>
      </c>
      <c r="R34" s="191">
        <v>13</v>
      </c>
      <c r="S34" s="191">
        <v>0</v>
      </c>
      <c r="T34" s="191">
        <v>25</v>
      </c>
      <c r="U34" s="191">
        <v>0</v>
      </c>
      <c r="V34" s="191">
        <v>0</v>
      </c>
      <c r="W34" s="196">
        <v>38</v>
      </c>
      <c r="X34" s="195">
        <v>38</v>
      </c>
    </row>
    <row r="35" spans="2:24" ht="21" customHeight="1" x14ac:dyDescent="0.2">
      <c r="B35" s="106" t="s">
        <v>33</v>
      </c>
      <c r="C35" s="191">
        <v>0</v>
      </c>
      <c r="D35" s="191">
        <v>0</v>
      </c>
      <c r="E35" s="196">
        <v>0</v>
      </c>
      <c r="F35" s="193">
        <v>0</v>
      </c>
      <c r="G35" s="191">
        <v>0</v>
      </c>
      <c r="H35" s="191">
        <v>0</v>
      </c>
      <c r="I35" s="191">
        <v>8</v>
      </c>
      <c r="J35" s="191">
        <v>14</v>
      </c>
      <c r="K35" s="191">
        <v>0</v>
      </c>
      <c r="L35" s="196">
        <v>22</v>
      </c>
      <c r="M35" s="195">
        <v>22</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8</v>
      </c>
      <c r="H36" s="191">
        <v>0</v>
      </c>
      <c r="I36" s="191">
        <v>0</v>
      </c>
      <c r="J36" s="191">
        <v>0</v>
      </c>
      <c r="K36" s="191">
        <v>0</v>
      </c>
      <c r="L36" s="196">
        <v>8</v>
      </c>
      <c r="M36" s="195">
        <v>8</v>
      </c>
      <c r="N36" s="191">
        <v>0</v>
      </c>
      <c r="O36" s="191">
        <v>0</v>
      </c>
      <c r="P36" s="196">
        <v>0</v>
      </c>
      <c r="Q36" s="193">
        <v>0</v>
      </c>
      <c r="R36" s="191">
        <v>0</v>
      </c>
      <c r="S36" s="191">
        <v>0</v>
      </c>
      <c r="T36" s="191">
        <v>0</v>
      </c>
      <c r="U36" s="191">
        <v>0</v>
      </c>
      <c r="V36" s="191">
        <v>0</v>
      </c>
      <c r="W36" s="196">
        <v>0</v>
      </c>
      <c r="X36" s="195">
        <v>0</v>
      </c>
    </row>
    <row r="37" spans="2:24" ht="21" customHeight="1" x14ac:dyDescent="0.2">
      <c r="B37" s="106" t="s">
        <v>35</v>
      </c>
      <c r="C37" s="191">
        <v>0</v>
      </c>
      <c r="D37" s="191">
        <v>0</v>
      </c>
      <c r="E37" s="196">
        <v>0</v>
      </c>
      <c r="F37" s="193">
        <v>0</v>
      </c>
      <c r="G37" s="191">
        <v>5</v>
      </c>
      <c r="H37" s="191">
        <v>0</v>
      </c>
      <c r="I37" s="191">
        <v>0</v>
      </c>
      <c r="J37" s="191">
        <v>0</v>
      </c>
      <c r="K37" s="191">
        <v>0</v>
      </c>
      <c r="L37" s="196">
        <v>5</v>
      </c>
      <c r="M37" s="195">
        <v>5</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4</v>
      </c>
      <c r="H38" s="191">
        <v>1</v>
      </c>
      <c r="I38" s="191">
        <v>0</v>
      </c>
      <c r="J38" s="191">
        <v>0</v>
      </c>
      <c r="K38" s="191">
        <v>0</v>
      </c>
      <c r="L38" s="196">
        <v>5</v>
      </c>
      <c r="M38" s="195">
        <v>5</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0</v>
      </c>
      <c r="H39" s="198">
        <v>0</v>
      </c>
      <c r="I39" s="198">
        <v>0</v>
      </c>
      <c r="J39" s="198">
        <v>0</v>
      </c>
      <c r="K39" s="198">
        <v>16</v>
      </c>
      <c r="L39" s="203">
        <v>16</v>
      </c>
      <c r="M39" s="202">
        <v>16</v>
      </c>
      <c r="N39" s="198">
        <v>0</v>
      </c>
      <c r="O39" s="198">
        <v>0</v>
      </c>
      <c r="P39" s="203">
        <v>0</v>
      </c>
      <c r="Q39" s="200">
        <v>0</v>
      </c>
      <c r="R39" s="198">
        <v>0</v>
      </c>
      <c r="S39" s="198">
        <v>0</v>
      </c>
      <c r="T39" s="198">
        <v>0</v>
      </c>
      <c r="U39" s="198">
        <v>0</v>
      </c>
      <c r="V39" s="198">
        <v>0</v>
      </c>
      <c r="W39" s="203">
        <v>0</v>
      </c>
      <c r="X39" s="202">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3" width="9" style="71" customWidth="1"/>
    <col min="4" max="4" width="8.109375" style="71" customWidth="1"/>
    <col min="5" max="5" width="10.109375" style="71" bestFit="1" customWidth="1"/>
    <col min="6" max="6" width="9" style="71"/>
    <col min="7" max="8" width="9" style="71" customWidth="1"/>
    <col min="9" max="9" width="9" style="71"/>
    <col min="10" max="10" width="9.6640625" style="71" bestFit="1" customWidth="1"/>
    <col min="11" max="11" width="9" style="71"/>
    <col min="12" max="12" width="9.6640625" style="71" customWidth="1"/>
    <col min="13" max="15" width="8.109375" style="71" customWidth="1"/>
    <col min="16" max="21" width="9.21875" style="71" customWidth="1"/>
    <col min="22" max="22" width="7.77734375" style="71" customWidth="1"/>
    <col min="23" max="25" width="8.33203125" style="71" customWidth="1"/>
    <col min="26" max="30" width="8.44140625" style="71" customWidth="1"/>
    <col min="31" max="32" width="7.109375" style="71" customWidth="1"/>
    <col min="33" max="42" width="8.77734375" style="71" customWidth="1"/>
    <col min="43" max="52" width="8.44140625" style="71" customWidth="1"/>
    <col min="53" max="132" width="9.6640625" style="71" customWidth="1"/>
    <col min="133" max="16384" width="9" style="71"/>
  </cols>
  <sheetData>
    <row r="1" spans="2:133" ht="24" customHeight="1" x14ac:dyDescent="0.2">
      <c r="B1" s="10" t="s">
        <v>56</v>
      </c>
      <c r="F1" s="441">
        <f>第１表!F2</f>
        <v>6</v>
      </c>
      <c r="G1" s="441"/>
      <c r="H1" s="18">
        <f>第１表!G2</f>
        <v>9</v>
      </c>
      <c r="I1" s="445">
        <f>IF(H1&lt;3,H1-2+12,H1-2)</f>
        <v>7</v>
      </c>
      <c r="J1" s="445"/>
    </row>
    <row r="2" spans="2:133" ht="24" customHeight="1" thickBot="1" x14ac:dyDescent="0.25"/>
    <row r="3" spans="2:133" ht="21" customHeight="1" thickBot="1" x14ac:dyDescent="0.25">
      <c r="B3" s="522"/>
      <c r="C3" s="519" t="s">
        <v>57</v>
      </c>
      <c r="D3" s="520"/>
      <c r="E3" s="520"/>
      <c r="F3" s="520"/>
      <c r="G3" s="520"/>
      <c r="H3" s="520"/>
      <c r="I3" s="520"/>
      <c r="J3" s="520"/>
      <c r="K3" s="520"/>
      <c r="L3" s="520"/>
      <c r="M3" s="520"/>
      <c r="N3" s="520"/>
      <c r="O3" s="520"/>
      <c r="P3" s="520"/>
      <c r="Q3" s="520"/>
      <c r="R3" s="520"/>
      <c r="S3" s="520"/>
      <c r="T3" s="520"/>
      <c r="U3" s="520"/>
      <c r="V3" s="520"/>
      <c r="W3" s="520"/>
      <c r="X3" s="520"/>
      <c r="Y3" s="520"/>
      <c r="Z3" s="520"/>
      <c r="AA3" s="520"/>
      <c r="AB3" s="520"/>
      <c r="AC3" s="520"/>
      <c r="AD3" s="520"/>
      <c r="AE3" s="520"/>
      <c r="AF3" s="521"/>
      <c r="AG3" s="519" t="s">
        <v>58</v>
      </c>
      <c r="AH3" s="525"/>
      <c r="AI3" s="525"/>
      <c r="AJ3" s="525"/>
      <c r="AK3" s="525"/>
      <c r="AL3" s="525"/>
      <c r="AM3" s="525"/>
      <c r="AN3" s="525"/>
      <c r="AO3" s="525"/>
      <c r="AP3" s="525"/>
      <c r="AQ3" s="525"/>
      <c r="AR3" s="525"/>
      <c r="AS3" s="525"/>
      <c r="AT3" s="525"/>
      <c r="AU3" s="525"/>
      <c r="AV3" s="525"/>
      <c r="AW3" s="525"/>
      <c r="AX3" s="525"/>
      <c r="AY3" s="525"/>
      <c r="AZ3" s="525"/>
      <c r="BA3" s="525"/>
      <c r="BB3" s="525"/>
      <c r="BC3" s="525"/>
      <c r="BD3" s="525"/>
      <c r="BE3" s="525"/>
      <c r="BF3" s="525"/>
      <c r="BG3" s="525"/>
      <c r="BH3" s="525"/>
      <c r="BI3" s="525"/>
      <c r="BJ3" s="526"/>
      <c r="BK3" s="519" t="s">
        <v>59</v>
      </c>
      <c r="BL3" s="520"/>
      <c r="BM3" s="520"/>
      <c r="BN3" s="520"/>
      <c r="BO3" s="520"/>
      <c r="BP3" s="520"/>
      <c r="BQ3" s="520"/>
      <c r="BR3" s="520"/>
      <c r="BS3" s="520"/>
      <c r="BT3" s="520"/>
      <c r="BU3" s="520"/>
      <c r="BV3" s="520"/>
      <c r="BW3" s="520"/>
      <c r="BX3" s="520"/>
      <c r="BY3" s="520"/>
      <c r="BZ3" s="520"/>
      <c r="CA3" s="520"/>
      <c r="CB3" s="520"/>
      <c r="CC3" s="520"/>
      <c r="CD3" s="520"/>
      <c r="CE3" s="520"/>
      <c r="CF3" s="520"/>
      <c r="CG3" s="520"/>
      <c r="CH3" s="520"/>
      <c r="CI3" s="520"/>
      <c r="CJ3" s="520"/>
      <c r="CK3" s="520"/>
      <c r="CL3" s="520"/>
      <c r="CM3" s="520"/>
      <c r="CN3" s="521"/>
      <c r="CO3" s="519" t="s">
        <v>148</v>
      </c>
      <c r="CP3" s="520"/>
      <c r="CQ3" s="520"/>
      <c r="CR3" s="520"/>
      <c r="CS3" s="520"/>
      <c r="CT3" s="520"/>
      <c r="CU3" s="520"/>
      <c r="CV3" s="520"/>
      <c r="CW3" s="520"/>
      <c r="CX3" s="520"/>
      <c r="CY3" s="520"/>
      <c r="CZ3" s="520"/>
      <c r="DA3" s="520"/>
      <c r="DB3" s="520"/>
      <c r="DC3" s="520"/>
      <c r="DD3" s="520"/>
      <c r="DE3" s="520"/>
      <c r="DF3" s="520"/>
      <c r="DG3" s="520"/>
      <c r="DH3" s="520"/>
      <c r="DI3" s="520"/>
      <c r="DJ3" s="520"/>
      <c r="DK3" s="520"/>
      <c r="DL3" s="520"/>
      <c r="DM3" s="520"/>
      <c r="DN3" s="520"/>
      <c r="DO3" s="520"/>
      <c r="DP3" s="520"/>
      <c r="DQ3" s="520"/>
      <c r="DR3" s="521"/>
      <c r="DS3" s="427" t="s">
        <v>60</v>
      </c>
      <c r="DT3" s="428"/>
      <c r="DU3" s="428"/>
      <c r="DV3" s="428"/>
      <c r="DW3" s="428"/>
      <c r="DX3" s="428"/>
      <c r="DY3" s="428"/>
      <c r="DZ3" s="428"/>
      <c r="EA3" s="428"/>
      <c r="EB3" s="429"/>
    </row>
    <row r="4" spans="2:133" ht="21" customHeight="1" thickBot="1" x14ac:dyDescent="0.25">
      <c r="B4" s="523"/>
      <c r="C4" s="433"/>
      <c r="D4" s="434"/>
      <c r="E4" s="434"/>
      <c r="F4" s="434"/>
      <c r="G4" s="434"/>
      <c r="H4" s="434"/>
      <c r="I4" s="434"/>
      <c r="J4" s="434"/>
      <c r="K4" s="434"/>
      <c r="L4" s="434"/>
      <c r="M4" s="436" t="s">
        <v>39</v>
      </c>
      <c r="N4" s="437"/>
      <c r="O4" s="437"/>
      <c r="P4" s="437"/>
      <c r="Q4" s="437"/>
      <c r="R4" s="437"/>
      <c r="S4" s="437"/>
      <c r="T4" s="437"/>
      <c r="U4" s="437"/>
      <c r="V4" s="438"/>
      <c r="W4" s="436" t="s">
        <v>40</v>
      </c>
      <c r="X4" s="437"/>
      <c r="Y4" s="437"/>
      <c r="Z4" s="437"/>
      <c r="AA4" s="437"/>
      <c r="AB4" s="437"/>
      <c r="AC4" s="437"/>
      <c r="AD4" s="437"/>
      <c r="AE4" s="437"/>
      <c r="AF4" s="438"/>
      <c r="AG4" s="433"/>
      <c r="AH4" s="434"/>
      <c r="AI4" s="434"/>
      <c r="AJ4" s="434"/>
      <c r="AK4" s="434"/>
      <c r="AL4" s="434"/>
      <c r="AM4" s="434"/>
      <c r="AN4" s="434"/>
      <c r="AO4" s="434"/>
      <c r="AP4" s="434"/>
      <c r="AQ4" s="436" t="s">
        <v>39</v>
      </c>
      <c r="AR4" s="437"/>
      <c r="AS4" s="437"/>
      <c r="AT4" s="437"/>
      <c r="AU4" s="437"/>
      <c r="AV4" s="437"/>
      <c r="AW4" s="437"/>
      <c r="AX4" s="437"/>
      <c r="AY4" s="437"/>
      <c r="AZ4" s="438"/>
      <c r="BA4" s="436" t="s">
        <v>40</v>
      </c>
      <c r="BB4" s="437"/>
      <c r="BC4" s="437"/>
      <c r="BD4" s="437"/>
      <c r="BE4" s="437"/>
      <c r="BF4" s="437"/>
      <c r="BG4" s="437"/>
      <c r="BH4" s="437"/>
      <c r="BI4" s="437"/>
      <c r="BJ4" s="438"/>
      <c r="BK4" s="433"/>
      <c r="BL4" s="434"/>
      <c r="BM4" s="434"/>
      <c r="BN4" s="434"/>
      <c r="BO4" s="434"/>
      <c r="BP4" s="434"/>
      <c r="BQ4" s="434"/>
      <c r="BR4" s="434"/>
      <c r="BS4" s="434"/>
      <c r="BT4" s="434"/>
      <c r="BU4" s="436" t="s">
        <v>39</v>
      </c>
      <c r="BV4" s="437"/>
      <c r="BW4" s="437"/>
      <c r="BX4" s="437"/>
      <c r="BY4" s="437"/>
      <c r="BZ4" s="437"/>
      <c r="CA4" s="437"/>
      <c r="CB4" s="437"/>
      <c r="CC4" s="437"/>
      <c r="CD4" s="438"/>
      <c r="CE4" s="436" t="s">
        <v>40</v>
      </c>
      <c r="CF4" s="437"/>
      <c r="CG4" s="437"/>
      <c r="CH4" s="437"/>
      <c r="CI4" s="437"/>
      <c r="CJ4" s="437"/>
      <c r="CK4" s="437"/>
      <c r="CL4" s="437"/>
      <c r="CM4" s="437"/>
      <c r="CN4" s="438"/>
      <c r="CO4" s="433"/>
      <c r="CP4" s="434"/>
      <c r="CQ4" s="434"/>
      <c r="CR4" s="434"/>
      <c r="CS4" s="434"/>
      <c r="CT4" s="434"/>
      <c r="CU4" s="434"/>
      <c r="CV4" s="434"/>
      <c r="CW4" s="434"/>
      <c r="CX4" s="434"/>
      <c r="CY4" s="436" t="s">
        <v>39</v>
      </c>
      <c r="CZ4" s="437"/>
      <c r="DA4" s="437"/>
      <c r="DB4" s="437"/>
      <c r="DC4" s="437"/>
      <c r="DD4" s="437"/>
      <c r="DE4" s="437"/>
      <c r="DF4" s="437"/>
      <c r="DG4" s="437"/>
      <c r="DH4" s="438"/>
      <c r="DI4" s="436" t="s">
        <v>40</v>
      </c>
      <c r="DJ4" s="437"/>
      <c r="DK4" s="437"/>
      <c r="DL4" s="437"/>
      <c r="DM4" s="437"/>
      <c r="DN4" s="437"/>
      <c r="DO4" s="437"/>
      <c r="DP4" s="437"/>
      <c r="DQ4" s="437"/>
      <c r="DR4" s="438"/>
      <c r="DS4" s="433"/>
      <c r="DT4" s="434"/>
      <c r="DU4" s="434"/>
      <c r="DV4" s="434"/>
      <c r="DW4" s="434"/>
      <c r="DX4" s="434"/>
      <c r="DY4" s="434"/>
      <c r="DZ4" s="434"/>
      <c r="EA4" s="434"/>
      <c r="EB4" s="435"/>
    </row>
    <row r="5" spans="2:133" ht="21" customHeight="1" x14ac:dyDescent="0.2">
      <c r="B5" s="524"/>
      <c r="C5" s="502" t="s">
        <v>61</v>
      </c>
      <c r="D5" s="503"/>
      <c r="E5" s="504"/>
      <c r="F5" s="505" t="s">
        <v>62</v>
      </c>
      <c r="G5" s="506"/>
      <c r="H5" s="506"/>
      <c r="I5" s="506"/>
      <c r="J5" s="506"/>
      <c r="K5" s="507"/>
      <c r="L5" s="516" t="s">
        <v>52</v>
      </c>
      <c r="M5" s="518" t="s">
        <v>61</v>
      </c>
      <c r="N5" s="512"/>
      <c r="O5" s="513"/>
      <c r="P5" s="514" t="s">
        <v>62</v>
      </c>
      <c r="Q5" s="434"/>
      <c r="R5" s="434"/>
      <c r="S5" s="434"/>
      <c r="T5" s="434"/>
      <c r="U5" s="515"/>
      <c r="V5" s="510" t="s">
        <v>52</v>
      </c>
      <c r="W5" s="511" t="s">
        <v>61</v>
      </c>
      <c r="X5" s="512"/>
      <c r="Y5" s="513"/>
      <c r="Z5" s="514" t="s">
        <v>62</v>
      </c>
      <c r="AA5" s="434"/>
      <c r="AB5" s="434"/>
      <c r="AC5" s="434"/>
      <c r="AD5" s="434"/>
      <c r="AE5" s="515"/>
      <c r="AF5" s="510" t="s">
        <v>52</v>
      </c>
      <c r="AG5" s="502" t="s">
        <v>61</v>
      </c>
      <c r="AH5" s="503"/>
      <c r="AI5" s="504"/>
      <c r="AJ5" s="505" t="s">
        <v>62</v>
      </c>
      <c r="AK5" s="506"/>
      <c r="AL5" s="506"/>
      <c r="AM5" s="506"/>
      <c r="AN5" s="506"/>
      <c r="AO5" s="507"/>
      <c r="AP5" s="508" t="s">
        <v>52</v>
      </c>
      <c r="AQ5" s="518" t="s">
        <v>61</v>
      </c>
      <c r="AR5" s="512"/>
      <c r="AS5" s="513"/>
      <c r="AT5" s="514" t="s">
        <v>62</v>
      </c>
      <c r="AU5" s="434"/>
      <c r="AV5" s="434"/>
      <c r="AW5" s="434"/>
      <c r="AX5" s="434"/>
      <c r="AY5" s="515"/>
      <c r="AZ5" s="527" t="s">
        <v>52</v>
      </c>
      <c r="BA5" s="518" t="s">
        <v>61</v>
      </c>
      <c r="BB5" s="512"/>
      <c r="BC5" s="513"/>
      <c r="BD5" s="514" t="s">
        <v>62</v>
      </c>
      <c r="BE5" s="434"/>
      <c r="BF5" s="434"/>
      <c r="BG5" s="434"/>
      <c r="BH5" s="434"/>
      <c r="BI5" s="515"/>
      <c r="BJ5" s="510" t="s">
        <v>52</v>
      </c>
      <c r="BK5" s="502" t="s">
        <v>61</v>
      </c>
      <c r="BL5" s="503"/>
      <c r="BM5" s="504"/>
      <c r="BN5" s="505" t="s">
        <v>62</v>
      </c>
      <c r="BO5" s="506"/>
      <c r="BP5" s="506"/>
      <c r="BQ5" s="506"/>
      <c r="BR5" s="506"/>
      <c r="BS5" s="507"/>
      <c r="BT5" s="516" t="s">
        <v>52</v>
      </c>
      <c r="BU5" s="518" t="s">
        <v>61</v>
      </c>
      <c r="BV5" s="512"/>
      <c r="BW5" s="513"/>
      <c r="BX5" s="514" t="s">
        <v>62</v>
      </c>
      <c r="BY5" s="434"/>
      <c r="BZ5" s="434"/>
      <c r="CA5" s="434"/>
      <c r="CB5" s="434"/>
      <c r="CC5" s="515"/>
      <c r="CD5" s="510" t="s">
        <v>52</v>
      </c>
      <c r="CE5" s="511" t="s">
        <v>61</v>
      </c>
      <c r="CF5" s="512"/>
      <c r="CG5" s="513"/>
      <c r="CH5" s="514" t="s">
        <v>62</v>
      </c>
      <c r="CI5" s="434"/>
      <c r="CJ5" s="434"/>
      <c r="CK5" s="434"/>
      <c r="CL5" s="434"/>
      <c r="CM5" s="515"/>
      <c r="CN5" s="510" t="s">
        <v>52</v>
      </c>
      <c r="CO5" s="502" t="s">
        <v>61</v>
      </c>
      <c r="CP5" s="503"/>
      <c r="CQ5" s="504"/>
      <c r="CR5" s="505" t="s">
        <v>62</v>
      </c>
      <c r="CS5" s="506"/>
      <c r="CT5" s="506"/>
      <c r="CU5" s="506"/>
      <c r="CV5" s="506"/>
      <c r="CW5" s="507"/>
      <c r="CX5" s="516" t="s">
        <v>52</v>
      </c>
      <c r="CY5" s="518" t="s">
        <v>61</v>
      </c>
      <c r="CZ5" s="512"/>
      <c r="DA5" s="513"/>
      <c r="DB5" s="514" t="s">
        <v>62</v>
      </c>
      <c r="DC5" s="434"/>
      <c r="DD5" s="434"/>
      <c r="DE5" s="434"/>
      <c r="DF5" s="434"/>
      <c r="DG5" s="515"/>
      <c r="DH5" s="510" t="s">
        <v>52</v>
      </c>
      <c r="DI5" s="511" t="s">
        <v>61</v>
      </c>
      <c r="DJ5" s="512"/>
      <c r="DK5" s="513"/>
      <c r="DL5" s="514" t="s">
        <v>62</v>
      </c>
      <c r="DM5" s="434"/>
      <c r="DN5" s="434"/>
      <c r="DO5" s="434"/>
      <c r="DP5" s="434"/>
      <c r="DQ5" s="515"/>
      <c r="DR5" s="510" t="s">
        <v>52</v>
      </c>
      <c r="DS5" s="502" t="s">
        <v>61</v>
      </c>
      <c r="DT5" s="503"/>
      <c r="DU5" s="504"/>
      <c r="DV5" s="505" t="s">
        <v>62</v>
      </c>
      <c r="DW5" s="506"/>
      <c r="DX5" s="506"/>
      <c r="DY5" s="506"/>
      <c r="DZ5" s="506"/>
      <c r="EA5" s="507"/>
      <c r="EB5" s="508" t="s">
        <v>52</v>
      </c>
    </row>
    <row r="6" spans="2:133" ht="30" customHeight="1" thickBot="1" x14ac:dyDescent="0.25">
      <c r="B6" s="72" t="s">
        <v>42</v>
      </c>
      <c r="C6" s="229" t="s">
        <v>43</v>
      </c>
      <c r="D6" s="230" t="s">
        <v>44</v>
      </c>
      <c r="E6" s="230" t="s">
        <v>45</v>
      </c>
      <c r="F6" s="231" t="s">
        <v>47</v>
      </c>
      <c r="G6" s="232" t="s">
        <v>48</v>
      </c>
      <c r="H6" s="232" t="s">
        <v>49</v>
      </c>
      <c r="I6" s="233" t="s">
        <v>50</v>
      </c>
      <c r="J6" s="230" t="s">
        <v>51</v>
      </c>
      <c r="K6" s="234" t="s">
        <v>95</v>
      </c>
      <c r="L6" s="517"/>
      <c r="M6" s="229" t="s">
        <v>43</v>
      </c>
      <c r="N6" s="230" t="s">
        <v>44</v>
      </c>
      <c r="O6" s="234" t="s">
        <v>45</v>
      </c>
      <c r="P6" s="231" t="s">
        <v>47</v>
      </c>
      <c r="Q6" s="232" t="s">
        <v>48</v>
      </c>
      <c r="R6" s="232" t="s">
        <v>49</v>
      </c>
      <c r="S6" s="233" t="s">
        <v>50</v>
      </c>
      <c r="T6" s="230" t="s">
        <v>51</v>
      </c>
      <c r="U6" s="234" t="s">
        <v>45</v>
      </c>
      <c r="V6" s="509"/>
      <c r="W6" s="235" t="s">
        <v>43</v>
      </c>
      <c r="X6" s="230" t="s">
        <v>44</v>
      </c>
      <c r="Y6" s="234" t="s">
        <v>45</v>
      </c>
      <c r="Z6" s="235" t="s">
        <v>47</v>
      </c>
      <c r="AA6" s="232" t="s">
        <v>48</v>
      </c>
      <c r="AB6" s="232" t="s">
        <v>49</v>
      </c>
      <c r="AC6" s="233" t="s">
        <v>50</v>
      </c>
      <c r="AD6" s="230" t="s">
        <v>51</v>
      </c>
      <c r="AE6" s="234" t="s">
        <v>45</v>
      </c>
      <c r="AF6" s="509"/>
      <c r="AG6" s="229" t="s">
        <v>43</v>
      </c>
      <c r="AH6" s="230" t="s">
        <v>44</v>
      </c>
      <c r="AI6" s="234" t="s">
        <v>45</v>
      </c>
      <c r="AJ6" s="235" t="s">
        <v>47</v>
      </c>
      <c r="AK6" s="232" t="s">
        <v>48</v>
      </c>
      <c r="AL6" s="232" t="s">
        <v>49</v>
      </c>
      <c r="AM6" s="233" t="s">
        <v>50</v>
      </c>
      <c r="AN6" s="230" t="s">
        <v>51</v>
      </c>
      <c r="AO6" s="234" t="s">
        <v>45</v>
      </c>
      <c r="AP6" s="509"/>
      <c r="AQ6" s="229" t="s">
        <v>43</v>
      </c>
      <c r="AR6" s="230" t="s">
        <v>44</v>
      </c>
      <c r="AS6" s="234" t="s">
        <v>45</v>
      </c>
      <c r="AT6" s="231" t="s">
        <v>47</v>
      </c>
      <c r="AU6" s="232" t="s">
        <v>48</v>
      </c>
      <c r="AV6" s="232" t="s">
        <v>49</v>
      </c>
      <c r="AW6" s="233" t="s">
        <v>50</v>
      </c>
      <c r="AX6" s="230" t="s">
        <v>51</v>
      </c>
      <c r="AY6" s="234" t="s">
        <v>45</v>
      </c>
      <c r="AZ6" s="517"/>
      <c r="BA6" s="229" t="s">
        <v>43</v>
      </c>
      <c r="BB6" s="230" t="s">
        <v>44</v>
      </c>
      <c r="BC6" s="230" t="s">
        <v>45</v>
      </c>
      <c r="BD6" s="231" t="s">
        <v>47</v>
      </c>
      <c r="BE6" s="232" t="s">
        <v>48</v>
      </c>
      <c r="BF6" s="232" t="s">
        <v>49</v>
      </c>
      <c r="BG6" s="233" t="s">
        <v>50</v>
      </c>
      <c r="BH6" s="230" t="s">
        <v>51</v>
      </c>
      <c r="BI6" s="234" t="s">
        <v>45</v>
      </c>
      <c r="BJ6" s="509"/>
      <c r="BK6" s="229" t="s">
        <v>43</v>
      </c>
      <c r="BL6" s="230" t="s">
        <v>44</v>
      </c>
      <c r="BM6" s="230" t="s">
        <v>45</v>
      </c>
      <c r="BN6" s="231" t="s">
        <v>47</v>
      </c>
      <c r="BO6" s="232" t="s">
        <v>48</v>
      </c>
      <c r="BP6" s="232" t="s">
        <v>49</v>
      </c>
      <c r="BQ6" s="233" t="s">
        <v>50</v>
      </c>
      <c r="BR6" s="230" t="s">
        <v>51</v>
      </c>
      <c r="BS6" s="234" t="s">
        <v>45</v>
      </c>
      <c r="BT6" s="517"/>
      <c r="BU6" s="229" t="s">
        <v>43</v>
      </c>
      <c r="BV6" s="230" t="s">
        <v>44</v>
      </c>
      <c r="BW6" s="230" t="s">
        <v>45</v>
      </c>
      <c r="BX6" s="231" t="s">
        <v>47</v>
      </c>
      <c r="BY6" s="232" t="s">
        <v>48</v>
      </c>
      <c r="BZ6" s="232" t="s">
        <v>49</v>
      </c>
      <c r="CA6" s="233" t="s">
        <v>50</v>
      </c>
      <c r="CB6" s="230" t="s">
        <v>51</v>
      </c>
      <c r="CC6" s="234" t="s">
        <v>45</v>
      </c>
      <c r="CD6" s="509"/>
      <c r="CE6" s="235" t="s">
        <v>43</v>
      </c>
      <c r="CF6" s="230" t="s">
        <v>44</v>
      </c>
      <c r="CG6" s="230" t="s">
        <v>45</v>
      </c>
      <c r="CH6" s="231" t="s">
        <v>47</v>
      </c>
      <c r="CI6" s="232" t="s">
        <v>48</v>
      </c>
      <c r="CJ6" s="232" t="s">
        <v>49</v>
      </c>
      <c r="CK6" s="233" t="s">
        <v>50</v>
      </c>
      <c r="CL6" s="230" t="s">
        <v>51</v>
      </c>
      <c r="CM6" s="234" t="s">
        <v>45</v>
      </c>
      <c r="CN6" s="509"/>
      <c r="CO6" s="229" t="s">
        <v>43</v>
      </c>
      <c r="CP6" s="230" t="s">
        <v>44</v>
      </c>
      <c r="CQ6" s="230" t="s">
        <v>45</v>
      </c>
      <c r="CR6" s="231" t="s">
        <v>47</v>
      </c>
      <c r="CS6" s="232" t="s">
        <v>48</v>
      </c>
      <c r="CT6" s="232" t="s">
        <v>49</v>
      </c>
      <c r="CU6" s="233" t="s">
        <v>50</v>
      </c>
      <c r="CV6" s="230" t="s">
        <v>51</v>
      </c>
      <c r="CW6" s="234" t="s">
        <v>45</v>
      </c>
      <c r="CX6" s="517"/>
      <c r="CY6" s="229" t="s">
        <v>43</v>
      </c>
      <c r="CZ6" s="230" t="s">
        <v>44</v>
      </c>
      <c r="DA6" s="230" t="s">
        <v>45</v>
      </c>
      <c r="DB6" s="231" t="s">
        <v>47</v>
      </c>
      <c r="DC6" s="232" t="s">
        <v>48</v>
      </c>
      <c r="DD6" s="232" t="s">
        <v>49</v>
      </c>
      <c r="DE6" s="233" t="s">
        <v>50</v>
      </c>
      <c r="DF6" s="230" t="s">
        <v>51</v>
      </c>
      <c r="DG6" s="234" t="s">
        <v>45</v>
      </c>
      <c r="DH6" s="509"/>
      <c r="DI6" s="235" t="s">
        <v>43</v>
      </c>
      <c r="DJ6" s="230" t="s">
        <v>44</v>
      </c>
      <c r="DK6" s="230" t="s">
        <v>45</v>
      </c>
      <c r="DL6" s="231" t="s">
        <v>47</v>
      </c>
      <c r="DM6" s="232" t="s">
        <v>48</v>
      </c>
      <c r="DN6" s="232" t="s">
        <v>49</v>
      </c>
      <c r="DO6" s="233" t="s">
        <v>50</v>
      </c>
      <c r="DP6" s="230" t="s">
        <v>51</v>
      </c>
      <c r="DQ6" s="234" t="s">
        <v>45</v>
      </c>
      <c r="DR6" s="509"/>
      <c r="DS6" s="229" t="s">
        <v>43</v>
      </c>
      <c r="DT6" s="230" t="s">
        <v>44</v>
      </c>
      <c r="DU6" s="230" t="s">
        <v>45</v>
      </c>
      <c r="DV6" s="231" t="s">
        <v>47</v>
      </c>
      <c r="DW6" s="232" t="s">
        <v>48</v>
      </c>
      <c r="DX6" s="232" t="s">
        <v>49</v>
      </c>
      <c r="DY6" s="233" t="s">
        <v>50</v>
      </c>
      <c r="DZ6" s="230" t="s">
        <v>51</v>
      </c>
      <c r="EA6" s="234" t="s">
        <v>45</v>
      </c>
      <c r="EB6" s="509"/>
    </row>
    <row r="7" spans="2:133" ht="21" customHeight="1" x14ac:dyDescent="0.2">
      <c r="B7" s="84" t="s">
        <v>4</v>
      </c>
      <c r="C7" s="211">
        <v>0</v>
      </c>
      <c r="D7" s="213">
        <v>0</v>
      </c>
      <c r="E7" s="213">
        <v>0</v>
      </c>
      <c r="F7" s="214">
        <v>487</v>
      </c>
      <c r="G7" s="212">
        <v>1738</v>
      </c>
      <c r="H7" s="212">
        <v>10454</v>
      </c>
      <c r="I7" s="212">
        <v>15204</v>
      </c>
      <c r="J7" s="213">
        <v>9953</v>
      </c>
      <c r="K7" s="236">
        <v>37836</v>
      </c>
      <c r="L7" s="237">
        <v>37836</v>
      </c>
      <c r="M7" s="211">
        <v>0</v>
      </c>
      <c r="N7" s="213">
        <v>0</v>
      </c>
      <c r="O7" s="236">
        <v>0</v>
      </c>
      <c r="P7" s="214">
        <v>483</v>
      </c>
      <c r="Q7" s="212">
        <v>1726</v>
      </c>
      <c r="R7" s="212">
        <v>10379</v>
      </c>
      <c r="S7" s="212">
        <v>15063</v>
      </c>
      <c r="T7" s="213">
        <v>9807</v>
      </c>
      <c r="U7" s="236">
        <v>37458</v>
      </c>
      <c r="V7" s="238">
        <v>37458</v>
      </c>
      <c r="W7" s="216">
        <v>0</v>
      </c>
      <c r="X7" s="213">
        <v>0</v>
      </c>
      <c r="Y7" s="236">
        <v>0</v>
      </c>
      <c r="Z7" s="216">
        <v>4</v>
      </c>
      <c r="AA7" s="212">
        <v>12</v>
      </c>
      <c r="AB7" s="212">
        <v>75</v>
      </c>
      <c r="AC7" s="212">
        <v>141</v>
      </c>
      <c r="AD7" s="213">
        <v>146</v>
      </c>
      <c r="AE7" s="236">
        <v>378</v>
      </c>
      <c r="AF7" s="215">
        <v>378</v>
      </c>
      <c r="AG7" s="216">
        <v>0</v>
      </c>
      <c r="AH7" s="213">
        <v>0</v>
      </c>
      <c r="AI7" s="236">
        <v>0</v>
      </c>
      <c r="AJ7" s="216">
        <v>1638</v>
      </c>
      <c r="AK7" s="212">
        <v>3402</v>
      </c>
      <c r="AL7" s="212">
        <v>4844</v>
      </c>
      <c r="AM7" s="212">
        <v>5837</v>
      </c>
      <c r="AN7" s="213">
        <v>2939</v>
      </c>
      <c r="AO7" s="236">
        <v>18660</v>
      </c>
      <c r="AP7" s="215">
        <v>18660</v>
      </c>
      <c r="AQ7" s="216">
        <v>0</v>
      </c>
      <c r="AR7" s="213">
        <v>0</v>
      </c>
      <c r="AS7" s="236">
        <v>0</v>
      </c>
      <c r="AT7" s="214">
        <v>1618</v>
      </c>
      <c r="AU7" s="212">
        <v>3360</v>
      </c>
      <c r="AV7" s="212">
        <v>4758</v>
      </c>
      <c r="AW7" s="212">
        <v>5728</v>
      </c>
      <c r="AX7" s="213">
        <v>2868</v>
      </c>
      <c r="AY7" s="236">
        <v>18332</v>
      </c>
      <c r="AZ7" s="237">
        <v>18332</v>
      </c>
      <c r="BA7" s="211">
        <v>0</v>
      </c>
      <c r="BB7" s="213">
        <v>0</v>
      </c>
      <c r="BC7" s="213">
        <v>0</v>
      </c>
      <c r="BD7" s="214">
        <v>20</v>
      </c>
      <c r="BE7" s="212">
        <v>42</v>
      </c>
      <c r="BF7" s="212">
        <v>86</v>
      </c>
      <c r="BG7" s="212">
        <v>109</v>
      </c>
      <c r="BH7" s="213">
        <v>71</v>
      </c>
      <c r="BI7" s="236">
        <v>328</v>
      </c>
      <c r="BJ7" s="238">
        <v>328</v>
      </c>
      <c r="BK7" s="216">
        <v>0</v>
      </c>
      <c r="BL7" s="213">
        <v>0</v>
      </c>
      <c r="BM7" s="213">
        <v>0</v>
      </c>
      <c r="BN7" s="214">
        <v>0</v>
      </c>
      <c r="BO7" s="212">
        <v>0</v>
      </c>
      <c r="BP7" s="212">
        <v>0</v>
      </c>
      <c r="BQ7" s="212">
        <v>0</v>
      </c>
      <c r="BR7" s="213">
        <v>0</v>
      </c>
      <c r="BS7" s="236">
        <v>0</v>
      </c>
      <c r="BT7" s="237">
        <v>0</v>
      </c>
      <c r="BU7" s="211">
        <v>0</v>
      </c>
      <c r="BV7" s="213">
        <v>0</v>
      </c>
      <c r="BW7" s="213">
        <v>0</v>
      </c>
      <c r="BX7" s="214">
        <v>0</v>
      </c>
      <c r="BY7" s="212">
        <v>0</v>
      </c>
      <c r="BZ7" s="212">
        <v>0</v>
      </c>
      <c r="CA7" s="212">
        <v>0</v>
      </c>
      <c r="CB7" s="213">
        <v>0</v>
      </c>
      <c r="CC7" s="236">
        <v>0</v>
      </c>
      <c r="CD7" s="238">
        <v>0</v>
      </c>
      <c r="CE7" s="216">
        <v>0</v>
      </c>
      <c r="CF7" s="213">
        <v>0</v>
      </c>
      <c r="CG7" s="213">
        <v>0</v>
      </c>
      <c r="CH7" s="214">
        <v>0</v>
      </c>
      <c r="CI7" s="212">
        <v>0</v>
      </c>
      <c r="CJ7" s="212">
        <v>0</v>
      </c>
      <c r="CK7" s="212">
        <v>0</v>
      </c>
      <c r="CL7" s="213">
        <v>0</v>
      </c>
      <c r="CM7" s="236">
        <v>0</v>
      </c>
      <c r="CN7" s="238">
        <v>0</v>
      </c>
      <c r="CO7" s="216">
        <v>0</v>
      </c>
      <c r="CP7" s="213">
        <v>0</v>
      </c>
      <c r="CQ7" s="213">
        <v>0</v>
      </c>
      <c r="CR7" s="214">
        <v>16</v>
      </c>
      <c r="CS7" s="212">
        <v>22</v>
      </c>
      <c r="CT7" s="212">
        <v>64</v>
      </c>
      <c r="CU7" s="212">
        <v>385</v>
      </c>
      <c r="CV7" s="213">
        <v>510</v>
      </c>
      <c r="CW7" s="236">
        <v>997</v>
      </c>
      <c r="CX7" s="237">
        <v>997</v>
      </c>
      <c r="CY7" s="211">
        <v>0</v>
      </c>
      <c r="CZ7" s="213">
        <v>0</v>
      </c>
      <c r="DA7" s="213">
        <v>0</v>
      </c>
      <c r="DB7" s="214">
        <v>15</v>
      </c>
      <c r="DC7" s="212">
        <v>22</v>
      </c>
      <c r="DD7" s="212">
        <v>63</v>
      </c>
      <c r="DE7" s="212">
        <v>379</v>
      </c>
      <c r="DF7" s="213">
        <v>494</v>
      </c>
      <c r="DG7" s="236">
        <v>973</v>
      </c>
      <c r="DH7" s="238">
        <v>973</v>
      </c>
      <c r="DI7" s="216">
        <v>0</v>
      </c>
      <c r="DJ7" s="213">
        <v>0</v>
      </c>
      <c r="DK7" s="213">
        <v>0</v>
      </c>
      <c r="DL7" s="214">
        <v>1</v>
      </c>
      <c r="DM7" s="212">
        <v>0</v>
      </c>
      <c r="DN7" s="212">
        <v>1</v>
      </c>
      <c r="DO7" s="212">
        <v>6</v>
      </c>
      <c r="DP7" s="213">
        <v>16</v>
      </c>
      <c r="DQ7" s="236">
        <v>24</v>
      </c>
      <c r="DR7" s="238">
        <v>24</v>
      </c>
      <c r="DS7" s="216">
        <v>0</v>
      </c>
      <c r="DT7" s="213">
        <v>0</v>
      </c>
      <c r="DU7" s="213">
        <v>0</v>
      </c>
      <c r="DV7" s="214">
        <v>2141</v>
      </c>
      <c r="DW7" s="212">
        <v>5160</v>
      </c>
      <c r="DX7" s="212">
        <v>15344</v>
      </c>
      <c r="DY7" s="212">
        <v>21380</v>
      </c>
      <c r="DZ7" s="213">
        <v>13386</v>
      </c>
      <c r="EA7" s="236">
        <v>57411</v>
      </c>
      <c r="EB7" s="238">
        <v>57411</v>
      </c>
      <c r="EC7" s="239"/>
    </row>
    <row r="8" spans="2:133" ht="21" customHeight="1" x14ac:dyDescent="0.2">
      <c r="B8" s="95" t="s">
        <v>5</v>
      </c>
      <c r="C8" s="217">
        <v>0</v>
      </c>
      <c r="D8" s="219">
        <v>0</v>
      </c>
      <c r="E8" s="219">
        <v>0</v>
      </c>
      <c r="F8" s="220">
        <v>286</v>
      </c>
      <c r="G8" s="218">
        <v>1186</v>
      </c>
      <c r="H8" s="218">
        <v>4687</v>
      </c>
      <c r="I8" s="218">
        <v>6399</v>
      </c>
      <c r="J8" s="219">
        <v>4187</v>
      </c>
      <c r="K8" s="240">
        <v>16745</v>
      </c>
      <c r="L8" s="241">
        <v>16745</v>
      </c>
      <c r="M8" s="217">
        <v>0</v>
      </c>
      <c r="N8" s="219">
        <v>0</v>
      </c>
      <c r="O8" s="240">
        <v>0</v>
      </c>
      <c r="P8" s="220">
        <v>285</v>
      </c>
      <c r="Q8" s="218">
        <v>1178</v>
      </c>
      <c r="R8" s="218">
        <v>4646</v>
      </c>
      <c r="S8" s="218">
        <v>6343</v>
      </c>
      <c r="T8" s="219">
        <v>4108</v>
      </c>
      <c r="U8" s="240">
        <v>16560</v>
      </c>
      <c r="V8" s="242">
        <v>16560</v>
      </c>
      <c r="W8" s="222">
        <v>0</v>
      </c>
      <c r="X8" s="219">
        <v>0</v>
      </c>
      <c r="Y8" s="240">
        <v>0</v>
      </c>
      <c r="Z8" s="222">
        <v>1</v>
      </c>
      <c r="AA8" s="218">
        <v>8</v>
      </c>
      <c r="AB8" s="218">
        <v>41</v>
      </c>
      <c r="AC8" s="218">
        <v>56</v>
      </c>
      <c r="AD8" s="219">
        <v>79</v>
      </c>
      <c r="AE8" s="240">
        <v>185</v>
      </c>
      <c r="AF8" s="221">
        <v>185</v>
      </c>
      <c r="AG8" s="222">
        <v>0</v>
      </c>
      <c r="AH8" s="219">
        <v>0</v>
      </c>
      <c r="AI8" s="240">
        <v>0</v>
      </c>
      <c r="AJ8" s="222">
        <v>614</v>
      </c>
      <c r="AK8" s="218">
        <v>1563</v>
      </c>
      <c r="AL8" s="218">
        <v>2152</v>
      </c>
      <c r="AM8" s="218">
        <v>2702</v>
      </c>
      <c r="AN8" s="219">
        <v>1403</v>
      </c>
      <c r="AO8" s="240">
        <v>8434</v>
      </c>
      <c r="AP8" s="221">
        <v>8434</v>
      </c>
      <c r="AQ8" s="222">
        <v>0</v>
      </c>
      <c r="AR8" s="219">
        <v>0</v>
      </c>
      <c r="AS8" s="240">
        <v>0</v>
      </c>
      <c r="AT8" s="220">
        <v>610</v>
      </c>
      <c r="AU8" s="218">
        <v>1543</v>
      </c>
      <c r="AV8" s="218">
        <v>2126</v>
      </c>
      <c r="AW8" s="218">
        <v>2660</v>
      </c>
      <c r="AX8" s="219">
        <v>1375</v>
      </c>
      <c r="AY8" s="240">
        <v>8314</v>
      </c>
      <c r="AZ8" s="241">
        <v>8314</v>
      </c>
      <c r="BA8" s="217">
        <v>0</v>
      </c>
      <c r="BB8" s="219">
        <v>0</v>
      </c>
      <c r="BC8" s="219">
        <v>0</v>
      </c>
      <c r="BD8" s="220">
        <v>4</v>
      </c>
      <c r="BE8" s="218">
        <v>20</v>
      </c>
      <c r="BF8" s="218">
        <v>26</v>
      </c>
      <c r="BG8" s="218">
        <v>42</v>
      </c>
      <c r="BH8" s="219">
        <v>28</v>
      </c>
      <c r="BI8" s="240">
        <v>120</v>
      </c>
      <c r="BJ8" s="242">
        <v>120</v>
      </c>
      <c r="BK8" s="222">
        <v>0</v>
      </c>
      <c r="BL8" s="219">
        <v>0</v>
      </c>
      <c r="BM8" s="219">
        <v>0</v>
      </c>
      <c r="BN8" s="220">
        <v>0</v>
      </c>
      <c r="BO8" s="218">
        <v>0</v>
      </c>
      <c r="BP8" s="218">
        <v>0</v>
      </c>
      <c r="BQ8" s="218">
        <v>0</v>
      </c>
      <c r="BR8" s="219">
        <v>0</v>
      </c>
      <c r="BS8" s="240">
        <v>0</v>
      </c>
      <c r="BT8" s="241">
        <v>0</v>
      </c>
      <c r="BU8" s="217">
        <v>0</v>
      </c>
      <c r="BV8" s="219">
        <v>0</v>
      </c>
      <c r="BW8" s="219">
        <v>0</v>
      </c>
      <c r="BX8" s="220">
        <v>0</v>
      </c>
      <c r="BY8" s="218">
        <v>0</v>
      </c>
      <c r="BZ8" s="218">
        <v>0</v>
      </c>
      <c r="CA8" s="218">
        <v>0</v>
      </c>
      <c r="CB8" s="219">
        <v>0</v>
      </c>
      <c r="CC8" s="240">
        <v>0</v>
      </c>
      <c r="CD8" s="242">
        <v>0</v>
      </c>
      <c r="CE8" s="222">
        <v>0</v>
      </c>
      <c r="CF8" s="219">
        <v>0</v>
      </c>
      <c r="CG8" s="219">
        <v>0</v>
      </c>
      <c r="CH8" s="220">
        <v>0</v>
      </c>
      <c r="CI8" s="218">
        <v>0</v>
      </c>
      <c r="CJ8" s="218">
        <v>0</v>
      </c>
      <c r="CK8" s="218">
        <v>0</v>
      </c>
      <c r="CL8" s="219">
        <v>0</v>
      </c>
      <c r="CM8" s="240">
        <v>0</v>
      </c>
      <c r="CN8" s="242">
        <v>0</v>
      </c>
      <c r="CO8" s="222">
        <v>0</v>
      </c>
      <c r="CP8" s="219">
        <v>0</v>
      </c>
      <c r="CQ8" s="219">
        <v>0</v>
      </c>
      <c r="CR8" s="220">
        <v>2</v>
      </c>
      <c r="CS8" s="218">
        <v>1</v>
      </c>
      <c r="CT8" s="218">
        <v>13</v>
      </c>
      <c r="CU8" s="218">
        <v>106</v>
      </c>
      <c r="CV8" s="219">
        <v>128</v>
      </c>
      <c r="CW8" s="240">
        <v>250</v>
      </c>
      <c r="CX8" s="241">
        <v>250</v>
      </c>
      <c r="CY8" s="217">
        <v>0</v>
      </c>
      <c r="CZ8" s="219">
        <v>0</v>
      </c>
      <c r="DA8" s="219">
        <v>0</v>
      </c>
      <c r="DB8" s="220">
        <v>2</v>
      </c>
      <c r="DC8" s="218">
        <v>1</v>
      </c>
      <c r="DD8" s="218">
        <v>13</v>
      </c>
      <c r="DE8" s="218">
        <v>104</v>
      </c>
      <c r="DF8" s="219">
        <v>127</v>
      </c>
      <c r="DG8" s="240">
        <v>247</v>
      </c>
      <c r="DH8" s="242">
        <v>247</v>
      </c>
      <c r="DI8" s="222">
        <v>0</v>
      </c>
      <c r="DJ8" s="219">
        <v>0</v>
      </c>
      <c r="DK8" s="219">
        <v>0</v>
      </c>
      <c r="DL8" s="220">
        <v>0</v>
      </c>
      <c r="DM8" s="218">
        <v>0</v>
      </c>
      <c r="DN8" s="218">
        <v>0</v>
      </c>
      <c r="DO8" s="218">
        <v>2</v>
      </c>
      <c r="DP8" s="219">
        <v>1</v>
      </c>
      <c r="DQ8" s="240">
        <v>3</v>
      </c>
      <c r="DR8" s="242">
        <v>3</v>
      </c>
      <c r="DS8" s="222">
        <v>0</v>
      </c>
      <c r="DT8" s="219">
        <v>0</v>
      </c>
      <c r="DU8" s="219">
        <v>0</v>
      </c>
      <c r="DV8" s="220">
        <v>902</v>
      </c>
      <c r="DW8" s="218">
        <v>2750</v>
      </c>
      <c r="DX8" s="218">
        <v>6852</v>
      </c>
      <c r="DY8" s="218">
        <v>9207</v>
      </c>
      <c r="DZ8" s="219">
        <v>5718</v>
      </c>
      <c r="EA8" s="240">
        <v>25429</v>
      </c>
      <c r="EB8" s="242">
        <v>25429</v>
      </c>
      <c r="EC8" s="239"/>
    </row>
    <row r="9" spans="2:133" ht="21" customHeight="1" x14ac:dyDescent="0.2">
      <c r="B9" s="106" t="s">
        <v>6</v>
      </c>
      <c r="C9" s="217">
        <v>0</v>
      </c>
      <c r="D9" s="219">
        <v>0</v>
      </c>
      <c r="E9" s="219">
        <v>0</v>
      </c>
      <c r="F9" s="220">
        <v>93</v>
      </c>
      <c r="G9" s="218">
        <v>186</v>
      </c>
      <c r="H9" s="218">
        <v>1256</v>
      </c>
      <c r="I9" s="218">
        <v>1807</v>
      </c>
      <c r="J9" s="219">
        <v>1252</v>
      </c>
      <c r="K9" s="240">
        <v>4594</v>
      </c>
      <c r="L9" s="241">
        <v>4594</v>
      </c>
      <c r="M9" s="217">
        <v>0</v>
      </c>
      <c r="N9" s="219">
        <v>0</v>
      </c>
      <c r="O9" s="240">
        <v>0</v>
      </c>
      <c r="P9" s="220">
        <v>92</v>
      </c>
      <c r="Q9" s="218">
        <v>186</v>
      </c>
      <c r="R9" s="218">
        <v>1245</v>
      </c>
      <c r="S9" s="218">
        <v>1791</v>
      </c>
      <c r="T9" s="219">
        <v>1238</v>
      </c>
      <c r="U9" s="240">
        <v>4552</v>
      </c>
      <c r="V9" s="242">
        <v>4552</v>
      </c>
      <c r="W9" s="222">
        <v>0</v>
      </c>
      <c r="X9" s="219">
        <v>0</v>
      </c>
      <c r="Y9" s="240">
        <v>0</v>
      </c>
      <c r="Z9" s="222">
        <v>1</v>
      </c>
      <c r="AA9" s="218">
        <v>0</v>
      </c>
      <c r="AB9" s="218">
        <v>11</v>
      </c>
      <c r="AC9" s="218">
        <v>16</v>
      </c>
      <c r="AD9" s="219">
        <v>14</v>
      </c>
      <c r="AE9" s="240">
        <v>42</v>
      </c>
      <c r="AF9" s="221">
        <v>42</v>
      </c>
      <c r="AG9" s="222">
        <v>0</v>
      </c>
      <c r="AH9" s="219">
        <v>0</v>
      </c>
      <c r="AI9" s="240">
        <v>0</v>
      </c>
      <c r="AJ9" s="222">
        <v>210</v>
      </c>
      <c r="AK9" s="218">
        <v>319</v>
      </c>
      <c r="AL9" s="218">
        <v>511</v>
      </c>
      <c r="AM9" s="218">
        <v>647</v>
      </c>
      <c r="AN9" s="219">
        <v>344</v>
      </c>
      <c r="AO9" s="240">
        <v>2031</v>
      </c>
      <c r="AP9" s="221">
        <v>2031</v>
      </c>
      <c r="AQ9" s="222">
        <v>0</v>
      </c>
      <c r="AR9" s="219">
        <v>0</v>
      </c>
      <c r="AS9" s="240">
        <v>0</v>
      </c>
      <c r="AT9" s="220">
        <v>205</v>
      </c>
      <c r="AU9" s="218">
        <v>314</v>
      </c>
      <c r="AV9" s="218">
        <v>491</v>
      </c>
      <c r="AW9" s="218">
        <v>628</v>
      </c>
      <c r="AX9" s="219">
        <v>331</v>
      </c>
      <c r="AY9" s="240">
        <v>1969</v>
      </c>
      <c r="AZ9" s="241">
        <v>1969</v>
      </c>
      <c r="BA9" s="217">
        <v>0</v>
      </c>
      <c r="BB9" s="219">
        <v>0</v>
      </c>
      <c r="BC9" s="219">
        <v>0</v>
      </c>
      <c r="BD9" s="220">
        <v>5</v>
      </c>
      <c r="BE9" s="218">
        <v>5</v>
      </c>
      <c r="BF9" s="218">
        <v>20</v>
      </c>
      <c r="BG9" s="218">
        <v>19</v>
      </c>
      <c r="BH9" s="219">
        <v>13</v>
      </c>
      <c r="BI9" s="240">
        <v>62</v>
      </c>
      <c r="BJ9" s="242">
        <v>62</v>
      </c>
      <c r="BK9" s="222">
        <v>0</v>
      </c>
      <c r="BL9" s="219">
        <v>0</v>
      </c>
      <c r="BM9" s="219">
        <v>0</v>
      </c>
      <c r="BN9" s="220">
        <v>0</v>
      </c>
      <c r="BO9" s="218">
        <v>0</v>
      </c>
      <c r="BP9" s="218">
        <v>0</v>
      </c>
      <c r="BQ9" s="218">
        <v>0</v>
      </c>
      <c r="BR9" s="219">
        <v>0</v>
      </c>
      <c r="BS9" s="240">
        <v>0</v>
      </c>
      <c r="BT9" s="241">
        <v>0</v>
      </c>
      <c r="BU9" s="217">
        <v>0</v>
      </c>
      <c r="BV9" s="219">
        <v>0</v>
      </c>
      <c r="BW9" s="219">
        <v>0</v>
      </c>
      <c r="BX9" s="220">
        <v>0</v>
      </c>
      <c r="BY9" s="218">
        <v>0</v>
      </c>
      <c r="BZ9" s="218">
        <v>0</v>
      </c>
      <c r="CA9" s="218">
        <v>0</v>
      </c>
      <c r="CB9" s="219">
        <v>0</v>
      </c>
      <c r="CC9" s="240">
        <v>0</v>
      </c>
      <c r="CD9" s="242">
        <v>0</v>
      </c>
      <c r="CE9" s="222">
        <v>0</v>
      </c>
      <c r="CF9" s="219">
        <v>0</v>
      </c>
      <c r="CG9" s="219">
        <v>0</v>
      </c>
      <c r="CH9" s="220">
        <v>0</v>
      </c>
      <c r="CI9" s="218">
        <v>0</v>
      </c>
      <c r="CJ9" s="218">
        <v>0</v>
      </c>
      <c r="CK9" s="218">
        <v>0</v>
      </c>
      <c r="CL9" s="219">
        <v>0</v>
      </c>
      <c r="CM9" s="240">
        <v>0</v>
      </c>
      <c r="CN9" s="242">
        <v>0</v>
      </c>
      <c r="CO9" s="222">
        <v>0</v>
      </c>
      <c r="CP9" s="219">
        <v>0</v>
      </c>
      <c r="CQ9" s="219">
        <v>0</v>
      </c>
      <c r="CR9" s="220">
        <v>0</v>
      </c>
      <c r="CS9" s="218">
        <v>2</v>
      </c>
      <c r="CT9" s="218">
        <v>1</v>
      </c>
      <c r="CU9" s="218">
        <v>37</v>
      </c>
      <c r="CV9" s="219">
        <v>59</v>
      </c>
      <c r="CW9" s="240">
        <v>99</v>
      </c>
      <c r="CX9" s="241">
        <v>99</v>
      </c>
      <c r="CY9" s="217">
        <v>0</v>
      </c>
      <c r="CZ9" s="219">
        <v>0</v>
      </c>
      <c r="DA9" s="219">
        <v>0</v>
      </c>
      <c r="DB9" s="220">
        <v>0</v>
      </c>
      <c r="DC9" s="218">
        <v>2</v>
      </c>
      <c r="DD9" s="218">
        <v>1</v>
      </c>
      <c r="DE9" s="218">
        <v>36</v>
      </c>
      <c r="DF9" s="219">
        <v>57</v>
      </c>
      <c r="DG9" s="240">
        <v>96</v>
      </c>
      <c r="DH9" s="242">
        <v>96</v>
      </c>
      <c r="DI9" s="222">
        <v>0</v>
      </c>
      <c r="DJ9" s="219">
        <v>0</v>
      </c>
      <c r="DK9" s="219">
        <v>0</v>
      </c>
      <c r="DL9" s="220">
        <v>0</v>
      </c>
      <c r="DM9" s="218">
        <v>0</v>
      </c>
      <c r="DN9" s="218">
        <v>0</v>
      </c>
      <c r="DO9" s="218">
        <v>1</v>
      </c>
      <c r="DP9" s="219">
        <v>2</v>
      </c>
      <c r="DQ9" s="240">
        <v>3</v>
      </c>
      <c r="DR9" s="242">
        <v>3</v>
      </c>
      <c r="DS9" s="222">
        <v>0</v>
      </c>
      <c r="DT9" s="219">
        <v>0</v>
      </c>
      <c r="DU9" s="219">
        <v>0</v>
      </c>
      <c r="DV9" s="220">
        <v>303</v>
      </c>
      <c r="DW9" s="218">
        <v>507</v>
      </c>
      <c r="DX9" s="218">
        <v>1768</v>
      </c>
      <c r="DY9" s="218">
        <v>2491</v>
      </c>
      <c r="DZ9" s="219">
        <v>1655</v>
      </c>
      <c r="EA9" s="240">
        <v>6724</v>
      </c>
      <c r="EB9" s="242">
        <v>6724</v>
      </c>
      <c r="EC9" s="239"/>
    </row>
    <row r="10" spans="2:133" ht="21" customHeight="1" x14ac:dyDescent="0.2">
      <c r="B10" s="106" t="s">
        <v>14</v>
      </c>
      <c r="C10" s="217">
        <v>0</v>
      </c>
      <c r="D10" s="219">
        <v>0</v>
      </c>
      <c r="E10" s="219">
        <v>0</v>
      </c>
      <c r="F10" s="220">
        <v>7</v>
      </c>
      <c r="G10" s="218">
        <v>42</v>
      </c>
      <c r="H10" s="218">
        <v>848</v>
      </c>
      <c r="I10" s="218">
        <v>1256</v>
      </c>
      <c r="J10" s="219">
        <v>806</v>
      </c>
      <c r="K10" s="240">
        <v>2959</v>
      </c>
      <c r="L10" s="241">
        <v>2959</v>
      </c>
      <c r="M10" s="217">
        <v>0</v>
      </c>
      <c r="N10" s="219">
        <v>0</v>
      </c>
      <c r="O10" s="240">
        <v>0</v>
      </c>
      <c r="P10" s="220">
        <v>7</v>
      </c>
      <c r="Q10" s="218">
        <v>42</v>
      </c>
      <c r="R10" s="218">
        <v>844</v>
      </c>
      <c r="S10" s="218">
        <v>1244</v>
      </c>
      <c r="T10" s="219">
        <v>798</v>
      </c>
      <c r="U10" s="240">
        <v>2935</v>
      </c>
      <c r="V10" s="242">
        <v>2935</v>
      </c>
      <c r="W10" s="222">
        <v>0</v>
      </c>
      <c r="X10" s="219">
        <v>0</v>
      </c>
      <c r="Y10" s="240">
        <v>0</v>
      </c>
      <c r="Z10" s="222">
        <v>0</v>
      </c>
      <c r="AA10" s="218">
        <v>0</v>
      </c>
      <c r="AB10" s="218">
        <v>4</v>
      </c>
      <c r="AC10" s="218">
        <v>12</v>
      </c>
      <c r="AD10" s="219">
        <v>8</v>
      </c>
      <c r="AE10" s="240">
        <v>24</v>
      </c>
      <c r="AF10" s="221">
        <v>24</v>
      </c>
      <c r="AG10" s="222">
        <v>0</v>
      </c>
      <c r="AH10" s="219">
        <v>0</v>
      </c>
      <c r="AI10" s="240">
        <v>0</v>
      </c>
      <c r="AJ10" s="222">
        <v>68</v>
      </c>
      <c r="AK10" s="218">
        <v>205</v>
      </c>
      <c r="AL10" s="218">
        <v>302</v>
      </c>
      <c r="AM10" s="218">
        <v>395</v>
      </c>
      <c r="AN10" s="219">
        <v>194</v>
      </c>
      <c r="AO10" s="240">
        <v>1164</v>
      </c>
      <c r="AP10" s="221">
        <v>1164</v>
      </c>
      <c r="AQ10" s="222">
        <v>0</v>
      </c>
      <c r="AR10" s="219">
        <v>0</v>
      </c>
      <c r="AS10" s="240">
        <v>0</v>
      </c>
      <c r="AT10" s="220">
        <v>68</v>
      </c>
      <c r="AU10" s="218">
        <v>202</v>
      </c>
      <c r="AV10" s="218">
        <v>292</v>
      </c>
      <c r="AW10" s="218">
        <v>386</v>
      </c>
      <c r="AX10" s="219">
        <v>187</v>
      </c>
      <c r="AY10" s="240">
        <v>1135</v>
      </c>
      <c r="AZ10" s="241">
        <v>1135</v>
      </c>
      <c r="BA10" s="217">
        <v>0</v>
      </c>
      <c r="BB10" s="219">
        <v>0</v>
      </c>
      <c r="BC10" s="219">
        <v>0</v>
      </c>
      <c r="BD10" s="220">
        <v>0</v>
      </c>
      <c r="BE10" s="218">
        <v>3</v>
      </c>
      <c r="BF10" s="218">
        <v>10</v>
      </c>
      <c r="BG10" s="218">
        <v>9</v>
      </c>
      <c r="BH10" s="219">
        <v>7</v>
      </c>
      <c r="BI10" s="240">
        <v>29</v>
      </c>
      <c r="BJ10" s="242">
        <v>29</v>
      </c>
      <c r="BK10" s="222">
        <v>0</v>
      </c>
      <c r="BL10" s="219">
        <v>0</v>
      </c>
      <c r="BM10" s="219">
        <v>0</v>
      </c>
      <c r="BN10" s="220">
        <v>0</v>
      </c>
      <c r="BO10" s="218">
        <v>0</v>
      </c>
      <c r="BP10" s="218">
        <v>0</v>
      </c>
      <c r="BQ10" s="218">
        <v>0</v>
      </c>
      <c r="BR10" s="219">
        <v>0</v>
      </c>
      <c r="BS10" s="240">
        <v>0</v>
      </c>
      <c r="BT10" s="241">
        <v>0</v>
      </c>
      <c r="BU10" s="217">
        <v>0</v>
      </c>
      <c r="BV10" s="219">
        <v>0</v>
      </c>
      <c r="BW10" s="219">
        <v>0</v>
      </c>
      <c r="BX10" s="220">
        <v>0</v>
      </c>
      <c r="BY10" s="218">
        <v>0</v>
      </c>
      <c r="BZ10" s="218">
        <v>0</v>
      </c>
      <c r="CA10" s="218">
        <v>0</v>
      </c>
      <c r="CB10" s="219">
        <v>0</v>
      </c>
      <c r="CC10" s="240">
        <v>0</v>
      </c>
      <c r="CD10" s="242">
        <v>0</v>
      </c>
      <c r="CE10" s="222">
        <v>0</v>
      </c>
      <c r="CF10" s="219">
        <v>0</v>
      </c>
      <c r="CG10" s="219">
        <v>0</v>
      </c>
      <c r="CH10" s="220">
        <v>0</v>
      </c>
      <c r="CI10" s="218">
        <v>0</v>
      </c>
      <c r="CJ10" s="218">
        <v>0</v>
      </c>
      <c r="CK10" s="218">
        <v>0</v>
      </c>
      <c r="CL10" s="219">
        <v>0</v>
      </c>
      <c r="CM10" s="240">
        <v>0</v>
      </c>
      <c r="CN10" s="242">
        <v>0</v>
      </c>
      <c r="CO10" s="222">
        <v>0</v>
      </c>
      <c r="CP10" s="219">
        <v>0</v>
      </c>
      <c r="CQ10" s="219">
        <v>0</v>
      </c>
      <c r="CR10" s="220">
        <v>1</v>
      </c>
      <c r="CS10" s="218">
        <v>0</v>
      </c>
      <c r="CT10" s="218">
        <v>12</v>
      </c>
      <c r="CU10" s="218">
        <v>97</v>
      </c>
      <c r="CV10" s="219">
        <v>103</v>
      </c>
      <c r="CW10" s="240">
        <v>213</v>
      </c>
      <c r="CX10" s="241">
        <v>213</v>
      </c>
      <c r="CY10" s="217">
        <v>0</v>
      </c>
      <c r="CZ10" s="219">
        <v>0</v>
      </c>
      <c r="DA10" s="219">
        <v>0</v>
      </c>
      <c r="DB10" s="220">
        <v>1</v>
      </c>
      <c r="DC10" s="218">
        <v>0</v>
      </c>
      <c r="DD10" s="218">
        <v>11</v>
      </c>
      <c r="DE10" s="218">
        <v>97</v>
      </c>
      <c r="DF10" s="219">
        <v>98</v>
      </c>
      <c r="DG10" s="240">
        <v>207</v>
      </c>
      <c r="DH10" s="242">
        <v>207</v>
      </c>
      <c r="DI10" s="222">
        <v>0</v>
      </c>
      <c r="DJ10" s="219">
        <v>0</v>
      </c>
      <c r="DK10" s="219">
        <v>0</v>
      </c>
      <c r="DL10" s="220">
        <v>0</v>
      </c>
      <c r="DM10" s="218">
        <v>0</v>
      </c>
      <c r="DN10" s="218">
        <v>1</v>
      </c>
      <c r="DO10" s="218">
        <v>0</v>
      </c>
      <c r="DP10" s="219">
        <v>5</v>
      </c>
      <c r="DQ10" s="240">
        <v>6</v>
      </c>
      <c r="DR10" s="242">
        <v>6</v>
      </c>
      <c r="DS10" s="222">
        <v>0</v>
      </c>
      <c r="DT10" s="219">
        <v>0</v>
      </c>
      <c r="DU10" s="219">
        <v>0</v>
      </c>
      <c r="DV10" s="220">
        <v>76</v>
      </c>
      <c r="DW10" s="218">
        <v>247</v>
      </c>
      <c r="DX10" s="218">
        <v>1160</v>
      </c>
      <c r="DY10" s="218">
        <v>1743</v>
      </c>
      <c r="DZ10" s="219">
        <v>1101</v>
      </c>
      <c r="EA10" s="240">
        <v>4327</v>
      </c>
      <c r="EB10" s="242">
        <v>4327</v>
      </c>
      <c r="EC10" s="239"/>
    </row>
    <row r="11" spans="2:133" ht="21" customHeight="1" x14ac:dyDescent="0.2">
      <c r="B11" s="106" t="s">
        <v>7</v>
      </c>
      <c r="C11" s="217">
        <v>0</v>
      </c>
      <c r="D11" s="219">
        <v>0</v>
      </c>
      <c r="E11" s="219">
        <v>0</v>
      </c>
      <c r="F11" s="220">
        <v>26</v>
      </c>
      <c r="G11" s="218">
        <v>41</v>
      </c>
      <c r="H11" s="218">
        <v>621</v>
      </c>
      <c r="I11" s="218">
        <v>925</v>
      </c>
      <c r="J11" s="219">
        <v>556</v>
      </c>
      <c r="K11" s="240">
        <v>2169</v>
      </c>
      <c r="L11" s="241">
        <v>2169</v>
      </c>
      <c r="M11" s="217">
        <v>0</v>
      </c>
      <c r="N11" s="219">
        <v>0</v>
      </c>
      <c r="O11" s="240">
        <v>0</v>
      </c>
      <c r="P11" s="220">
        <v>25</v>
      </c>
      <c r="Q11" s="218">
        <v>40</v>
      </c>
      <c r="R11" s="218">
        <v>617</v>
      </c>
      <c r="S11" s="218">
        <v>910</v>
      </c>
      <c r="T11" s="219">
        <v>549</v>
      </c>
      <c r="U11" s="240">
        <v>2141</v>
      </c>
      <c r="V11" s="242">
        <v>2141</v>
      </c>
      <c r="W11" s="222">
        <v>0</v>
      </c>
      <c r="X11" s="219">
        <v>0</v>
      </c>
      <c r="Y11" s="240">
        <v>0</v>
      </c>
      <c r="Z11" s="222">
        <v>1</v>
      </c>
      <c r="AA11" s="218">
        <v>1</v>
      </c>
      <c r="AB11" s="218">
        <v>4</v>
      </c>
      <c r="AC11" s="218">
        <v>15</v>
      </c>
      <c r="AD11" s="219">
        <v>7</v>
      </c>
      <c r="AE11" s="240">
        <v>28</v>
      </c>
      <c r="AF11" s="221">
        <v>28</v>
      </c>
      <c r="AG11" s="222">
        <v>0</v>
      </c>
      <c r="AH11" s="219">
        <v>0</v>
      </c>
      <c r="AI11" s="240">
        <v>0</v>
      </c>
      <c r="AJ11" s="222">
        <v>162</v>
      </c>
      <c r="AK11" s="218">
        <v>205</v>
      </c>
      <c r="AL11" s="218">
        <v>271</v>
      </c>
      <c r="AM11" s="218">
        <v>302</v>
      </c>
      <c r="AN11" s="219">
        <v>106</v>
      </c>
      <c r="AO11" s="240">
        <v>1046</v>
      </c>
      <c r="AP11" s="221">
        <v>1046</v>
      </c>
      <c r="AQ11" s="222">
        <v>0</v>
      </c>
      <c r="AR11" s="219">
        <v>0</v>
      </c>
      <c r="AS11" s="240">
        <v>0</v>
      </c>
      <c r="AT11" s="220">
        <v>162</v>
      </c>
      <c r="AU11" s="218">
        <v>204</v>
      </c>
      <c r="AV11" s="218">
        <v>265</v>
      </c>
      <c r="AW11" s="218">
        <v>293</v>
      </c>
      <c r="AX11" s="219">
        <v>105</v>
      </c>
      <c r="AY11" s="240">
        <v>1029</v>
      </c>
      <c r="AZ11" s="241">
        <v>1029</v>
      </c>
      <c r="BA11" s="217">
        <v>0</v>
      </c>
      <c r="BB11" s="219">
        <v>0</v>
      </c>
      <c r="BC11" s="219">
        <v>0</v>
      </c>
      <c r="BD11" s="220">
        <v>0</v>
      </c>
      <c r="BE11" s="218">
        <v>1</v>
      </c>
      <c r="BF11" s="218">
        <v>6</v>
      </c>
      <c r="BG11" s="218">
        <v>9</v>
      </c>
      <c r="BH11" s="219">
        <v>1</v>
      </c>
      <c r="BI11" s="240">
        <v>17</v>
      </c>
      <c r="BJ11" s="242">
        <v>17</v>
      </c>
      <c r="BK11" s="222">
        <v>0</v>
      </c>
      <c r="BL11" s="219">
        <v>0</v>
      </c>
      <c r="BM11" s="219">
        <v>0</v>
      </c>
      <c r="BN11" s="220">
        <v>0</v>
      </c>
      <c r="BO11" s="218">
        <v>0</v>
      </c>
      <c r="BP11" s="218">
        <v>0</v>
      </c>
      <c r="BQ11" s="218">
        <v>0</v>
      </c>
      <c r="BR11" s="219">
        <v>0</v>
      </c>
      <c r="BS11" s="240">
        <v>0</v>
      </c>
      <c r="BT11" s="241">
        <v>0</v>
      </c>
      <c r="BU11" s="217">
        <v>0</v>
      </c>
      <c r="BV11" s="219">
        <v>0</v>
      </c>
      <c r="BW11" s="219">
        <v>0</v>
      </c>
      <c r="BX11" s="220">
        <v>0</v>
      </c>
      <c r="BY11" s="218">
        <v>0</v>
      </c>
      <c r="BZ11" s="218">
        <v>0</v>
      </c>
      <c r="CA11" s="218">
        <v>0</v>
      </c>
      <c r="CB11" s="219">
        <v>0</v>
      </c>
      <c r="CC11" s="240">
        <v>0</v>
      </c>
      <c r="CD11" s="242">
        <v>0</v>
      </c>
      <c r="CE11" s="222">
        <v>0</v>
      </c>
      <c r="CF11" s="219">
        <v>0</v>
      </c>
      <c r="CG11" s="219">
        <v>0</v>
      </c>
      <c r="CH11" s="220">
        <v>0</v>
      </c>
      <c r="CI11" s="218">
        <v>0</v>
      </c>
      <c r="CJ11" s="218">
        <v>0</v>
      </c>
      <c r="CK11" s="218">
        <v>0</v>
      </c>
      <c r="CL11" s="219">
        <v>0</v>
      </c>
      <c r="CM11" s="240">
        <v>0</v>
      </c>
      <c r="CN11" s="242">
        <v>0</v>
      </c>
      <c r="CO11" s="222">
        <v>0</v>
      </c>
      <c r="CP11" s="219">
        <v>0</v>
      </c>
      <c r="CQ11" s="219">
        <v>0</v>
      </c>
      <c r="CR11" s="220">
        <v>0</v>
      </c>
      <c r="CS11" s="218">
        <v>0</v>
      </c>
      <c r="CT11" s="218">
        <v>1</v>
      </c>
      <c r="CU11" s="218">
        <v>4</v>
      </c>
      <c r="CV11" s="219">
        <v>4</v>
      </c>
      <c r="CW11" s="240">
        <v>9</v>
      </c>
      <c r="CX11" s="241">
        <v>9</v>
      </c>
      <c r="CY11" s="217">
        <v>0</v>
      </c>
      <c r="CZ11" s="219">
        <v>0</v>
      </c>
      <c r="DA11" s="219">
        <v>0</v>
      </c>
      <c r="DB11" s="220">
        <v>0</v>
      </c>
      <c r="DC11" s="218">
        <v>0</v>
      </c>
      <c r="DD11" s="218">
        <v>1</v>
      </c>
      <c r="DE11" s="218">
        <v>4</v>
      </c>
      <c r="DF11" s="219">
        <v>4</v>
      </c>
      <c r="DG11" s="240">
        <v>9</v>
      </c>
      <c r="DH11" s="242">
        <v>9</v>
      </c>
      <c r="DI11" s="222">
        <v>0</v>
      </c>
      <c r="DJ11" s="219">
        <v>0</v>
      </c>
      <c r="DK11" s="219">
        <v>0</v>
      </c>
      <c r="DL11" s="220">
        <v>0</v>
      </c>
      <c r="DM11" s="218">
        <v>0</v>
      </c>
      <c r="DN11" s="218">
        <v>0</v>
      </c>
      <c r="DO11" s="218">
        <v>0</v>
      </c>
      <c r="DP11" s="219">
        <v>0</v>
      </c>
      <c r="DQ11" s="240">
        <v>0</v>
      </c>
      <c r="DR11" s="242">
        <v>0</v>
      </c>
      <c r="DS11" s="222">
        <v>0</v>
      </c>
      <c r="DT11" s="219">
        <v>0</v>
      </c>
      <c r="DU11" s="219">
        <v>0</v>
      </c>
      <c r="DV11" s="220">
        <v>188</v>
      </c>
      <c r="DW11" s="218">
        <v>246</v>
      </c>
      <c r="DX11" s="218">
        <v>892</v>
      </c>
      <c r="DY11" s="218">
        <v>1222</v>
      </c>
      <c r="DZ11" s="219">
        <v>665</v>
      </c>
      <c r="EA11" s="240">
        <v>3213</v>
      </c>
      <c r="EB11" s="242">
        <v>3213</v>
      </c>
      <c r="EC11" s="239"/>
    </row>
    <row r="12" spans="2:133" ht="21" customHeight="1" x14ac:dyDescent="0.2">
      <c r="B12" s="106" t="s">
        <v>8</v>
      </c>
      <c r="C12" s="217">
        <v>0</v>
      </c>
      <c r="D12" s="219">
        <v>0</v>
      </c>
      <c r="E12" s="219">
        <v>0</v>
      </c>
      <c r="F12" s="220">
        <v>10</v>
      </c>
      <c r="G12" s="218">
        <v>60</v>
      </c>
      <c r="H12" s="218">
        <v>370</v>
      </c>
      <c r="I12" s="218">
        <v>400</v>
      </c>
      <c r="J12" s="219">
        <v>242</v>
      </c>
      <c r="K12" s="240">
        <v>1082</v>
      </c>
      <c r="L12" s="241">
        <v>1082</v>
      </c>
      <c r="M12" s="217">
        <v>0</v>
      </c>
      <c r="N12" s="219">
        <v>0</v>
      </c>
      <c r="O12" s="240">
        <v>0</v>
      </c>
      <c r="P12" s="220">
        <v>10</v>
      </c>
      <c r="Q12" s="218">
        <v>59</v>
      </c>
      <c r="R12" s="218">
        <v>369</v>
      </c>
      <c r="S12" s="218">
        <v>396</v>
      </c>
      <c r="T12" s="219">
        <v>239</v>
      </c>
      <c r="U12" s="240">
        <v>1073</v>
      </c>
      <c r="V12" s="242">
        <v>1073</v>
      </c>
      <c r="W12" s="222">
        <v>0</v>
      </c>
      <c r="X12" s="219">
        <v>0</v>
      </c>
      <c r="Y12" s="240">
        <v>0</v>
      </c>
      <c r="Z12" s="222">
        <v>0</v>
      </c>
      <c r="AA12" s="218">
        <v>1</v>
      </c>
      <c r="AB12" s="218">
        <v>1</v>
      </c>
      <c r="AC12" s="218">
        <v>4</v>
      </c>
      <c r="AD12" s="219">
        <v>3</v>
      </c>
      <c r="AE12" s="240">
        <v>9</v>
      </c>
      <c r="AF12" s="221">
        <v>9</v>
      </c>
      <c r="AG12" s="222">
        <v>0</v>
      </c>
      <c r="AH12" s="219">
        <v>0</v>
      </c>
      <c r="AI12" s="240">
        <v>0</v>
      </c>
      <c r="AJ12" s="222">
        <v>45</v>
      </c>
      <c r="AK12" s="218">
        <v>90</v>
      </c>
      <c r="AL12" s="218">
        <v>142</v>
      </c>
      <c r="AM12" s="218">
        <v>143</v>
      </c>
      <c r="AN12" s="219">
        <v>75</v>
      </c>
      <c r="AO12" s="240">
        <v>495</v>
      </c>
      <c r="AP12" s="221">
        <v>495</v>
      </c>
      <c r="AQ12" s="222">
        <v>0</v>
      </c>
      <c r="AR12" s="219">
        <v>0</v>
      </c>
      <c r="AS12" s="240">
        <v>0</v>
      </c>
      <c r="AT12" s="220">
        <v>45</v>
      </c>
      <c r="AU12" s="218">
        <v>90</v>
      </c>
      <c r="AV12" s="218">
        <v>140</v>
      </c>
      <c r="AW12" s="218">
        <v>143</v>
      </c>
      <c r="AX12" s="219">
        <v>73</v>
      </c>
      <c r="AY12" s="240">
        <v>491</v>
      </c>
      <c r="AZ12" s="241">
        <v>491</v>
      </c>
      <c r="BA12" s="217">
        <v>0</v>
      </c>
      <c r="BB12" s="219">
        <v>0</v>
      </c>
      <c r="BC12" s="219">
        <v>0</v>
      </c>
      <c r="BD12" s="220">
        <v>0</v>
      </c>
      <c r="BE12" s="218">
        <v>0</v>
      </c>
      <c r="BF12" s="218">
        <v>2</v>
      </c>
      <c r="BG12" s="218">
        <v>0</v>
      </c>
      <c r="BH12" s="219">
        <v>2</v>
      </c>
      <c r="BI12" s="240">
        <v>4</v>
      </c>
      <c r="BJ12" s="242">
        <v>4</v>
      </c>
      <c r="BK12" s="222">
        <v>0</v>
      </c>
      <c r="BL12" s="219">
        <v>0</v>
      </c>
      <c r="BM12" s="219">
        <v>0</v>
      </c>
      <c r="BN12" s="220">
        <v>0</v>
      </c>
      <c r="BO12" s="218">
        <v>0</v>
      </c>
      <c r="BP12" s="218">
        <v>0</v>
      </c>
      <c r="BQ12" s="218">
        <v>0</v>
      </c>
      <c r="BR12" s="219">
        <v>0</v>
      </c>
      <c r="BS12" s="240">
        <v>0</v>
      </c>
      <c r="BT12" s="241">
        <v>0</v>
      </c>
      <c r="BU12" s="217">
        <v>0</v>
      </c>
      <c r="BV12" s="219">
        <v>0</v>
      </c>
      <c r="BW12" s="219">
        <v>0</v>
      </c>
      <c r="BX12" s="220">
        <v>0</v>
      </c>
      <c r="BY12" s="218">
        <v>0</v>
      </c>
      <c r="BZ12" s="218">
        <v>0</v>
      </c>
      <c r="CA12" s="218">
        <v>0</v>
      </c>
      <c r="CB12" s="219">
        <v>0</v>
      </c>
      <c r="CC12" s="240">
        <v>0</v>
      </c>
      <c r="CD12" s="242">
        <v>0</v>
      </c>
      <c r="CE12" s="222">
        <v>0</v>
      </c>
      <c r="CF12" s="219">
        <v>0</v>
      </c>
      <c r="CG12" s="219">
        <v>0</v>
      </c>
      <c r="CH12" s="220">
        <v>0</v>
      </c>
      <c r="CI12" s="218">
        <v>0</v>
      </c>
      <c r="CJ12" s="218">
        <v>0</v>
      </c>
      <c r="CK12" s="218">
        <v>0</v>
      </c>
      <c r="CL12" s="219">
        <v>0</v>
      </c>
      <c r="CM12" s="240">
        <v>0</v>
      </c>
      <c r="CN12" s="242">
        <v>0</v>
      </c>
      <c r="CO12" s="222">
        <v>0</v>
      </c>
      <c r="CP12" s="219">
        <v>0</v>
      </c>
      <c r="CQ12" s="219">
        <v>0</v>
      </c>
      <c r="CR12" s="220">
        <v>1</v>
      </c>
      <c r="CS12" s="218">
        <v>0</v>
      </c>
      <c r="CT12" s="218">
        <v>1</v>
      </c>
      <c r="CU12" s="218">
        <v>8</v>
      </c>
      <c r="CV12" s="219">
        <v>10</v>
      </c>
      <c r="CW12" s="240">
        <v>20</v>
      </c>
      <c r="CX12" s="241">
        <v>20</v>
      </c>
      <c r="CY12" s="217">
        <v>0</v>
      </c>
      <c r="CZ12" s="219">
        <v>0</v>
      </c>
      <c r="DA12" s="219">
        <v>0</v>
      </c>
      <c r="DB12" s="220">
        <v>1</v>
      </c>
      <c r="DC12" s="218">
        <v>0</v>
      </c>
      <c r="DD12" s="218">
        <v>1</v>
      </c>
      <c r="DE12" s="218">
        <v>8</v>
      </c>
      <c r="DF12" s="219">
        <v>9</v>
      </c>
      <c r="DG12" s="240">
        <v>19</v>
      </c>
      <c r="DH12" s="242">
        <v>19</v>
      </c>
      <c r="DI12" s="222">
        <v>0</v>
      </c>
      <c r="DJ12" s="219">
        <v>0</v>
      </c>
      <c r="DK12" s="219">
        <v>0</v>
      </c>
      <c r="DL12" s="220">
        <v>0</v>
      </c>
      <c r="DM12" s="218">
        <v>0</v>
      </c>
      <c r="DN12" s="218">
        <v>0</v>
      </c>
      <c r="DO12" s="218">
        <v>0</v>
      </c>
      <c r="DP12" s="219">
        <v>1</v>
      </c>
      <c r="DQ12" s="240">
        <v>1</v>
      </c>
      <c r="DR12" s="242">
        <v>1</v>
      </c>
      <c r="DS12" s="222">
        <v>0</v>
      </c>
      <c r="DT12" s="219">
        <v>0</v>
      </c>
      <c r="DU12" s="219">
        <v>0</v>
      </c>
      <c r="DV12" s="220">
        <v>56</v>
      </c>
      <c r="DW12" s="218">
        <v>150</v>
      </c>
      <c r="DX12" s="218">
        <v>513</v>
      </c>
      <c r="DY12" s="218">
        <v>551</v>
      </c>
      <c r="DZ12" s="219">
        <v>327</v>
      </c>
      <c r="EA12" s="240">
        <v>1597</v>
      </c>
      <c r="EB12" s="242">
        <v>1597</v>
      </c>
      <c r="EC12" s="239"/>
    </row>
    <row r="13" spans="2:133" ht="21" customHeight="1" x14ac:dyDescent="0.2">
      <c r="B13" s="106" t="s">
        <v>9</v>
      </c>
      <c r="C13" s="217">
        <v>0</v>
      </c>
      <c r="D13" s="219">
        <v>0</v>
      </c>
      <c r="E13" s="219">
        <v>0</v>
      </c>
      <c r="F13" s="220">
        <v>2</v>
      </c>
      <c r="G13" s="218">
        <v>7</v>
      </c>
      <c r="H13" s="218">
        <v>210</v>
      </c>
      <c r="I13" s="218">
        <v>350</v>
      </c>
      <c r="J13" s="219">
        <v>279</v>
      </c>
      <c r="K13" s="240">
        <v>848</v>
      </c>
      <c r="L13" s="241">
        <v>848</v>
      </c>
      <c r="M13" s="217">
        <v>0</v>
      </c>
      <c r="N13" s="219">
        <v>0</v>
      </c>
      <c r="O13" s="240">
        <v>0</v>
      </c>
      <c r="P13" s="220">
        <v>2</v>
      </c>
      <c r="Q13" s="218">
        <v>7</v>
      </c>
      <c r="R13" s="218">
        <v>209</v>
      </c>
      <c r="S13" s="218">
        <v>347</v>
      </c>
      <c r="T13" s="219">
        <v>276</v>
      </c>
      <c r="U13" s="240">
        <v>841</v>
      </c>
      <c r="V13" s="242">
        <v>841</v>
      </c>
      <c r="W13" s="222">
        <v>0</v>
      </c>
      <c r="X13" s="219">
        <v>0</v>
      </c>
      <c r="Y13" s="240">
        <v>0</v>
      </c>
      <c r="Z13" s="222">
        <v>0</v>
      </c>
      <c r="AA13" s="218">
        <v>0</v>
      </c>
      <c r="AB13" s="218">
        <v>1</v>
      </c>
      <c r="AC13" s="218">
        <v>3</v>
      </c>
      <c r="AD13" s="219">
        <v>3</v>
      </c>
      <c r="AE13" s="240">
        <v>7</v>
      </c>
      <c r="AF13" s="221">
        <v>7</v>
      </c>
      <c r="AG13" s="222">
        <v>0</v>
      </c>
      <c r="AH13" s="219">
        <v>0</v>
      </c>
      <c r="AI13" s="240">
        <v>0</v>
      </c>
      <c r="AJ13" s="222">
        <v>34</v>
      </c>
      <c r="AK13" s="218">
        <v>60</v>
      </c>
      <c r="AL13" s="218">
        <v>111</v>
      </c>
      <c r="AM13" s="218">
        <v>103</v>
      </c>
      <c r="AN13" s="219">
        <v>80</v>
      </c>
      <c r="AO13" s="240">
        <v>388</v>
      </c>
      <c r="AP13" s="221">
        <v>388</v>
      </c>
      <c r="AQ13" s="222">
        <v>0</v>
      </c>
      <c r="AR13" s="219">
        <v>0</v>
      </c>
      <c r="AS13" s="240">
        <v>0</v>
      </c>
      <c r="AT13" s="220">
        <v>34</v>
      </c>
      <c r="AU13" s="218">
        <v>59</v>
      </c>
      <c r="AV13" s="218">
        <v>108</v>
      </c>
      <c r="AW13" s="218">
        <v>101</v>
      </c>
      <c r="AX13" s="219">
        <v>80</v>
      </c>
      <c r="AY13" s="240">
        <v>382</v>
      </c>
      <c r="AZ13" s="241">
        <v>382</v>
      </c>
      <c r="BA13" s="217">
        <v>0</v>
      </c>
      <c r="BB13" s="219">
        <v>0</v>
      </c>
      <c r="BC13" s="219">
        <v>0</v>
      </c>
      <c r="BD13" s="220">
        <v>0</v>
      </c>
      <c r="BE13" s="218">
        <v>1</v>
      </c>
      <c r="BF13" s="218">
        <v>3</v>
      </c>
      <c r="BG13" s="218">
        <v>2</v>
      </c>
      <c r="BH13" s="219">
        <v>0</v>
      </c>
      <c r="BI13" s="240">
        <v>6</v>
      </c>
      <c r="BJ13" s="242">
        <v>6</v>
      </c>
      <c r="BK13" s="222">
        <v>0</v>
      </c>
      <c r="BL13" s="219">
        <v>0</v>
      </c>
      <c r="BM13" s="219">
        <v>0</v>
      </c>
      <c r="BN13" s="220">
        <v>0</v>
      </c>
      <c r="BO13" s="218">
        <v>0</v>
      </c>
      <c r="BP13" s="218">
        <v>0</v>
      </c>
      <c r="BQ13" s="218">
        <v>0</v>
      </c>
      <c r="BR13" s="219">
        <v>0</v>
      </c>
      <c r="BS13" s="240">
        <v>0</v>
      </c>
      <c r="BT13" s="241">
        <v>0</v>
      </c>
      <c r="BU13" s="217">
        <v>0</v>
      </c>
      <c r="BV13" s="219">
        <v>0</v>
      </c>
      <c r="BW13" s="219">
        <v>0</v>
      </c>
      <c r="BX13" s="220">
        <v>0</v>
      </c>
      <c r="BY13" s="218">
        <v>0</v>
      </c>
      <c r="BZ13" s="218">
        <v>0</v>
      </c>
      <c r="CA13" s="218">
        <v>0</v>
      </c>
      <c r="CB13" s="219">
        <v>0</v>
      </c>
      <c r="CC13" s="240">
        <v>0</v>
      </c>
      <c r="CD13" s="242">
        <v>0</v>
      </c>
      <c r="CE13" s="222">
        <v>0</v>
      </c>
      <c r="CF13" s="219">
        <v>0</v>
      </c>
      <c r="CG13" s="219">
        <v>0</v>
      </c>
      <c r="CH13" s="220">
        <v>0</v>
      </c>
      <c r="CI13" s="218">
        <v>0</v>
      </c>
      <c r="CJ13" s="218">
        <v>0</v>
      </c>
      <c r="CK13" s="218">
        <v>0</v>
      </c>
      <c r="CL13" s="219">
        <v>0</v>
      </c>
      <c r="CM13" s="240">
        <v>0</v>
      </c>
      <c r="CN13" s="242">
        <v>0</v>
      </c>
      <c r="CO13" s="222">
        <v>0</v>
      </c>
      <c r="CP13" s="219">
        <v>0</v>
      </c>
      <c r="CQ13" s="219">
        <v>0</v>
      </c>
      <c r="CR13" s="220">
        <v>0</v>
      </c>
      <c r="CS13" s="218">
        <v>0</v>
      </c>
      <c r="CT13" s="218">
        <v>0</v>
      </c>
      <c r="CU13" s="218">
        <v>3</v>
      </c>
      <c r="CV13" s="219">
        <v>8</v>
      </c>
      <c r="CW13" s="240">
        <v>11</v>
      </c>
      <c r="CX13" s="241">
        <v>11</v>
      </c>
      <c r="CY13" s="217">
        <v>0</v>
      </c>
      <c r="CZ13" s="219">
        <v>0</v>
      </c>
      <c r="DA13" s="219">
        <v>0</v>
      </c>
      <c r="DB13" s="220">
        <v>0</v>
      </c>
      <c r="DC13" s="218">
        <v>0</v>
      </c>
      <c r="DD13" s="218">
        <v>0</v>
      </c>
      <c r="DE13" s="218">
        <v>3</v>
      </c>
      <c r="DF13" s="219">
        <v>8</v>
      </c>
      <c r="DG13" s="240">
        <v>11</v>
      </c>
      <c r="DH13" s="242">
        <v>11</v>
      </c>
      <c r="DI13" s="222">
        <v>0</v>
      </c>
      <c r="DJ13" s="219">
        <v>0</v>
      </c>
      <c r="DK13" s="219">
        <v>0</v>
      </c>
      <c r="DL13" s="220">
        <v>0</v>
      </c>
      <c r="DM13" s="218">
        <v>0</v>
      </c>
      <c r="DN13" s="218">
        <v>0</v>
      </c>
      <c r="DO13" s="218">
        <v>0</v>
      </c>
      <c r="DP13" s="219">
        <v>0</v>
      </c>
      <c r="DQ13" s="240">
        <v>0</v>
      </c>
      <c r="DR13" s="242">
        <v>0</v>
      </c>
      <c r="DS13" s="222">
        <v>0</v>
      </c>
      <c r="DT13" s="219">
        <v>0</v>
      </c>
      <c r="DU13" s="219">
        <v>0</v>
      </c>
      <c r="DV13" s="220">
        <v>36</v>
      </c>
      <c r="DW13" s="218">
        <v>67</v>
      </c>
      <c r="DX13" s="218">
        <v>318</v>
      </c>
      <c r="DY13" s="218">
        <v>454</v>
      </c>
      <c r="DZ13" s="219">
        <v>366</v>
      </c>
      <c r="EA13" s="240">
        <v>1241</v>
      </c>
      <c r="EB13" s="242">
        <v>1241</v>
      </c>
      <c r="EC13" s="239"/>
    </row>
    <row r="14" spans="2:133" ht="21" customHeight="1" x14ac:dyDescent="0.2">
      <c r="B14" s="106" t="s">
        <v>10</v>
      </c>
      <c r="C14" s="217">
        <v>0</v>
      </c>
      <c r="D14" s="219">
        <v>0</v>
      </c>
      <c r="E14" s="219">
        <v>0</v>
      </c>
      <c r="F14" s="220">
        <v>15</v>
      </c>
      <c r="G14" s="218">
        <v>51</v>
      </c>
      <c r="H14" s="218">
        <v>328</v>
      </c>
      <c r="I14" s="218">
        <v>620</v>
      </c>
      <c r="J14" s="219">
        <v>438</v>
      </c>
      <c r="K14" s="240">
        <v>1452</v>
      </c>
      <c r="L14" s="241">
        <v>1452</v>
      </c>
      <c r="M14" s="217">
        <v>0</v>
      </c>
      <c r="N14" s="219">
        <v>0</v>
      </c>
      <c r="O14" s="240">
        <v>0</v>
      </c>
      <c r="P14" s="220">
        <v>15</v>
      </c>
      <c r="Q14" s="218">
        <v>50</v>
      </c>
      <c r="R14" s="218">
        <v>324</v>
      </c>
      <c r="S14" s="218">
        <v>613</v>
      </c>
      <c r="T14" s="219">
        <v>433</v>
      </c>
      <c r="U14" s="240">
        <v>1435</v>
      </c>
      <c r="V14" s="242">
        <v>1435</v>
      </c>
      <c r="W14" s="222">
        <v>0</v>
      </c>
      <c r="X14" s="219">
        <v>0</v>
      </c>
      <c r="Y14" s="240">
        <v>0</v>
      </c>
      <c r="Z14" s="222">
        <v>0</v>
      </c>
      <c r="AA14" s="218">
        <v>1</v>
      </c>
      <c r="AB14" s="218">
        <v>4</v>
      </c>
      <c r="AC14" s="218">
        <v>7</v>
      </c>
      <c r="AD14" s="219">
        <v>5</v>
      </c>
      <c r="AE14" s="240">
        <v>17</v>
      </c>
      <c r="AF14" s="221">
        <v>17</v>
      </c>
      <c r="AG14" s="222">
        <v>0</v>
      </c>
      <c r="AH14" s="219">
        <v>0</v>
      </c>
      <c r="AI14" s="240">
        <v>0</v>
      </c>
      <c r="AJ14" s="222">
        <v>83</v>
      </c>
      <c r="AK14" s="218">
        <v>105</v>
      </c>
      <c r="AL14" s="218">
        <v>144</v>
      </c>
      <c r="AM14" s="218">
        <v>192</v>
      </c>
      <c r="AN14" s="219">
        <v>94</v>
      </c>
      <c r="AO14" s="240">
        <v>618</v>
      </c>
      <c r="AP14" s="221">
        <v>618</v>
      </c>
      <c r="AQ14" s="222">
        <v>0</v>
      </c>
      <c r="AR14" s="219">
        <v>0</v>
      </c>
      <c r="AS14" s="240">
        <v>0</v>
      </c>
      <c r="AT14" s="220">
        <v>80</v>
      </c>
      <c r="AU14" s="218">
        <v>104</v>
      </c>
      <c r="AV14" s="218">
        <v>140</v>
      </c>
      <c r="AW14" s="218">
        <v>189</v>
      </c>
      <c r="AX14" s="219">
        <v>90</v>
      </c>
      <c r="AY14" s="240">
        <v>603</v>
      </c>
      <c r="AZ14" s="241">
        <v>603</v>
      </c>
      <c r="BA14" s="217">
        <v>0</v>
      </c>
      <c r="BB14" s="219">
        <v>0</v>
      </c>
      <c r="BC14" s="219">
        <v>0</v>
      </c>
      <c r="BD14" s="220">
        <v>3</v>
      </c>
      <c r="BE14" s="218">
        <v>1</v>
      </c>
      <c r="BF14" s="218">
        <v>4</v>
      </c>
      <c r="BG14" s="218">
        <v>3</v>
      </c>
      <c r="BH14" s="219">
        <v>4</v>
      </c>
      <c r="BI14" s="240">
        <v>15</v>
      </c>
      <c r="BJ14" s="242">
        <v>15</v>
      </c>
      <c r="BK14" s="222">
        <v>0</v>
      </c>
      <c r="BL14" s="219">
        <v>0</v>
      </c>
      <c r="BM14" s="219">
        <v>0</v>
      </c>
      <c r="BN14" s="220">
        <v>0</v>
      </c>
      <c r="BO14" s="218">
        <v>0</v>
      </c>
      <c r="BP14" s="218">
        <v>0</v>
      </c>
      <c r="BQ14" s="218">
        <v>0</v>
      </c>
      <c r="BR14" s="219">
        <v>0</v>
      </c>
      <c r="BS14" s="240">
        <v>0</v>
      </c>
      <c r="BT14" s="241">
        <v>0</v>
      </c>
      <c r="BU14" s="217">
        <v>0</v>
      </c>
      <c r="BV14" s="219">
        <v>0</v>
      </c>
      <c r="BW14" s="219">
        <v>0</v>
      </c>
      <c r="BX14" s="220">
        <v>0</v>
      </c>
      <c r="BY14" s="218">
        <v>0</v>
      </c>
      <c r="BZ14" s="218">
        <v>0</v>
      </c>
      <c r="CA14" s="218">
        <v>0</v>
      </c>
      <c r="CB14" s="219">
        <v>0</v>
      </c>
      <c r="CC14" s="240">
        <v>0</v>
      </c>
      <c r="CD14" s="242">
        <v>0</v>
      </c>
      <c r="CE14" s="222">
        <v>0</v>
      </c>
      <c r="CF14" s="219">
        <v>0</v>
      </c>
      <c r="CG14" s="219">
        <v>0</v>
      </c>
      <c r="CH14" s="220">
        <v>0</v>
      </c>
      <c r="CI14" s="218">
        <v>0</v>
      </c>
      <c r="CJ14" s="218">
        <v>0</v>
      </c>
      <c r="CK14" s="218">
        <v>0</v>
      </c>
      <c r="CL14" s="219">
        <v>0</v>
      </c>
      <c r="CM14" s="240">
        <v>0</v>
      </c>
      <c r="CN14" s="242">
        <v>0</v>
      </c>
      <c r="CO14" s="222">
        <v>0</v>
      </c>
      <c r="CP14" s="219">
        <v>0</v>
      </c>
      <c r="CQ14" s="219">
        <v>0</v>
      </c>
      <c r="CR14" s="220">
        <v>0</v>
      </c>
      <c r="CS14" s="218">
        <v>1</v>
      </c>
      <c r="CT14" s="218">
        <v>2</v>
      </c>
      <c r="CU14" s="218">
        <v>5</v>
      </c>
      <c r="CV14" s="219">
        <v>27</v>
      </c>
      <c r="CW14" s="240">
        <v>35</v>
      </c>
      <c r="CX14" s="241">
        <v>35</v>
      </c>
      <c r="CY14" s="217">
        <v>0</v>
      </c>
      <c r="CZ14" s="219">
        <v>0</v>
      </c>
      <c r="DA14" s="219">
        <v>0</v>
      </c>
      <c r="DB14" s="220">
        <v>0</v>
      </c>
      <c r="DC14" s="218">
        <v>1</v>
      </c>
      <c r="DD14" s="218">
        <v>2</v>
      </c>
      <c r="DE14" s="218">
        <v>5</v>
      </c>
      <c r="DF14" s="219">
        <v>27</v>
      </c>
      <c r="DG14" s="240">
        <v>35</v>
      </c>
      <c r="DH14" s="242">
        <v>35</v>
      </c>
      <c r="DI14" s="222">
        <v>0</v>
      </c>
      <c r="DJ14" s="219">
        <v>0</v>
      </c>
      <c r="DK14" s="219">
        <v>0</v>
      </c>
      <c r="DL14" s="220">
        <v>0</v>
      </c>
      <c r="DM14" s="218">
        <v>0</v>
      </c>
      <c r="DN14" s="218">
        <v>0</v>
      </c>
      <c r="DO14" s="218">
        <v>0</v>
      </c>
      <c r="DP14" s="219">
        <v>0</v>
      </c>
      <c r="DQ14" s="240">
        <v>0</v>
      </c>
      <c r="DR14" s="242">
        <v>0</v>
      </c>
      <c r="DS14" s="222">
        <v>0</v>
      </c>
      <c r="DT14" s="219">
        <v>0</v>
      </c>
      <c r="DU14" s="219">
        <v>0</v>
      </c>
      <c r="DV14" s="220">
        <v>98</v>
      </c>
      <c r="DW14" s="218">
        <v>156</v>
      </c>
      <c r="DX14" s="218">
        <v>472</v>
      </c>
      <c r="DY14" s="218">
        <v>813</v>
      </c>
      <c r="DZ14" s="219">
        <v>558</v>
      </c>
      <c r="EA14" s="240">
        <v>2097</v>
      </c>
      <c r="EB14" s="242">
        <v>2097</v>
      </c>
      <c r="EC14" s="239"/>
    </row>
    <row r="15" spans="2:133" ht="21" customHeight="1" x14ac:dyDescent="0.2">
      <c r="B15" s="106" t="s">
        <v>11</v>
      </c>
      <c r="C15" s="217">
        <v>0</v>
      </c>
      <c r="D15" s="219">
        <v>0</v>
      </c>
      <c r="E15" s="219">
        <v>0</v>
      </c>
      <c r="F15" s="220">
        <v>3</v>
      </c>
      <c r="G15" s="218">
        <v>6</v>
      </c>
      <c r="H15" s="218">
        <v>195</v>
      </c>
      <c r="I15" s="218">
        <v>378</v>
      </c>
      <c r="J15" s="219">
        <v>212</v>
      </c>
      <c r="K15" s="240">
        <v>794</v>
      </c>
      <c r="L15" s="241">
        <v>794</v>
      </c>
      <c r="M15" s="217">
        <v>0</v>
      </c>
      <c r="N15" s="219">
        <v>0</v>
      </c>
      <c r="O15" s="240">
        <v>0</v>
      </c>
      <c r="P15" s="220">
        <v>3</v>
      </c>
      <c r="Q15" s="218">
        <v>6</v>
      </c>
      <c r="R15" s="218">
        <v>194</v>
      </c>
      <c r="S15" s="218">
        <v>376</v>
      </c>
      <c r="T15" s="219">
        <v>212</v>
      </c>
      <c r="U15" s="240">
        <v>791</v>
      </c>
      <c r="V15" s="242">
        <v>791</v>
      </c>
      <c r="W15" s="222">
        <v>0</v>
      </c>
      <c r="X15" s="219">
        <v>0</v>
      </c>
      <c r="Y15" s="240">
        <v>0</v>
      </c>
      <c r="Z15" s="222">
        <v>0</v>
      </c>
      <c r="AA15" s="218">
        <v>0</v>
      </c>
      <c r="AB15" s="218">
        <v>1</v>
      </c>
      <c r="AC15" s="218">
        <v>2</v>
      </c>
      <c r="AD15" s="219">
        <v>0</v>
      </c>
      <c r="AE15" s="240">
        <v>3</v>
      </c>
      <c r="AF15" s="221">
        <v>3</v>
      </c>
      <c r="AG15" s="222">
        <v>0</v>
      </c>
      <c r="AH15" s="219">
        <v>0</v>
      </c>
      <c r="AI15" s="240">
        <v>0</v>
      </c>
      <c r="AJ15" s="222">
        <v>45</v>
      </c>
      <c r="AK15" s="218">
        <v>83</v>
      </c>
      <c r="AL15" s="218">
        <v>117</v>
      </c>
      <c r="AM15" s="218">
        <v>147</v>
      </c>
      <c r="AN15" s="219">
        <v>66</v>
      </c>
      <c r="AO15" s="240">
        <v>458</v>
      </c>
      <c r="AP15" s="221">
        <v>458</v>
      </c>
      <c r="AQ15" s="222">
        <v>0</v>
      </c>
      <c r="AR15" s="219">
        <v>0</v>
      </c>
      <c r="AS15" s="240">
        <v>0</v>
      </c>
      <c r="AT15" s="220">
        <v>45</v>
      </c>
      <c r="AU15" s="218">
        <v>82</v>
      </c>
      <c r="AV15" s="218">
        <v>115</v>
      </c>
      <c r="AW15" s="218">
        <v>145</v>
      </c>
      <c r="AX15" s="219">
        <v>65</v>
      </c>
      <c r="AY15" s="240">
        <v>452</v>
      </c>
      <c r="AZ15" s="241">
        <v>452</v>
      </c>
      <c r="BA15" s="217">
        <v>0</v>
      </c>
      <c r="BB15" s="219">
        <v>0</v>
      </c>
      <c r="BC15" s="219">
        <v>0</v>
      </c>
      <c r="BD15" s="220">
        <v>0</v>
      </c>
      <c r="BE15" s="218">
        <v>1</v>
      </c>
      <c r="BF15" s="218">
        <v>2</v>
      </c>
      <c r="BG15" s="218">
        <v>2</v>
      </c>
      <c r="BH15" s="219">
        <v>1</v>
      </c>
      <c r="BI15" s="240">
        <v>6</v>
      </c>
      <c r="BJ15" s="242">
        <v>6</v>
      </c>
      <c r="BK15" s="222">
        <v>0</v>
      </c>
      <c r="BL15" s="219">
        <v>0</v>
      </c>
      <c r="BM15" s="219">
        <v>0</v>
      </c>
      <c r="BN15" s="220">
        <v>0</v>
      </c>
      <c r="BO15" s="218">
        <v>0</v>
      </c>
      <c r="BP15" s="218">
        <v>0</v>
      </c>
      <c r="BQ15" s="218">
        <v>0</v>
      </c>
      <c r="BR15" s="219">
        <v>0</v>
      </c>
      <c r="BS15" s="240">
        <v>0</v>
      </c>
      <c r="BT15" s="241">
        <v>0</v>
      </c>
      <c r="BU15" s="217">
        <v>0</v>
      </c>
      <c r="BV15" s="219">
        <v>0</v>
      </c>
      <c r="BW15" s="219">
        <v>0</v>
      </c>
      <c r="BX15" s="220">
        <v>0</v>
      </c>
      <c r="BY15" s="218">
        <v>0</v>
      </c>
      <c r="BZ15" s="218">
        <v>0</v>
      </c>
      <c r="CA15" s="218">
        <v>0</v>
      </c>
      <c r="CB15" s="219">
        <v>0</v>
      </c>
      <c r="CC15" s="240">
        <v>0</v>
      </c>
      <c r="CD15" s="242">
        <v>0</v>
      </c>
      <c r="CE15" s="222">
        <v>0</v>
      </c>
      <c r="CF15" s="219">
        <v>0</v>
      </c>
      <c r="CG15" s="219">
        <v>0</v>
      </c>
      <c r="CH15" s="220">
        <v>0</v>
      </c>
      <c r="CI15" s="218">
        <v>0</v>
      </c>
      <c r="CJ15" s="218">
        <v>0</v>
      </c>
      <c r="CK15" s="218">
        <v>0</v>
      </c>
      <c r="CL15" s="219">
        <v>0</v>
      </c>
      <c r="CM15" s="240">
        <v>0</v>
      </c>
      <c r="CN15" s="242">
        <v>0</v>
      </c>
      <c r="CO15" s="222">
        <v>0</v>
      </c>
      <c r="CP15" s="219">
        <v>0</v>
      </c>
      <c r="CQ15" s="219">
        <v>0</v>
      </c>
      <c r="CR15" s="220">
        <v>4</v>
      </c>
      <c r="CS15" s="218">
        <v>6</v>
      </c>
      <c r="CT15" s="218">
        <v>9</v>
      </c>
      <c r="CU15" s="218">
        <v>12</v>
      </c>
      <c r="CV15" s="219">
        <v>37</v>
      </c>
      <c r="CW15" s="240">
        <v>68</v>
      </c>
      <c r="CX15" s="241">
        <v>68</v>
      </c>
      <c r="CY15" s="217">
        <v>0</v>
      </c>
      <c r="CZ15" s="219">
        <v>0</v>
      </c>
      <c r="DA15" s="219">
        <v>0</v>
      </c>
      <c r="DB15" s="220">
        <v>4</v>
      </c>
      <c r="DC15" s="218">
        <v>6</v>
      </c>
      <c r="DD15" s="218">
        <v>9</v>
      </c>
      <c r="DE15" s="218">
        <v>12</v>
      </c>
      <c r="DF15" s="219">
        <v>36</v>
      </c>
      <c r="DG15" s="240">
        <v>67</v>
      </c>
      <c r="DH15" s="242">
        <v>67</v>
      </c>
      <c r="DI15" s="222">
        <v>0</v>
      </c>
      <c r="DJ15" s="219">
        <v>0</v>
      </c>
      <c r="DK15" s="219">
        <v>0</v>
      </c>
      <c r="DL15" s="220">
        <v>0</v>
      </c>
      <c r="DM15" s="218">
        <v>0</v>
      </c>
      <c r="DN15" s="218">
        <v>0</v>
      </c>
      <c r="DO15" s="218">
        <v>0</v>
      </c>
      <c r="DP15" s="219">
        <v>1</v>
      </c>
      <c r="DQ15" s="240">
        <v>1</v>
      </c>
      <c r="DR15" s="242">
        <v>1</v>
      </c>
      <c r="DS15" s="222">
        <v>0</v>
      </c>
      <c r="DT15" s="219">
        <v>0</v>
      </c>
      <c r="DU15" s="219">
        <v>0</v>
      </c>
      <c r="DV15" s="220">
        <v>52</v>
      </c>
      <c r="DW15" s="218">
        <v>95</v>
      </c>
      <c r="DX15" s="218">
        <v>321</v>
      </c>
      <c r="DY15" s="218">
        <v>535</v>
      </c>
      <c r="DZ15" s="219">
        <v>314</v>
      </c>
      <c r="EA15" s="240">
        <v>1317</v>
      </c>
      <c r="EB15" s="242">
        <v>1317</v>
      </c>
      <c r="EC15" s="239"/>
    </row>
    <row r="16" spans="2:133" ht="21" customHeight="1" x14ac:dyDescent="0.2">
      <c r="B16" s="106" t="s">
        <v>12</v>
      </c>
      <c r="C16" s="217">
        <v>0</v>
      </c>
      <c r="D16" s="219">
        <v>0</v>
      </c>
      <c r="E16" s="219">
        <v>0</v>
      </c>
      <c r="F16" s="220">
        <v>3</v>
      </c>
      <c r="G16" s="218">
        <v>15</v>
      </c>
      <c r="H16" s="218">
        <v>196</v>
      </c>
      <c r="I16" s="218">
        <v>344</v>
      </c>
      <c r="J16" s="219">
        <v>200</v>
      </c>
      <c r="K16" s="240">
        <v>758</v>
      </c>
      <c r="L16" s="241">
        <v>758</v>
      </c>
      <c r="M16" s="217">
        <v>0</v>
      </c>
      <c r="N16" s="219">
        <v>0</v>
      </c>
      <c r="O16" s="240">
        <v>0</v>
      </c>
      <c r="P16" s="220">
        <v>3</v>
      </c>
      <c r="Q16" s="218">
        <v>15</v>
      </c>
      <c r="R16" s="218">
        <v>196</v>
      </c>
      <c r="S16" s="218">
        <v>343</v>
      </c>
      <c r="T16" s="219">
        <v>198</v>
      </c>
      <c r="U16" s="240">
        <v>755</v>
      </c>
      <c r="V16" s="242">
        <v>755</v>
      </c>
      <c r="W16" s="222">
        <v>0</v>
      </c>
      <c r="X16" s="219">
        <v>0</v>
      </c>
      <c r="Y16" s="240">
        <v>0</v>
      </c>
      <c r="Z16" s="222">
        <v>0</v>
      </c>
      <c r="AA16" s="218">
        <v>0</v>
      </c>
      <c r="AB16" s="218">
        <v>0</v>
      </c>
      <c r="AC16" s="218">
        <v>1</v>
      </c>
      <c r="AD16" s="219">
        <v>2</v>
      </c>
      <c r="AE16" s="240">
        <v>3</v>
      </c>
      <c r="AF16" s="221">
        <v>3</v>
      </c>
      <c r="AG16" s="222">
        <v>0</v>
      </c>
      <c r="AH16" s="219">
        <v>0</v>
      </c>
      <c r="AI16" s="240">
        <v>0</v>
      </c>
      <c r="AJ16" s="222">
        <v>38</v>
      </c>
      <c r="AK16" s="218">
        <v>85</v>
      </c>
      <c r="AL16" s="218">
        <v>165</v>
      </c>
      <c r="AM16" s="218">
        <v>179</v>
      </c>
      <c r="AN16" s="219">
        <v>79</v>
      </c>
      <c r="AO16" s="240">
        <v>546</v>
      </c>
      <c r="AP16" s="221">
        <v>546</v>
      </c>
      <c r="AQ16" s="222">
        <v>0</v>
      </c>
      <c r="AR16" s="219">
        <v>0</v>
      </c>
      <c r="AS16" s="240">
        <v>0</v>
      </c>
      <c r="AT16" s="220">
        <v>36</v>
      </c>
      <c r="AU16" s="218">
        <v>85</v>
      </c>
      <c r="AV16" s="218">
        <v>163</v>
      </c>
      <c r="AW16" s="218">
        <v>178</v>
      </c>
      <c r="AX16" s="219">
        <v>77</v>
      </c>
      <c r="AY16" s="240">
        <v>539</v>
      </c>
      <c r="AZ16" s="241">
        <v>539</v>
      </c>
      <c r="BA16" s="217">
        <v>0</v>
      </c>
      <c r="BB16" s="219">
        <v>0</v>
      </c>
      <c r="BC16" s="219">
        <v>0</v>
      </c>
      <c r="BD16" s="220">
        <v>2</v>
      </c>
      <c r="BE16" s="218">
        <v>0</v>
      </c>
      <c r="BF16" s="218">
        <v>2</v>
      </c>
      <c r="BG16" s="218">
        <v>1</v>
      </c>
      <c r="BH16" s="219">
        <v>2</v>
      </c>
      <c r="BI16" s="240">
        <v>7</v>
      </c>
      <c r="BJ16" s="242">
        <v>7</v>
      </c>
      <c r="BK16" s="222">
        <v>0</v>
      </c>
      <c r="BL16" s="219">
        <v>0</v>
      </c>
      <c r="BM16" s="219">
        <v>0</v>
      </c>
      <c r="BN16" s="220">
        <v>0</v>
      </c>
      <c r="BO16" s="218">
        <v>0</v>
      </c>
      <c r="BP16" s="218">
        <v>0</v>
      </c>
      <c r="BQ16" s="218">
        <v>0</v>
      </c>
      <c r="BR16" s="219">
        <v>0</v>
      </c>
      <c r="BS16" s="240">
        <v>0</v>
      </c>
      <c r="BT16" s="241">
        <v>0</v>
      </c>
      <c r="BU16" s="217">
        <v>0</v>
      </c>
      <c r="BV16" s="219">
        <v>0</v>
      </c>
      <c r="BW16" s="219">
        <v>0</v>
      </c>
      <c r="BX16" s="220">
        <v>0</v>
      </c>
      <c r="BY16" s="218">
        <v>0</v>
      </c>
      <c r="BZ16" s="218">
        <v>0</v>
      </c>
      <c r="CA16" s="218">
        <v>0</v>
      </c>
      <c r="CB16" s="219">
        <v>0</v>
      </c>
      <c r="CC16" s="240">
        <v>0</v>
      </c>
      <c r="CD16" s="242">
        <v>0</v>
      </c>
      <c r="CE16" s="222">
        <v>0</v>
      </c>
      <c r="CF16" s="219">
        <v>0</v>
      </c>
      <c r="CG16" s="219">
        <v>0</v>
      </c>
      <c r="CH16" s="220">
        <v>0</v>
      </c>
      <c r="CI16" s="218">
        <v>0</v>
      </c>
      <c r="CJ16" s="218">
        <v>0</v>
      </c>
      <c r="CK16" s="218">
        <v>0</v>
      </c>
      <c r="CL16" s="219">
        <v>0</v>
      </c>
      <c r="CM16" s="240">
        <v>0</v>
      </c>
      <c r="CN16" s="242">
        <v>0</v>
      </c>
      <c r="CO16" s="222">
        <v>0</v>
      </c>
      <c r="CP16" s="219">
        <v>0</v>
      </c>
      <c r="CQ16" s="219">
        <v>0</v>
      </c>
      <c r="CR16" s="220">
        <v>0</v>
      </c>
      <c r="CS16" s="218">
        <v>0</v>
      </c>
      <c r="CT16" s="218">
        <v>3</v>
      </c>
      <c r="CU16" s="218">
        <v>18</v>
      </c>
      <c r="CV16" s="219">
        <v>12</v>
      </c>
      <c r="CW16" s="240">
        <v>33</v>
      </c>
      <c r="CX16" s="241">
        <v>33</v>
      </c>
      <c r="CY16" s="217">
        <v>0</v>
      </c>
      <c r="CZ16" s="219">
        <v>0</v>
      </c>
      <c r="DA16" s="219">
        <v>0</v>
      </c>
      <c r="DB16" s="220">
        <v>0</v>
      </c>
      <c r="DC16" s="218">
        <v>0</v>
      </c>
      <c r="DD16" s="218">
        <v>3</v>
      </c>
      <c r="DE16" s="218">
        <v>18</v>
      </c>
      <c r="DF16" s="219">
        <v>12</v>
      </c>
      <c r="DG16" s="240">
        <v>33</v>
      </c>
      <c r="DH16" s="242">
        <v>33</v>
      </c>
      <c r="DI16" s="222">
        <v>0</v>
      </c>
      <c r="DJ16" s="219">
        <v>0</v>
      </c>
      <c r="DK16" s="219">
        <v>0</v>
      </c>
      <c r="DL16" s="220">
        <v>0</v>
      </c>
      <c r="DM16" s="218">
        <v>0</v>
      </c>
      <c r="DN16" s="218">
        <v>0</v>
      </c>
      <c r="DO16" s="218">
        <v>0</v>
      </c>
      <c r="DP16" s="219">
        <v>0</v>
      </c>
      <c r="DQ16" s="240">
        <v>0</v>
      </c>
      <c r="DR16" s="242">
        <v>0</v>
      </c>
      <c r="DS16" s="222">
        <v>0</v>
      </c>
      <c r="DT16" s="219">
        <v>0</v>
      </c>
      <c r="DU16" s="219">
        <v>0</v>
      </c>
      <c r="DV16" s="220">
        <v>41</v>
      </c>
      <c r="DW16" s="218">
        <v>100</v>
      </c>
      <c r="DX16" s="218">
        <v>362</v>
      </c>
      <c r="DY16" s="218">
        <v>538</v>
      </c>
      <c r="DZ16" s="219">
        <v>287</v>
      </c>
      <c r="EA16" s="240">
        <v>1328</v>
      </c>
      <c r="EB16" s="242">
        <v>1328</v>
      </c>
      <c r="EC16" s="239"/>
    </row>
    <row r="17" spans="2:133" ht="21" customHeight="1" x14ac:dyDescent="0.2">
      <c r="B17" s="106" t="s">
        <v>13</v>
      </c>
      <c r="C17" s="217">
        <v>0</v>
      </c>
      <c r="D17" s="219">
        <v>0</v>
      </c>
      <c r="E17" s="219">
        <v>0</v>
      </c>
      <c r="F17" s="220">
        <v>1</v>
      </c>
      <c r="G17" s="218">
        <v>6</v>
      </c>
      <c r="H17" s="218">
        <v>63</v>
      </c>
      <c r="I17" s="218">
        <v>135</v>
      </c>
      <c r="J17" s="219">
        <v>128</v>
      </c>
      <c r="K17" s="240">
        <v>333</v>
      </c>
      <c r="L17" s="241">
        <v>333</v>
      </c>
      <c r="M17" s="217">
        <v>0</v>
      </c>
      <c r="N17" s="219">
        <v>0</v>
      </c>
      <c r="O17" s="240">
        <v>0</v>
      </c>
      <c r="P17" s="220">
        <v>1</v>
      </c>
      <c r="Q17" s="218">
        <v>6</v>
      </c>
      <c r="R17" s="218">
        <v>62</v>
      </c>
      <c r="S17" s="218">
        <v>135</v>
      </c>
      <c r="T17" s="219">
        <v>127</v>
      </c>
      <c r="U17" s="240">
        <v>331</v>
      </c>
      <c r="V17" s="242">
        <v>331</v>
      </c>
      <c r="W17" s="222">
        <v>0</v>
      </c>
      <c r="X17" s="219">
        <v>0</v>
      </c>
      <c r="Y17" s="240">
        <v>0</v>
      </c>
      <c r="Z17" s="222">
        <v>0</v>
      </c>
      <c r="AA17" s="218">
        <v>0</v>
      </c>
      <c r="AB17" s="218">
        <v>1</v>
      </c>
      <c r="AC17" s="218">
        <v>0</v>
      </c>
      <c r="AD17" s="219">
        <v>1</v>
      </c>
      <c r="AE17" s="240">
        <v>2</v>
      </c>
      <c r="AF17" s="221">
        <v>2</v>
      </c>
      <c r="AG17" s="222">
        <v>0</v>
      </c>
      <c r="AH17" s="219">
        <v>0</v>
      </c>
      <c r="AI17" s="240">
        <v>0</v>
      </c>
      <c r="AJ17" s="222">
        <v>11</v>
      </c>
      <c r="AK17" s="218">
        <v>17</v>
      </c>
      <c r="AL17" s="218">
        <v>34</v>
      </c>
      <c r="AM17" s="218">
        <v>36</v>
      </c>
      <c r="AN17" s="219">
        <v>23</v>
      </c>
      <c r="AO17" s="240">
        <v>121</v>
      </c>
      <c r="AP17" s="221">
        <v>121</v>
      </c>
      <c r="AQ17" s="222">
        <v>0</v>
      </c>
      <c r="AR17" s="219">
        <v>0</v>
      </c>
      <c r="AS17" s="240">
        <v>0</v>
      </c>
      <c r="AT17" s="220">
        <v>10</v>
      </c>
      <c r="AU17" s="218">
        <v>16</v>
      </c>
      <c r="AV17" s="218">
        <v>34</v>
      </c>
      <c r="AW17" s="218">
        <v>35</v>
      </c>
      <c r="AX17" s="219">
        <v>22</v>
      </c>
      <c r="AY17" s="240">
        <v>117</v>
      </c>
      <c r="AZ17" s="241">
        <v>117</v>
      </c>
      <c r="BA17" s="217">
        <v>0</v>
      </c>
      <c r="BB17" s="219">
        <v>0</v>
      </c>
      <c r="BC17" s="219">
        <v>0</v>
      </c>
      <c r="BD17" s="220">
        <v>1</v>
      </c>
      <c r="BE17" s="218">
        <v>1</v>
      </c>
      <c r="BF17" s="218">
        <v>0</v>
      </c>
      <c r="BG17" s="218">
        <v>1</v>
      </c>
      <c r="BH17" s="219">
        <v>1</v>
      </c>
      <c r="BI17" s="240">
        <v>4</v>
      </c>
      <c r="BJ17" s="242">
        <v>4</v>
      </c>
      <c r="BK17" s="222">
        <v>0</v>
      </c>
      <c r="BL17" s="219">
        <v>0</v>
      </c>
      <c r="BM17" s="219">
        <v>0</v>
      </c>
      <c r="BN17" s="220">
        <v>0</v>
      </c>
      <c r="BO17" s="218">
        <v>0</v>
      </c>
      <c r="BP17" s="218">
        <v>0</v>
      </c>
      <c r="BQ17" s="218">
        <v>0</v>
      </c>
      <c r="BR17" s="219">
        <v>0</v>
      </c>
      <c r="BS17" s="240">
        <v>0</v>
      </c>
      <c r="BT17" s="241">
        <v>0</v>
      </c>
      <c r="BU17" s="217">
        <v>0</v>
      </c>
      <c r="BV17" s="219">
        <v>0</v>
      </c>
      <c r="BW17" s="219">
        <v>0</v>
      </c>
      <c r="BX17" s="220">
        <v>0</v>
      </c>
      <c r="BY17" s="218">
        <v>0</v>
      </c>
      <c r="BZ17" s="218">
        <v>0</v>
      </c>
      <c r="CA17" s="218">
        <v>0</v>
      </c>
      <c r="CB17" s="219">
        <v>0</v>
      </c>
      <c r="CC17" s="240">
        <v>0</v>
      </c>
      <c r="CD17" s="242">
        <v>0</v>
      </c>
      <c r="CE17" s="222">
        <v>0</v>
      </c>
      <c r="CF17" s="219">
        <v>0</v>
      </c>
      <c r="CG17" s="219">
        <v>0</v>
      </c>
      <c r="CH17" s="220">
        <v>0</v>
      </c>
      <c r="CI17" s="218">
        <v>0</v>
      </c>
      <c r="CJ17" s="218">
        <v>0</v>
      </c>
      <c r="CK17" s="218">
        <v>0</v>
      </c>
      <c r="CL17" s="219">
        <v>0</v>
      </c>
      <c r="CM17" s="240">
        <v>0</v>
      </c>
      <c r="CN17" s="242">
        <v>0</v>
      </c>
      <c r="CO17" s="222">
        <v>0</v>
      </c>
      <c r="CP17" s="219">
        <v>0</v>
      </c>
      <c r="CQ17" s="219">
        <v>0</v>
      </c>
      <c r="CR17" s="220">
        <v>0</v>
      </c>
      <c r="CS17" s="218">
        <v>0</v>
      </c>
      <c r="CT17" s="218">
        <v>0</v>
      </c>
      <c r="CU17" s="218">
        <v>0</v>
      </c>
      <c r="CV17" s="219">
        <v>0</v>
      </c>
      <c r="CW17" s="240">
        <v>0</v>
      </c>
      <c r="CX17" s="241">
        <v>0</v>
      </c>
      <c r="CY17" s="217">
        <v>0</v>
      </c>
      <c r="CZ17" s="219">
        <v>0</v>
      </c>
      <c r="DA17" s="219">
        <v>0</v>
      </c>
      <c r="DB17" s="220">
        <v>0</v>
      </c>
      <c r="DC17" s="218">
        <v>0</v>
      </c>
      <c r="DD17" s="218">
        <v>0</v>
      </c>
      <c r="DE17" s="218">
        <v>0</v>
      </c>
      <c r="DF17" s="219">
        <v>0</v>
      </c>
      <c r="DG17" s="240">
        <v>0</v>
      </c>
      <c r="DH17" s="242">
        <v>0</v>
      </c>
      <c r="DI17" s="222">
        <v>0</v>
      </c>
      <c r="DJ17" s="219">
        <v>0</v>
      </c>
      <c r="DK17" s="219">
        <v>0</v>
      </c>
      <c r="DL17" s="220">
        <v>0</v>
      </c>
      <c r="DM17" s="218">
        <v>0</v>
      </c>
      <c r="DN17" s="218">
        <v>0</v>
      </c>
      <c r="DO17" s="218">
        <v>0</v>
      </c>
      <c r="DP17" s="219">
        <v>0</v>
      </c>
      <c r="DQ17" s="240">
        <v>0</v>
      </c>
      <c r="DR17" s="242">
        <v>0</v>
      </c>
      <c r="DS17" s="222">
        <v>0</v>
      </c>
      <c r="DT17" s="219">
        <v>0</v>
      </c>
      <c r="DU17" s="219">
        <v>0</v>
      </c>
      <c r="DV17" s="220">
        <v>12</v>
      </c>
      <c r="DW17" s="218">
        <v>23</v>
      </c>
      <c r="DX17" s="218">
        <v>97</v>
      </c>
      <c r="DY17" s="218">
        <v>171</v>
      </c>
      <c r="DZ17" s="219">
        <v>151</v>
      </c>
      <c r="EA17" s="240">
        <v>454</v>
      </c>
      <c r="EB17" s="242">
        <v>454</v>
      </c>
      <c r="EC17" s="239"/>
    </row>
    <row r="18" spans="2:133" ht="21" customHeight="1" x14ac:dyDescent="0.2">
      <c r="B18" s="106" t="s">
        <v>15</v>
      </c>
      <c r="C18" s="217">
        <v>0</v>
      </c>
      <c r="D18" s="219">
        <v>0</v>
      </c>
      <c r="E18" s="219">
        <v>0</v>
      </c>
      <c r="F18" s="220">
        <v>1</v>
      </c>
      <c r="G18" s="218">
        <v>1</v>
      </c>
      <c r="H18" s="218">
        <v>84</v>
      </c>
      <c r="I18" s="218">
        <v>164</v>
      </c>
      <c r="J18" s="219">
        <v>69</v>
      </c>
      <c r="K18" s="240">
        <v>319</v>
      </c>
      <c r="L18" s="241">
        <v>319</v>
      </c>
      <c r="M18" s="217">
        <v>0</v>
      </c>
      <c r="N18" s="219">
        <v>0</v>
      </c>
      <c r="O18" s="240">
        <v>0</v>
      </c>
      <c r="P18" s="220">
        <v>1</v>
      </c>
      <c r="Q18" s="218">
        <v>1</v>
      </c>
      <c r="R18" s="218">
        <v>84</v>
      </c>
      <c r="S18" s="218">
        <v>162</v>
      </c>
      <c r="T18" s="219">
        <v>67</v>
      </c>
      <c r="U18" s="240">
        <v>315</v>
      </c>
      <c r="V18" s="242">
        <v>315</v>
      </c>
      <c r="W18" s="222">
        <v>0</v>
      </c>
      <c r="X18" s="219">
        <v>0</v>
      </c>
      <c r="Y18" s="240">
        <v>0</v>
      </c>
      <c r="Z18" s="222">
        <v>0</v>
      </c>
      <c r="AA18" s="218">
        <v>0</v>
      </c>
      <c r="AB18" s="218">
        <v>0</v>
      </c>
      <c r="AC18" s="218">
        <v>2</v>
      </c>
      <c r="AD18" s="219">
        <v>2</v>
      </c>
      <c r="AE18" s="240">
        <v>4</v>
      </c>
      <c r="AF18" s="221">
        <v>4</v>
      </c>
      <c r="AG18" s="222">
        <v>0</v>
      </c>
      <c r="AH18" s="219">
        <v>0</v>
      </c>
      <c r="AI18" s="240">
        <v>0</v>
      </c>
      <c r="AJ18" s="222">
        <v>17</v>
      </c>
      <c r="AK18" s="218">
        <v>29</v>
      </c>
      <c r="AL18" s="218">
        <v>45</v>
      </c>
      <c r="AM18" s="218">
        <v>62</v>
      </c>
      <c r="AN18" s="219">
        <v>25</v>
      </c>
      <c r="AO18" s="240">
        <v>178</v>
      </c>
      <c r="AP18" s="221">
        <v>178</v>
      </c>
      <c r="AQ18" s="222">
        <v>0</v>
      </c>
      <c r="AR18" s="219">
        <v>0</v>
      </c>
      <c r="AS18" s="240">
        <v>0</v>
      </c>
      <c r="AT18" s="220">
        <v>17</v>
      </c>
      <c r="AU18" s="218">
        <v>29</v>
      </c>
      <c r="AV18" s="218">
        <v>45</v>
      </c>
      <c r="AW18" s="218">
        <v>60</v>
      </c>
      <c r="AX18" s="219">
        <v>24</v>
      </c>
      <c r="AY18" s="240">
        <v>175</v>
      </c>
      <c r="AZ18" s="241">
        <v>175</v>
      </c>
      <c r="BA18" s="217">
        <v>0</v>
      </c>
      <c r="BB18" s="219">
        <v>0</v>
      </c>
      <c r="BC18" s="219">
        <v>0</v>
      </c>
      <c r="BD18" s="220">
        <v>0</v>
      </c>
      <c r="BE18" s="218">
        <v>0</v>
      </c>
      <c r="BF18" s="218">
        <v>0</v>
      </c>
      <c r="BG18" s="218">
        <v>2</v>
      </c>
      <c r="BH18" s="219">
        <v>1</v>
      </c>
      <c r="BI18" s="240">
        <v>3</v>
      </c>
      <c r="BJ18" s="242">
        <v>3</v>
      </c>
      <c r="BK18" s="222">
        <v>0</v>
      </c>
      <c r="BL18" s="219">
        <v>0</v>
      </c>
      <c r="BM18" s="219">
        <v>0</v>
      </c>
      <c r="BN18" s="220">
        <v>0</v>
      </c>
      <c r="BO18" s="218">
        <v>0</v>
      </c>
      <c r="BP18" s="218">
        <v>0</v>
      </c>
      <c r="BQ18" s="218">
        <v>0</v>
      </c>
      <c r="BR18" s="219">
        <v>0</v>
      </c>
      <c r="BS18" s="240">
        <v>0</v>
      </c>
      <c r="BT18" s="241">
        <v>0</v>
      </c>
      <c r="BU18" s="217">
        <v>0</v>
      </c>
      <c r="BV18" s="219">
        <v>0</v>
      </c>
      <c r="BW18" s="219">
        <v>0</v>
      </c>
      <c r="BX18" s="220">
        <v>0</v>
      </c>
      <c r="BY18" s="218">
        <v>0</v>
      </c>
      <c r="BZ18" s="218">
        <v>0</v>
      </c>
      <c r="CA18" s="218">
        <v>0</v>
      </c>
      <c r="CB18" s="219">
        <v>0</v>
      </c>
      <c r="CC18" s="240">
        <v>0</v>
      </c>
      <c r="CD18" s="242">
        <v>0</v>
      </c>
      <c r="CE18" s="222">
        <v>0</v>
      </c>
      <c r="CF18" s="219">
        <v>0</v>
      </c>
      <c r="CG18" s="219">
        <v>0</v>
      </c>
      <c r="CH18" s="220">
        <v>0</v>
      </c>
      <c r="CI18" s="218">
        <v>0</v>
      </c>
      <c r="CJ18" s="218">
        <v>0</v>
      </c>
      <c r="CK18" s="218">
        <v>0</v>
      </c>
      <c r="CL18" s="219">
        <v>0</v>
      </c>
      <c r="CM18" s="240">
        <v>0</v>
      </c>
      <c r="CN18" s="242">
        <v>0</v>
      </c>
      <c r="CO18" s="222">
        <v>0</v>
      </c>
      <c r="CP18" s="219">
        <v>0</v>
      </c>
      <c r="CQ18" s="219">
        <v>0</v>
      </c>
      <c r="CR18" s="220">
        <v>0</v>
      </c>
      <c r="CS18" s="218">
        <v>0</v>
      </c>
      <c r="CT18" s="218">
        <v>0</v>
      </c>
      <c r="CU18" s="218">
        <v>0</v>
      </c>
      <c r="CV18" s="219">
        <v>0</v>
      </c>
      <c r="CW18" s="240">
        <v>0</v>
      </c>
      <c r="CX18" s="241">
        <v>0</v>
      </c>
      <c r="CY18" s="217">
        <v>0</v>
      </c>
      <c r="CZ18" s="219">
        <v>0</v>
      </c>
      <c r="DA18" s="219">
        <v>0</v>
      </c>
      <c r="DB18" s="220">
        <v>0</v>
      </c>
      <c r="DC18" s="218">
        <v>0</v>
      </c>
      <c r="DD18" s="218">
        <v>0</v>
      </c>
      <c r="DE18" s="218">
        <v>0</v>
      </c>
      <c r="DF18" s="219">
        <v>0</v>
      </c>
      <c r="DG18" s="240">
        <v>0</v>
      </c>
      <c r="DH18" s="242">
        <v>0</v>
      </c>
      <c r="DI18" s="222">
        <v>0</v>
      </c>
      <c r="DJ18" s="219">
        <v>0</v>
      </c>
      <c r="DK18" s="219">
        <v>0</v>
      </c>
      <c r="DL18" s="220">
        <v>0</v>
      </c>
      <c r="DM18" s="218">
        <v>0</v>
      </c>
      <c r="DN18" s="218">
        <v>0</v>
      </c>
      <c r="DO18" s="218">
        <v>0</v>
      </c>
      <c r="DP18" s="219">
        <v>0</v>
      </c>
      <c r="DQ18" s="240">
        <v>0</v>
      </c>
      <c r="DR18" s="242">
        <v>0</v>
      </c>
      <c r="DS18" s="222">
        <v>0</v>
      </c>
      <c r="DT18" s="219">
        <v>0</v>
      </c>
      <c r="DU18" s="219">
        <v>0</v>
      </c>
      <c r="DV18" s="220">
        <v>18</v>
      </c>
      <c r="DW18" s="218">
        <v>30</v>
      </c>
      <c r="DX18" s="218">
        <v>129</v>
      </c>
      <c r="DY18" s="218">
        <v>223</v>
      </c>
      <c r="DZ18" s="219">
        <v>94</v>
      </c>
      <c r="EA18" s="240">
        <v>494</v>
      </c>
      <c r="EB18" s="242">
        <v>494</v>
      </c>
      <c r="EC18" s="239"/>
    </row>
    <row r="19" spans="2:133" ht="21" customHeight="1" x14ac:dyDescent="0.2">
      <c r="B19" s="106" t="s">
        <v>16</v>
      </c>
      <c r="C19" s="217">
        <v>0</v>
      </c>
      <c r="D19" s="219">
        <v>0</v>
      </c>
      <c r="E19" s="219">
        <v>0</v>
      </c>
      <c r="F19" s="220">
        <v>6</v>
      </c>
      <c r="G19" s="218">
        <v>13</v>
      </c>
      <c r="H19" s="218">
        <v>213</v>
      </c>
      <c r="I19" s="218">
        <v>319</v>
      </c>
      <c r="J19" s="219">
        <v>178</v>
      </c>
      <c r="K19" s="240">
        <v>729</v>
      </c>
      <c r="L19" s="241">
        <v>729</v>
      </c>
      <c r="M19" s="217">
        <v>0</v>
      </c>
      <c r="N19" s="219">
        <v>0</v>
      </c>
      <c r="O19" s="240">
        <v>0</v>
      </c>
      <c r="P19" s="220">
        <v>6</v>
      </c>
      <c r="Q19" s="218">
        <v>12</v>
      </c>
      <c r="R19" s="218">
        <v>213</v>
      </c>
      <c r="S19" s="218">
        <v>317</v>
      </c>
      <c r="T19" s="219">
        <v>175</v>
      </c>
      <c r="U19" s="240">
        <v>723</v>
      </c>
      <c r="V19" s="242">
        <v>723</v>
      </c>
      <c r="W19" s="222">
        <v>0</v>
      </c>
      <c r="X19" s="219">
        <v>0</v>
      </c>
      <c r="Y19" s="240">
        <v>0</v>
      </c>
      <c r="Z19" s="222">
        <v>0</v>
      </c>
      <c r="AA19" s="218">
        <v>1</v>
      </c>
      <c r="AB19" s="218">
        <v>0</v>
      </c>
      <c r="AC19" s="218">
        <v>2</v>
      </c>
      <c r="AD19" s="219">
        <v>3</v>
      </c>
      <c r="AE19" s="240">
        <v>6</v>
      </c>
      <c r="AF19" s="221">
        <v>6</v>
      </c>
      <c r="AG19" s="222">
        <v>0</v>
      </c>
      <c r="AH19" s="219">
        <v>0</v>
      </c>
      <c r="AI19" s="240">
        <v>0</v>
      </c>
      <c r="AJ19" s="222">
        <v>50</v>
      </c>
      <c r="AK19" s="218">
        <v>92</v>
      </c>
      <c r="AL19" s="218">
        <v>136</v>
      </c>
      <c r="AM19" s="218">
        <v>119</v>
      </c>
      <c r="AN19" s="219">
        <v>57</v>
      </c>
      <c r="AO19" s="240">
        <v>454</v>
      </c>
      <c r="AP19" s="221">
        <v>454</v>
      </c>
      <c r="AQ19" s="222">
        <v>0</v>
      </c>
      <c r="AR19" s="219">
        <v>0</v>
      </c>
      <c r="AS19" s="240">
        <v>0</v>
      </c>
      <c r="AT19" s="220">
        <v>50</v>
      </c>
      <c r="AU19" s="218">
        <v>91</v>
      </c>
      <c r="AV19" s="218">
        <v>134</v>
      </c>
      <c r="AW19" s="218">
        <v>118</v>
      </c>
      <c r="AX19" s="219">
        <v>56</v>
      </c>
      <c r="AY19" s="240">
        <v>449</v>
      </c>
      <c r="AZ19" s="241">
        <v>449</v>
      </c>
      <c r="BA19" s="217">
        <v>0</v>
      </c>
      <c r="BB19" s="219">
        <v>0</v>
      </c>
      <c r="BC19" s="219">
        <v>0</v>
      </c>
      <c r="BD19" s="220">
        <v>0</v>
      </c>
      <c r="BE19" s="218">
        <v>1</v>
      </c>
      <c r="BF19" s="218">
        <v>2</v>
      </c>
      <c r="BG19" s="218">
        <v>1</v>
      </c>
      <c r="BH19" s="219">
        <v>1</v>
      </c>
      <c r="BI19" s="240">
        <v>5</v>
      </c>
      <c r="BJ19" s="242">
        <v>5</v>
      </c>
      <c r="BK19" s="222">
        <v>0</v>
      </c>
      <c r="BL19" s="219">
        <v>0</v>
      </c>
      <c r="BM19" s="219">
        <v>0</v>
      </c>
      <c r="BN19" s="220">
        <v>0</v>
      </c>
      <c r="BO19" s="218">
        <v>0</v>
      </c>
      <c r="BP19" s="218">
        <v>0</v>
      </c>
      <c r="BQ19" s="218">
        <v>0</v>
      </c>
      <c r="BR19" s="219">
        <v>0</v>
      </c>
      <c r="BS19" s="240">
        <v>0</v>
      </c>
      <c r="BT19" s="241">
        <v>0</v>
      </c>
      <c r="BU19" s="217">
        <v>0</v>
      </c>
      <c r="BV19" s="219">
        <v>0</v>
      </c>
      <c r="BW19" s="219">
        <v>0</v>
      </c>
      <c r="BX19" s="220">
        <v>0</v>
      </c>
      <c r="BY19" s="218">
        <v>0</v>
      </c>
      <c r="BZ19" s="218">
        <v>0</v>
      </c>
      <c r="CA19" s="218">
        <v>0</v>
      </c>
      <c r="CB19" s="219">
        <v>0</v>
      </c>
      <c r="CC19" s="240">
        <v>0</v>
      </c>
      <c r="CD19" s="242">
        <v>0</v>
      </c>
      <c r="CE19" s="222">
        <v>0</v>
      </c>
      <c r="CF19" s="219">
        <v>0</v>
      </c>
      <c r="CG19" s="219">
        <v>0</v>
      </c>
      <c r="CH19" s="220">
        <v>0</v>
      </c>
      <c r="CI19" s="218">
        <v>0</v>
      </c>
      <c r="CJ19" s="218">
        <v>0</v>
      </c>
      <c r="CK19" s="218">
        <v>0</v>
      </c>
      <c r="CL19" s="219">
        <v>0</v>
      </c>
      <c r="CM19" s="240">
        <v>0</v>
      </c>
      <c r="CN19" s="242">
        <v>0</v>
      </c>
      <c r="CO19" s="222">
        <v>0</v>
      </c>
      <c r="CP19" s="219">
        <v>0</v>
      </c>
      <c r="CQ19" s="219">
        <v>0</v>
      </c>
      <c r="CR19" s="220">
        <v>0</v>
      </c>
      <c r="CS19" s="218">
        <v>0</v>
      </c>
      <c r="CT19" s="218">
        <v>2</v>
      </c>
      <c r="CU19" s="218">
        <v>14</v>
      </c>
      <c r="CV19" s="219">
        <v>9</v>
      </c>
      <c r="CW19" s="240">
        <v>25</v>
      </c>
      <c r="CX19" s="241">
        <v>25</v>
      </c>
      <c r="CY19" s="217">
        <v>0</v>
      </c>
      <c r="CZ19" s="219">
        <v>0</v>
      </c>
      <c r="DA19" s="219">
        <v>0</v>
      </c>
      <c r="DB19" s="220">
        <v>0</v>
      </c>
      <c r="DC19" s="218">
        <v>0</v>
      </c>
      <c r="DD19" s="218">
        <v>2</v>
      </c>
      <c r="DE19" s="218">
        <v>14</v>
      </c>
      <c r="DF19" s="219">
        <v>9</v>
      </c>
      <c r="DG19" s="240">
        <v>25</v>
      </c>
      <c r="DH19" s="242">
        <v>25</v>
      </c>
      <c r="DI19" s="222">
        <v>0</v>
      </c>
      <c r="DJ19" s="219">
        <v>0</v>
      </c>
      <c r="DK19" s="219">
        <v>0</v>
      </c>
      <c r="DL19" s="220">
        <v>0</v>
      </c>
      <c r="DM19" s="218">
        <v>0</v>
      </c>
      <c r="DN19" s="218">
        <v>0</v>
      </c>
      <c r="DO19" s="218">
        <v>0</v>
      </c>
      <c r="DP19" s="219">
        <v>0</v>
      </c>
      <c r="DQ19" s="240">
        <v>0</v>
      </c>
      <c r="DR19" s="242">
        <v>0</v>
      </c>
      <c r="DS19" s="222">
        <v>0</v>
      </c>
      <c r="DT19" s="219">
        <v>0</v>
      </c>
      <c r="DU19" s="219">
        <v>0</v>
      </c>
      <c r="DV19" s="220">
        <v>56</v>
      </c>
      <c r="DW19" s="218">
        <v>104</v>
      </c>
      <c r="DX19" s="218">
        <v>348</v>
      </c>
      <c r="DY19" s="218">
        <v>449</v>
      </c>
      <c r="DZ19" s="219">
        <v>244</v>
      </c>
      <c r="EA19" s="240">
        <v>1201</v>
      </c>
      <c r="EB19" s="242">
        <v>1201</v>
      </c>
      <c r="EC19" s="239"/>
    </row>
    <row r="20" spans="2:133" ht="21" customHeight="1" x14ac:dyDescent="0.2">
      <c r="B20" s="106" t="s">
        <v>17</v>
      </c>
      <c r="C20" s="217">
        <v>0</v>
      </c>
      <c r="D20" s="219">
        <v>0</v>
      </c>
      <c r="E20" s="219">
        <v>0</v>
      </c>
      <c r="F20" s="220">
        <v>5</v>
      </c>
      <c r="G20" s="218">
        <v>14</v>
      </c>
      <c r="H20" s="218">
        <v>208</v>
      </c>
      <c r="I20" s="218">
        <v>298</v>
      </c>
      <c r="J20" s="219">
        <v>225</v>
      </c>
      <c r="K20" s="240">
        <v>750</v>
      </c>
      <c r="L20" s="241">
        <v>750</v>
      </c>
      <c r="M20" s="217">
        <v>0</v>
      </c>
      <c r="N20" s="219">
        <v>0</v>
      </c>
      <c r="O20" s="240">
        <v>0</v>
      </c>
      <c r="P20" s="220">
        <v>5</v>
      </c>
      <c r="Q20" s="218">
        <v>14</v>
      </c>
      <c r="R20" s="218">
        <v>208</v>
      </c>
      <c r="S20" s="218">
        <v>296</v>
      </c>
      <c r="T20" s="219">
        <v>221</v>
      </c>
      <c r="U20" s="240">
        <v>744</v>
      </c>
      <c r="V20" s="242">
        <v>744</v>
      </c>
      <c r="W20" s="222">
        <v>0</v>
      </c>
      <c r="X20" s="219">
        <v>0</v>
      </c>
      <c r="Y20" s="240">
        <v>0</v>
      </c>
      <c r="Z20" s="222">
        <v>0</v>
      </c>
      <c r="AA20" s="218">
        <v>0</v>
      </c>
      <c r="AB20" s="218">
        <v>0</v>
      </c>
      <c r="AC20" s="218">
        <v>2</v>
      </c>
      <c r="AD20" s="219">
        <v>4</v>
      </c>
      <c r="AE20" s="240">
        <v>6</v>
      </c>
      <c r="AF20" s="221">
        <v>6</v>
      </c>
      <c r="AG20" s="222">
        <v>0</v>
      </c>
      <c r="AH20" s="219">
        <v>0</v>
      </c>
      <c r="AI20" s="240">
        <v>0</v>
      </c>
      <c r="AJ20" s="222">
        <v>39</v>
      </c>
      <c r="AK20" s="218">
        <v>119</v>
      </c>
      <c r="AL20" s="218">
        <v>159</v>
      </c>
      <c r="AM20" s="218">
        <v>145</v>
      </c>
      <c r="AN20" s="219">
        <v>72</v>
      </c>
      <c r="AO20" s="240">
        <v>534</v>
      </c>
      <c r="AP20" s="221">
        <v>534</v>
      </c>
      <c r="AQ20" s="222">
        <v>0</v>
      </c>
      <c r="AR20" s="219">
        <v>0</v>
      </c>
      <c r="AS20" s="240">
        <v>0</v>
      </c>
      <c r="AT20" s="220">
        <v>38</v>
      </c>
      <c r="AU20" s="218">
        <v>117</v>
      </c>
      <c r="AV20" s="218">
        <v>157</v>
      </c>
      <c r="AW20" s="218">
        <v>142</v>
      </c>
      <c r="AX20" s="219">
        <v>71</v>
      </c>
      <c r="AY20" s="240">
        <v>525</v>
      </c>
      <c r="AZ20" s="241">
        <v>525</v>
      </c>
      <c r="BA20" s="217">
        <v>0</v>
      </c>
      <c r="BB20" s="219">
        <v>0</v>
      </c>
      <c r="BC20" s="219">
        <v>0</v>
      </c>
      <c r="BD20" s="220">
        <v>1</v>
      </c>
      <c r="BE20" s="218">
        <v>2</v>
      </c>
      <c r="BF20" s="218">
        <v>2</v>
      </c>
      <c r="BG20" s="218">
        <v>3</v>
      </c>
      <c r="BH20" s="219">
        <v>1</v>
      </c>
      <c r="BI20" s="240">
        <v>9</v>
      </c>
      <c r="BJ20" s="242">
        <v>9</v>
      </c>
      <c r="BK20" s="222">
        <v>0</v>
      </c>
      <c r="BL20" s="219">
        <v>0</v>
      </c>
      <c r="BM20" s="219">
        <v>0</v>
      </c>
      <c r="BN20" s="220">
        <v>0</v>
      </c>
      <c r="BO20" s="218">
        <v>0</v>
      </c>
      <c r="BP20" s="218">
        <v>0</v>
      </c>
      <c r="BQ20" s="218">
        <v>0</v>
      </c>
      <c r="BR20" s="219">
        <v>0</v>
      </c>
      <c r="BS20" s="240">
        <v>0</v>
      </c>
      <c r="BT20" s="241">
        <v>0</v>
      </c>
      <c r="BU20" s="217">
        <v>0</v>
      </c>
      <c r="BV20" s="219">
        <v>0</v>
      </c>
      <c r="BW20" s="219">
        <v>0</v>
      </c>
      <c r="BX20" s="220">
        <v>0</v>
      </c>
      <c r="BY20" s="218">
        <v>0</v>
      </c>
      <c r="BZ20" s="218">
        <v>0</v>
      </c>
      <c r="CA20" s="218">
        <v>0</v>
      </c>
      <c r="CB20" s="219">
        <v>0</v>
      </c>
      <c r="CC20" s="240">
        <v>0</v>
      </c>
      <c r="CD20" s="242">
        <v>0</v>
      </c>
      <c r="CE20" s="222">
        <v>0</v>
      </c>
      <c r="CF20" s="219">
        <v>0</v>
      </c>
      <c r="CG20" s="219">
        <v>0</v>
      </c>
      <c r="CH20" s="220">
        <v>0</v>
      </c>
      <c r="CI20" s="218">
        <v>0</v>
      </c>
      <c r="CJ20" s="218">
        <v>0</v>
      </c>
      <c r="CK20" s="218">
        <v>0</v>
      </c>
      <c r="CL20" s="219">
        <v>0</v>
      </c>
      <c r="CM20" s="240">
        <v>0</v>
      </c>
      <c r="CN20" s="242">
        <v>0</v>
      </c>
      <c r="CO20" s="222">
        <v>0</v>
      </c>
      <c r="CP20" s="219">
        <v>0</v>
      </c>
      <c r="CQ20" s="219">
        <v>0</v>
      </c>
      <c r="CR20" s="220">
        <v>0</v>
      </c>
      <c r="CS20" s="218">
        <v>0</v>
      </c>
      <c r="CT20" s="218">
        <v>0</v>
      </c>
      <c r="CU20" s="218">
        <v>7</v>
      </c>
      <c r="CV20" s="219">
        <v>18</v>
      </c>
      <c r="CW20" s="240">
        <v>25</v>
      </c>
      <c r="CX20" s="241">
        <v>25</v>
      </c>
      <c r="CY20" s="217">
        <v>0</v>
      </c>
      <c r="CZ20" s="219">
        <v>0</v>
      </c>
      <c r="DA20" s="219">
        <v>0</v>
      </c>
      <c r="DB20" s="220">
        <v>0</v>
      </c>
      <c r="DC20" s="218">
        <v>0</v>
      </c>
      <c r="DD20" s="218">
        <v>0</v>
      </c>
      <c r="DE20" s="218">
        <v>7</v>
      </c>
      <c r="DF20" s="219">
        <v>16</v>
      </c>
      <c r="DG20" s="240">
        <v>23</v>
      </c>
      <c r="DH20" s="242">
        <v>23</v>
      </c>
      <c r="DI20" s="222">
        <v>0</v>
      </c>
      <c r="DJ20" s="219">
        <v>0</v>
      </c>
      <c r="DK20" s="219">
        <v>0</v>
      </c>
      <c r="DL20" s="220">
        <v>0</v>
      </c>
      <c r="DM20" s="218">
        <v>0</v>
      </c>
      <c r="DN20" s="218">
        <v>0</v>
      </c>
      <c r="DO20" s="218">
        <v>0</v>
      </c>
      <c r="DP20" s="219">
        <v>2</v>
      </c>
      <c r="DQ20" s="240">
        <v>2</v>
      </c>
      <c r="DR20" s="242">
        <v>2</v>
      </c>
      <c r="DS20" s="222">
        <v>0</v>
      </c>
      <c r="DT20" s="219">
        <v>0</v>
      </c>
      <c r="DU20" s="219">
        <v>0</v>
      </c>
      <c r="DV20" s="220">
        <v>44</v>
      </c>
      <c r="DW20" s="218">
        <v>133</v>
      </c>
      <c r="DX20" s="218">
        <v>367</v>
      </c>
      <c r="DY20" s="218">
        <v>450</v>
      </c>
      <c r="DZ20" s="219">
        <v>315</v>
      </c>
      <c r="EA20" s="240">
        <v>1309</v>
      </c>
      <c r="EB20" s="242">
        <v>1309</v>
      </c>
      <c r="EC20" s="239"/>
    </row>
    <row r="21" spans="2:133" ht="21" customHeight="1" x14ac:dyDescent="0.2">
      <c r="B21" s="106" t="s">
        <v>18</v>
      </c>
      <c r="C21" s="217">
        <v>0</v>
      </c>
      <c r="D21" s="219">
        <v>0</v>
      </c>
      <c r="E21" s="219">
        <v>0</v>
      </c>
      <c r="F21" s="220">
        <v>5</v>
      </c>
      <c r="G21" s="218">
        <v>13</v>
      </c>
      <c r="H21" s="218">
        <v>201</v>
      </c>
      <c r="I21" s="218">
        <v>393</v>
      </c>
      <c r="J21" s="219">
        <v>261</v>
      </c>
      <c r="K21" s="240">
        <v>873</v>
      </c>
      <c r="L21" s="241">
        <v>873</v>
      </c>
      <c r="M21" s="217">
        <v>0</v>
      </c>
      <c r="N21" s="219">
        <v>0</v>
      </c>
      <c r="O21" s="240">
        <v>0</v>
      </c>
      <c r="P21" s="220">
        <v>5</v>
      </c>
      <c r="Q21" s="218">
        <v>13</v>
      </c>
      <c r="R21" s="218">
        <v>199</v>
      </c>
      <c r="S21" s="218">
        <v>387</v>
      </c>
      <c r="T21" s="219">
        <v>257</v>
      </c>
      <c r="U21" s="240">
        <v>861</v>
      </c>
      <c r="V21" s="242">
        <v>861</v>
      </c>
      <c r="W21" s="222">
        <v>0</v>
      </c>
      <c r="X21" s="219">
        <v>0</v>
      </c>
      <c r="Y21" s="240">
        <v>0</v>
      </c>
      <c r="Z21" s="222">
        <v>0</v>
      </c>
      <c r="AA21" s="218">
        <v>0</v>
      </c>
      <c r="AB21" s="218">
        <v>2</v>
      </c>
      <c r="AC21" s="218">
        <v>6</v>
      </c>
      <c r="AD21" s="219">
        <v>4</v>
      </c>
      <c r="AE21" s="240">
        <v>12</v>
      </c>
      <c r="AF21" s="221">
        <v>12</v>
      </c>
      <c r="AG21" s="222">
        <v>0</v>
      </c>
      <c r="AH21" s="219">
        <v>0</v>
      </c>
      <c r="AI21" s="240">
        <v>0</v>
      </c>
      <c r="AJ21" s="222">
        <v>28</v>
      </c>
      <c r="AK21" s="218">
        <v>68</v>
      </c>
      <c r="AL21" s="218">
        <v>116</v>
      </c>
      <c r="AM21" s="218">
        <v>111</v>
      </c>
      <c r="AN21" s="219">
        <v>76</v>
      </c>
      <c r="AO21" s="240">
        <v>399</v>
      </c>
      <c r="AP21" s="221">
        <v>399</v>
      </c>
      <c r="AQ21" s="222">
        <v>0</v>
      </c>
      <c r="AR21" s="219">
        <v>0</v>
      </c>
      <c r="AS21" s="240">
        <v>0</v>
      </c>
      <c r="AT21" s="220">
        <v>28</v>
      </c>
      <c r="AU21" s="218">
        <v>65</v>
      </c>
      <c r="AV21" s="218">
        <v>114</v>
      </c>
      <c r="AW21" s="218">
        <v>108</v>
      </c>
      <c r="AX21" s="219">
        <v>73</v>
      </c>
      <c r="AY21" s="240">
        <v>388</v>
      </c>
      <c r="AZ21" s="241">
        <v>388</v>
      </c>
      <c r="BA21" s="217">
        <v>0</v>
      </c>
      <c r="BB21" s="219">
        <v>0</v>
      </c>
      <c r="BC21" s="219">
        <v>0</v>
      </c>
      <c r="BD21" s="220">
        <v>0</v>
      </c>
      <c r="BE21" s="218">
        <v>3</v>
      </c>
      <c r="BF21" s="218">
        <v>2</v>
      </c>
      <c r="BG21" s="218">
        <v>3</v>
      </c>
      <c r="BH21" s="219">
        <v>3</v>
      </c>
      <c r="BI21" s="240">
        <v>11</v>
      </c>
      <c r="BJ21" s="242">
        <v>11</v>
      </c>
      <c r="BK21" s="222">
        <v>0</v>
      </c>
      <c r="BL21" s="219">
        <v>0</v>
      </c>
      <c r="BM21" s="219">
        <v>0</v>
      </c>
      <c r="BN21" s="220">
        <v>0</v>
      </c>
      <c r="BO21" s="218">
        <v>0</v>
      </c>
      <c r="BP21" s="218">
        <v>0</v>
      </c>
      <c r="BQ21" s="218">
        <v>0</v>
      </c>
      <c r="BR21" s="219">
        <v>0</v>
      </c>
      <c r="BS21" s="240">
        <v>0</v>
      </c>
      <c r="BT21" s="241">
        <v>0</v>
      </c>
      <c r="BU21" s="217">
        <v>0</v>
      </c>
      <c r="BV21" s="219">
        <v>0</v>
      </c>
      <c r="BW21" s="219">
        <v>0</v>
      </c>
      <c r="BX21" s="220">
        <v>0</v>
      </c>
      <c r="BY21" s="218">
        <v>0</v>
      </c>
      <c r="BZ21" s="218">
        <v>0</v>
      </c>
      <c r="CA21" s="218">
        <v>0</v>
      </c>
      <c r="CB21" s="219">
        <v>0</v>
      </c>
      <c r="CC21" s="240">
        <v>0</v>
      </c>
      <c r="CD21" s="242">
        <v>0</v>
      </c>
      <c r="CE21" s="222">
        <v>0</v>
      </c>
      <c r="CF21" s="219">
        <v>0</v>
      </c>
      <c r="CG21" s="219">
        <v>0</v>
      </c>
      <c r="CH21" s="220">
        <v>0</v>
      </c>
      <c r="CI21" s="218">
        <v>0</v>
      </c>
      <c r="CJ21" s="218">
        <v>0</v>
      </c>
      <c r="CK21" s="218">
        <v>0</v>
      </c>
      <c r="CL21" s="219">
        <v>0</v>
      </c>
      <c r="CM21" s="240">
        <v>0</v>
      </c>
      <c r="CN21" s="242">
        <v>0</v>
      </c>
      <c r="CO21" s="222">
        <v>0</v>
      </c>
      <c r="CP21" s="219">
        <v>0</v>
      </c>
      <c r="CQ21" s="219">
        <v>0</v>
      </c>
      <c r="CR21" s="220">
        <v>0</v>
      </c>
      <c r="CS21" s="218">
        <v>1</v>
      </c>
      <c r="CT21" s="218">
        <v>1</v>
      </c>
      <c r="CU21" s="218">
        <v>16</v>
      </c>
      <c r="CV21" s="219">
        <v>17</v>
      </c>
      <c r="CW21" s="240">
        <v>35</v>
      </c>
      <c r="CX21" s="241">
        <v>35</v>
      </c>
      <c r="CY21" s="217">
        <v>0</v>
      </c>
      <c r="CZ21" s="219">
        <v>0</v>
      </c>
      <c r="DA21" s="219">
        <v>0</v>
      </c>
      <c r="DB21" s="220">
        <v>0</v>
      </c>
      <c r="DC21" s="218">
        <v>1</v>
      </c>
      <c r="DD21" s="218">
        <v>1</v>
      </c>
      <c r="DE21" s="218">
        <v>15</v>
      </c>
      <c r="DF21" s="219">
        <v>17</v>
      </c>
      <c r="DG21" s="240">
        <v>34</v>
      </c>
      <c r="DH21" s="242">
        <v>34</v>
      </c>
      <c r="DI21" s="222">
        <v>0</v>
      </c>
      <c r="DJ21" s="219">
        <v>0</v>
      </c>
      <c r="DK21" s="219">
        <v>0</v>
      </c>
      <c r="DL21" s="220">
        <v>0</v>
      </c>
      <c r="DM21" s="218">
        <v>0</v>
      </c>
      <c r="DN21" s="218">
        <v>0</v>
      </c>
      <c r="DO21" s="218">
        <v>1</v>
      </c>
      <c r="DP21" s="219">
        <v>0</v>
      </c>
      <c r="DQ21" s="240">
        <v>1</v>
      </c>
      <c r="DR21" s="242">
        <v>1</v>
      </c>
      <c r="DS21" s="222">
        <v>0</v>
      </c>
      <c r="DT21" s="219">
        <v>0</v>
      </c>
      <c r="DU21" s="219">
        <v>0</v>
      </c>
      <c r="DV21" s="220">
        <v>33</v>
      </c>
      <c r="DW21" s="218">
        <v>82</v>
      </c>
      <c r="DX21" s="218">
        <v>317</v>
      </c>
      <c r="DY21" s="218">
        <v>518</v>
      </c>
      <c r="DZ21" s="219">
        <v>353</v>
      </c>
      <c r="EA21" s="240">
        <v>1303</v>
      </c>
      <c r="EB21" s="242">
        <v>1303</v>
      </c>
      <c r="EC21" s="239"/>
    </row>
    <row r="22" spans="2:133" ht="21" customHeight="1" x14ac:dyDescent="0.2">
      <c r="B22" s="106" t="s">
        <v>19</v>
      </c>
      <c r="C22" s="217">
        <v>0</v>
      </c>
      <c r="D22" s="219">
        <v>0</v>
      </c>
      <c r="E22" s="219">
        <v>0</v>
      </c>
      <c r="F22" s="220">
        <v>0</v>
      </c>
      <c r="G22" s="218">
        <v>7</v>
      </c>
      <c r="H22" s="218">
        <v>143</v>
      </c>
      <c r="I22" s="218">
        <v>142</v>
      </c>
      <c r="J22" s="219">
        <v>124</v>
      </c>
      <c r="K22" s="240">
        <v>416</v>
      </c>
      <c r="L22" s="241">
        <v>416</v>
      </c>
      <c r="M22" s="217">
        <v>0</v>
      </c>
      <c r="N22" s="219">
        <v>0</v>
      </c>
      <c r="O22" s="240">
        <v>0</v>
      </c>
      <c r="P22" s="220">
        <v>0</v>
      </c>
      <c r="Q22" s="218">
        <v>7</v>
      </c>
      <c r="R22" s="218">
        <v>140</v>
      </c>
      <c r="S22" s="218">
        <v>142</v>
      </c>
      <c r="T22" s="219">
        <v>123</v>
      </c>
      <c r="U22" s="240">
        <v>412</v>
      </c>
      <c r="V22" s="242">
        <v>412</v>
      </c>
      <c r="W22" s="222">
        <v>0</v>
      </c>
      <c r="X22" s="219">
        <v>0</v>
      </c>
      <c r="Y22" s="240">
        <v>0</v>
      </c>
      <c r="Z22" s="222">
        <v>0</v>
      </c>
      <c r="AA22" s="218">
        <v>0</v>
      </c>
      <c r="AB22" s="218">
        <v>3</v>
      </c>
      <c r="AC22" s="218">
        <v>0</v>
      </c>
      <c r="AD22" s="219">
        <v>1</v>
      </c>
      <c r="AE22" s="240">
        <v>4</v>
      </c>
      <c r="AF22" s="221">
        <v>4</v>
      </c>
      <c r="AG22" s="222">
        <v>0</v>
      </c>
      <c r="AH22" s="219">
        <v>0</v>
      </c>
      <c r="AI22" s="240">
        <v>0</v>
      </c>
      <c r="AJ22" s="222">
        <v>27</v>
      </c>
      <c r="AK22" s="218">
        <v>51</v>
      </c>
      <c r="AL22" s="218">
        <v>72</v>
      </c>
      <c r="AM22" s="218">
        <v>64</v>
      </c>
      <c r="AN22" s="219">
        <v>29</v>
      </c>
      <c r="AO22" s="240">
        <v>243</v>
      </c>
      <c r="AP22" s="221">
        <v>243</v>
      </c>
      <c r="AQ22" s="222">
        <v>0</v>
      </c>
      <c r="AR22" s="219">
        <v>0</v>
      </c>
      <c r="AS22" s="240">
        <v>0</v>
      </c>
      <c r="AT22" s="220">
        <v>26</v>
      </c>
      <c r="AU22" s="218">
        <v>51</v>
      </c>
      <c r="AV22" s="218">
        <v>69</v>
      </c>
      <c r="AW22" s="218">
        <v>62</v>
      </c>
      <c r="AX22" s="219">
        <v>29</v>
      </c>
      <c r="AY22" s="240">
        <v>237</v>
      </c>
      <c r="AZ22" s="241">
        <v>237</v>
      </c>
      <c r="BA22" s="217">
        <v>0</v>
      </c>
      <c r="BB22" s="219">
        <v>0</v>
      </c>
      <c r="BC22" s="219">
        <v>0</v>
      </c>
      <c r="BD22" s="220">
        <v>1</v>
      </c>
      <c r="BE22" s="218">
        <v>0</v>
      </c>
      <c r="BF22" s="218">
        <v>3</v>
      </c>
      <c r="BG22" s="218">
        <v>2</v>
      </c>
      <c r="BH22" s="219">
        <v>0</v>
      </c>
      <c r="BI22" s="240">
        <v>6</v>
      </c>
      <c r="BJ22" s="242">
        <v>6</v>
      </c>
      <c r="BK22" s="222">
        <v>0</v>
      </c>
      <c r="BL22" s="219">
        <v>0</v>
      </c>
      <c r="BM22" s="219">
        <v>0</v>
      </c>
      <c r="BN22" s="220">
        <v>0</v>
      </c>
      <c r="BO22" s="218">
        <v>0</v>
      </c>
      <c r="BP22" s="218">
        <v>0</v>
      </c>
      <c r="BQ22" s="218">
        <v>0</v>
      </c>
      <c r="BR22" s="219">
        <v>0</v>
      </c>
      <c r="BS22" s="240">
        <v>0</v>
      </c>
      <c r="BT22" s="241">
        <v>0</v>
      </c>
      <c r="BU22" s="217">
        <v>0</v>
      </c>
      <c r="BV22" s="219">
        <v>0</v>
      </c>
      <c r="BW22" s="219">
        <v>0</v>
      </c>
      <c r="BX22" s="220">
        <v>0</v>
      </c>
      <c r="BY22" s="218">
        <v>0</v>
      </c>
      <c r="BZ22" s="218">
        <v>0</v>
      </c>
      <c r="CA22" s="218">
        <v>0</v>
      </c>
      <c r="CB22" s="219">
        <v>0</v>
      </c>
      <c r="CC22" s="240">
        <v>0</v>
      </c>
      <c r="CD22" s="242">
        <v>0</v>
      </c>
      <c r="CE22" s="222">
        <v>0</v>
      </c>
      <c r="CF22" s="219">
        <v>0</v>
      </c>
      <c r="CG22" s="219">
        <v>0</v>
      </c>
      <c r="CH22" s="220">
        <v>0</v>
      </c>
      <c r="CI22" s="218">
        <v>0</v>
      </c>
      <c r="CJ22" s="218">
        <v>0</v>
      </c>
      <c r="CK22" s="218">
        <v>0</v>
      </c>
      <c r="CL22" s="219">
        <v>0</v>
      </c>
      <c r="CM22" s="240">
        <v>0</v>
      </c>
      <c r="CN22" s="242">
        <v>0</v>
      </c>
      <c r="CO22" s="222">
        <v>0</v>
      </c>
      <c r="CP22" s="219">
        <v>0</v>
      </c>
      <c r="CQ22" s="219">
        <v>0</v>
      </c>
      <c r="CR22" s="220">
        <v>0</v>
      </c>
      <c r="CS22" s="218">
        <v>0</v>
      </c>
      <c r="CT22" s="218">
        <v>0</v>
      </c>
      <c r="CU22" s="218">
        <v>3</v>
      </c>
      <c r="CV22" s="219">
        <v>7</v>
      </c>
      <c r="CW22" s="240">
        <v>10</v>
      </c>
      <c r="CX22" s="241">
        <v>10</v>
      </c>
      <c r="CY22" s="217">
        <v>0</v>
      </c>
      <c r="CZ22" s="219">
        <v>0</v>
      </c>
      <c r="DA22" s="219">
        <v>0</v>
      </c>
      <c r="DB22" s="220">
        <v>0</v>
      </c>
      <c r="DC22" s="218">
        <v>0</v>
      </c>
      <c r="DD22" s="218">
        <v>0</v>
      </c>
      <c r="DE22" s="218">
        <v>3</v>
      </c>
      <c r="DF22" s="219">
        <v>6</v>
      </c>
      <c r="DG22" s="240">
        <v>9</v>
      </c>
      <c r="DH22" s="242">
        <v>9</v>
      </c>
      <c r="DI22" s="222">
        <v>0</v>
      </c>
      <c r="DJ22" s="219">
        <v>0</v>
      </c>
      <c r="DK22" s="219">
        <v>0</v>
      </c>
      <c r="DL22" s="220">
        <v>0</v>
      </c>
      <c r="DM22" s="218">
        <v>0</v>
      </c>
      <c r="DN22" s="218">
        <v>0</v>
      </c>
      <c r="DO22" s="218">
        <v>0</v>
      </c>
      <c r="DP22" s="219">
        <v>1</v>
      </c>
      <c r="DQ22" s="240">
        <v>1</v>
      </c>
      <c r="DR22" s="242">
        <v>1</v>
      </c>
      <c r="DS22" s="222">
        <v>0</v>
      </c>
      <c r="DT22" s="219">
        <v>0</v>
      </c>
      <c r="DU22" s="219">
        <v>0</v>
      </c>
      <c r="DV22" s="220">
        <v>27</v>
      </c>
      <c r="DW22" s="218">
        <v>58</v>
      </c>
      <c r="DX22" s="218">
        <v>213</v>
      </c>
      <c r="DY22" s="218">
        <v>205</v>
      </c>
      <c r="DZ22" s="219">
        <v>157</v>
      </c>
      <c r="EA22" s="240">
        <v>660</v>
      </c>
      <c r="EB22" s="242">
        <v>660</v>
      </c>
      <c r="EC22" s="239"/>
    </row>
    <row r="23" spans="2:133" ht="21" customHeight="1" x14ac:dyDescent="0.2">
      <c r="B23" s="106" t="s">
        <v>20</v>
      </c>
      <c r="C23" s="217">
        <v>0</v>
      </c>
      <c r="D23" s="219">
        <v>0</v>
      </c>
      <c r="E23" s="219">
        <v>0</v>
      </c>
      <c r="F23" s="220">
        <v>3</v>
      </c>
      <c r="G23" s="218">
        <v>25</v>
      </c>
      <c r="H23" s="218">
        <v>150</v>
      </c>
      <c r="I23" s="218">
        <v>216</v>
      </c>
      <c r="J23" s="219">
        <v>108</v>
      </c>
      <c r="K23" s="240">
        <v>502</v>
      </c>
      <c r="L23" s="241">
        <v>502</v>
      </c>
      <c r="M23" s="217">
        <v>0</v>
      </c>
      <c r="N23" s="219">
        <v>0</v>
      </c>
      <c r="O23" s="240">
        <v>0</v>
      </c>
      <c r="P23" s="220">
        <v>3</v>
      </c>
      <c r="Q23" s="218">
        <v>25</v>
      </c>
      <c r="R23" s="218">
        <v>150</v>
      </c>
      <c r="S23" s="218">
        <v>214</v>
      </c>
      <c r="T23" s="219">
        <v>106</v>
      </c>
      <c r="U23" s="240">
        <v>498</v>
      </c>
      <c r="V23" s="242">
        <v>498</v>
      </c>
      <c r="W23" s="222">
        <v>0</v>
      </c>
      <c r="X23" s="219">
        <v>0</v>
      </c>
      <c r="Y23" s="240">
        <v>0</v>
      </c>
      <c r="Z23" s="222">
        <v>0</v>
      </c>
      <c r="AA23" s="218">
        <v>0</v>
      </c>
      <c r="AB23" s="218">
        <v>0</v>
      </c>
      <c r="AC23" s="218">
        <v>2</v>
      </c>
      <c r="AD23" s="219">
        <v>2</v>
      </c>
      <c r="AE23" s="240">
        <v>4</v>
      </c>
      <c r="AF23" s="221">
        <v>4</v>
      </c>
      <c r="AG23" s="222">
        <v>0</v>
      </c>
      <c r="AH23" s="219">
        <v>0</v>
      </c>
      <c r="AI23" s="240">
        <v>0</v>
      </c>
      <c r="AJ23" s="222">
        <v>14</v>
      </c>
      <c r="AK23" s="218">
        <v>36</v>
      </c>
      <c r="AL23" s="218">
        <v>35</v>
      </c>
      <c r="AM23" s="218">
        <v>55</v>
      </c>
      <c r="AN23" s="219">
        <v>23</v>
      </c>
      <c r="AO23" s="240">
        <v>163</v>
      </c>
      <c r="AP23" s="221">
        <v>163</v>
      </c>
      <c r="AQ23" s="222">
        <v>0</v>
      </c>
      <c r="AR23" s="219">
        <v>0</v>
      </c>
      <c r="AS23" s="240">
        <v>0</v>
      </c>
      <c r="AT23" s="220">
        <v>13</v>
      </c>
      <c r="AU23" s="218">
        <v>36</v>
      </c>
      <c r="AV23" s="218">
        <v>35</v>
      </c>
      <c r="AW23" s="218">
        <v>55</v>
      </c>
      <c r="AX23" s="219">
        <v>23</v>
      </c>
      <c r="AY23" s="240">
        <v>162</v>
      </c>
      <c r="AZ23" s="241">
        <v>162</v>
      </c>
      <c r="BA23" s="217">
        <v>0</v>
      </c>
      <c r="BB23" s="219">
        <v>0</v>
      </c>
      <c r="BC23" s="219">
        <v>0</v>
      </c>
      <c r="BD23" s="220">
        <v>1</v>
      </c>
      <c r="BE23" s="218">
        <v>0</v>
      </c>
      <c r="BF23" s="218">
        <v>0</v>
      </c>
      <c r="BG23" s="218">
        <v>0</v>
      </c>
      <c r="BH23" s="219">
        <v>0</v>
      </c>
      <c r="BI23" s="240">
        <v>1</v>
      </c>
      <c r="BJ23" s="242">
        <v>1</v>
      </c>
      <c r="BK23" s="222">
        <v>0</v>
      </c>
      <c r="BL23" s="219">
        <v>0</v>
      </c>
      <c r="BM23" s="219">
        <v>0</v>
      </c>
      <c r="BN23" s="220">
        <v>0</v>
      </c>
      <c r="BO23" s="218">
        <v>0</v>
      </c>
      <c r="BP23" s="218">
        <v>0</v>
      </c>
      <c r="BQ23" s="218">
        <v>0</v>
      </c>
      <c r="BR23" s="219">
        <v>0</v>
      </c>
      <c r="BS23" s="240">
        <v>0</v>
      </c>
      <c r="BT23" s="241">
        <v>0</v>
      </c>
      <c r="BU23" s="217">
        <v>0</v>
      </c>
      <c r="BV23" s="219">
        <v>0</v>
      </c>
      <c r="BW23" s="219">
        <v>0</v>
      </c>
      <c r="BX23" s="220">
        <v>0</v>
      </c>
      <c r="BY23" s="218">
        <v>0</v>
      </c>
      <c r="BZ23" s="218">
        <v>0</v>
      </c>
      <c r="CA23" s="218">
        <v>0</v>
      </c>
      <c r="CB23" s="219">
        <v>0</v>
      </c>
      <c r="CC23" s="240">
        <v>0</v>
      </c>
      <c r="CD23" s="242">
        <v>0</v>
      </c>
      <c r="CE23" s="222">
        <v>0</v>
      </c>
      <c r="CF23" s="219">
        <v>0</v>
      </c>
      <c r="CG23" s="219">
        <v>0</v>
      </c>
      <c r="CH23" s="220">
        <v>0</v>
      </c>
      <c r="CI23" s="218">
        <v>0</v>
      </c>
      <c r="CJ23" s="218">
        <v>0</v>
      </c>
      <c r="CK23" s="218">
        <v>0</v>
      </c>
      <c r="CL23" s="219">
        <v>0</v>
      </c>
      <c r="CM23" s="240">
        <v>0</v>
      </c>
      <c r="CN23" s="242">
        <v>0</v>
      </c>
      <c r="CO23" s="222">
        <v>0</v>
      </c>
      <c r="CP23" s="219">
        <v>0</v>
      </c>
      <c r="CQ23" s="219">
        <v>0</v>
      </c>
      <c r="CR23" s="220">
        <v>0</v>
      </c>
      <c r="CS23" s="218">
        <v>0</v>
      </c>
      <c r="CT23" s="218">
        <v>1</v>
      </c>
      <c r="CU23" s="218">
        <v>3</v>
      </c>
      <c r="CV23" s="219">
        <v>4</v>
      </c>
      <c r="CW23" s="240">
        <v>8</v>
      </c>
      <c r="CX23" s="241">
        <v>8</v>
      </c>
      <c r="CY23" s="217">
        <v>0</v>
      </c>
      <c r="CZ23" s="219">
        <v>0</v>
      </c>
      <c r="DA23" s="219">
        <v>0</v>
      </c>
      <c r="DB23" s="220">
        <v>0</v>
      </c>
      <c r="DC23" s="218">
        <v>0</v>
      </c>
      <c r="DD23" s="218">
        <v>1</v>
      </c>
      <c r="DE23" s="218">
        <v>3</v>
      </c>
      <c r="DF23" s="219">
        <v>4</v>
      </c>
      <c r="DG23" s="240">
        <v>8</v>
      </c>
      <c r="DH23" s="242">
        <v>8</v>
      </c>
      <c r="DI23" s="222">
        <v>0</v>
      </c>
      <c r="DJ23" s="219">
        <v>0</v>
      </c>
      <c r="DK23" s="219">
        <v>0</v>
      </c>
      <c r="DL23" s="220">
        <v>0</v>
      </c>
      <c r="DM23" s="218">
        <v>0</v>
      </c>
      <c r="DN23" s="218">
        <v>0</v>
      </c>
      <c r="DO23" s="218">
        <v>0</v>
      </c>
      <c r="DP23" s="219">
        <v>0</v>
      </c>
      <c r="DQ23" s="240">
        <v>0</v>
      </c>
      <c r="DR23" s="242">
        <v>0</v>
      </c>
      <c r="DS23" s="222">
        <v>0</v>
      </c>
      <c r="DT23" s="219">
        <v>0</v>
      </c>
      <c r="DU23" s="219">
        <v>0</v>
      </c>
      <c r="DV23" s="220">
        <v>17</v>
      </c>
      <c r="DW23" s="218">
        <v>61</v>
      </c>
      <c r="DX23" s="218">
        <v>185</v>
      </c>
      <c r="DY23" s="218">
        <v>274</v>
      </c>
      <c r="DZ23" s="219">
        <v>134</v>
      </c>
      <c r="EA23" s="240">
        <v>671</v>
      </c>
      <c r="EB23" s="242">
        <v>671</v>
      </c>
      <c r="EC23" s="239"/>
    </row>
    <row r="24" spans="2:133" ht="21" customHeight="1" x14ac:dyDescent="0.2">
      <c r="B24" s="106" t="s">
        <v>21</v>
      </c>
      <c r="C24" s="217">
        <v>0</v>
      </c>
      <c r="D24" s="219">
        <v>0</v>
      </c>
      <c r="E24" s="219">
        <v>0</v>
      </c>
      <c r="F24" s="220">
        <v>5</v>
      </c>
      <c r="G24" s="218">
        <v>15</v>
      </c>
      <c r="H24" s="218">
        <v>168</v>
      </c>
      <c r="I24" s="218">
        <v>202</v>
      </c>
      <c r="J24" s="219">
        <v>135</v>
      </c>
      <c r="K24" s="240">
        <v>525</v>
      </c>
      <c r="L24" s="241">
        <v>525</v>
      </c>
      <c r="M24" s="217">
        <v>0</v>
      </c>
      <c r="N24" s="219">
        <v>0</v>
      </c>
      <c r="O24" s="240">
        <v>0</v>
      </c>
      <c r="P24" s="220">
        <v>4</v>
      </c>
      <c r="Q24" s="218">
        <v>15</v>
      </c>
      <c r="R24" s="218">
        <v>168</v>
      </c>
      <c r="S24" s="218">
        <v>201</v>
      </c>
      <c r="T24" s="219">
        <v>134</v>
      </c>
      <c r="U24" s="240">
        <v>522</v>
      </c>
      <c r="V24" s="242">
        <v>522</v>
      </c>
      <c r="W24" s="222">
        <v>0</v>
      </c>
      <c r="X24" s="219">
        <v>0</v>
      </c>
      <c r="Y24" s="240">
        <v>0</v>
      </c>
      <c r="Z24" s="222">
        <v>1</v>
      </c>
      <c r="AA24" s="218">
        <v>0</v>
      </c>
      <c r="AB24" s="218">
        <v>0</v>
      </c>
      <c r="AC24" s="218">
        <v>1</v>
      </c>
      <c r="AD24" s="219">
        <v>1</v>
      </c>
      <c r="AE24" s="240">
        <v>3</v>
      </c>
      <c r="AF24" s="221">
        <v>3</v>
      </c>
      <c r="AG24" s="222">
        <v>0</v>
      </c>
      <c r="AH24" s="219">
        <v>0</v>
      </c>
      <c r="AI24" s="240">
        <v>0</v>
      </c>
      <c r="AJ24" s="222">
        <v>21</v>
      </c>
      <c r="AK24" s="218">
        <v>41</v>
      </c>
      <c r="AL24" s="218">
        <v>44</v>
      </c>
      <c r="AM24" s="218">
        <v>47</v>
      </c>
      <c r="AN24" s="219">
        <v>27</v>
      </c>
      <c r="AO24" s="240">
        <v>180</v>
      </c>
      <c r="AP24" s="221">
        <v>180</v>
      </c>
      <c r="AQ24" s="222">
        <v>0</v>
      </c>
      <c r="AR24" s="219">
        <v>0</v>
      </c>
      <c r="AS24" s="240">
        <v>0</v>
      </c>
      <c r="AT24" s="220">
        <v>21</v>
      </c>
      <c r="AU24" s="218">
        <v>41</v>
      </c>
      <c r="AV24" s="218">
        <v>42</v>
      </c>
      <c r="AW24" s="218">
        <v>44</v>
      </c>
      <c r="AX24" s="219">
        <v>25</v>
      </c>
      <c r="AY24" s="240">
        <v>173</v>
      </c>
      <c r="AZ24" s="241">
        <v>173</v>
      </c>
      <c r="BA24" s="217">
        <v>0</v>
      </c>
      <c r="BB24" s="219">
        <v>0</v>
      </c>
      <c r="BC24" s="219">
        <v>0</v>
      </c>
      <c r="BD24" s="220">
        <v>0</v>
      </c>
      <c r="BE24" s="218">
        <v>0</v>
      </c>
      <c r="BF24" s="218">
        <v>2</v>
      </c>
      <c r="BG24" s="218">
        <v>3</v>
      </c>
      <c r="BH24" s="219">
        <v>2</v>
      </c>
      <c r="BI24" s="240">
        <v>7</v>
      </c>
      <c r="BJ24" s="242">
        <v>7</v>
      </c>
      <c r="BK24" s="222">
        <v>0</v>
      </c>
      <c r="BL24" s="219">
        <v>0</v>
      </c>
      <c r="BM24" s="219">
        <v>0</v>
      </c>
      <c r="BN24" s="220">
        <v>0</v>
      </c>
      <c r="BO24" s="218">
        <v>0</v>
      </c>
      <c r="BP24" s="218">
        <v>0</v>
      </c>
      <c r="BQ24" s="218">
        <v>0</v>
      </c>
      <c r="BR24" s="219">
        <v>0</v>
      </c>
      <c r="BS24" s="240">
        <v>0</v>
      </c>
      <c r="BT24" s="241">
        <v>0</v>
      </c>
      <c r="BU24" s="217">
        <v>0</v>
      </c>
      <c r="BV24" s="219">
        <v>0</v>
      </c>
      <c r="BW24" s="219">
        <v>0</v>
      </c>
      <c r="BX24" s="220">
        <v>0</v>
      </c>
      <c r="BY24" s="218">
        <v>0</v>
      </c>
      <c r="BZ24" s="218">
        <v>0</v>
      </c>
      <c r="CA24" s="218">
        <v>0</v>
      </c>
      <c r="CB24" s="219">
        <v>0</v>
      </c>
      <c r="CC24" s="240">
        <v>0</v>
      </c>
      <c r="CD24" s="242">
        <v>0</v>
      </c>
      <c r="CE24" s="222">
        <v>0</v>
      </c>
      <c r="CF24" s="219">
        <v>0</v>
      </c>
      <c r="CG24" s="219">
        <v>0</v>
      </c>
      <c r="CH24" s="220">
        <v>0</v>
      </c>
      <c r="CI24" s="218">
        <v>0</v>
      </c>
      <c r="CJ24" s="218">
        <v>0</v>
      </c>
      <c r="CK24" s="218">
        <v>0</v>
      </c>
      <c r="CL24" s="219">
        <v>0</v>
      </c>
      <c r="CM24" s="240">
        <v>0</v>
      </c>
      <c r="CN24" s="242">
        <v>0</v>
      </c>
      <c r="CO24" s="222">
        <v>0</v>
      </c>
      <c r="CP24" s="219">
        <v>0</v>
      </c>
      <c r="CQ24" s="219">
        <v>0</v>
      </c>
      <c r="CR24" s="220">
        <v>0</v>
      </c>
      <c r="CS24" s="218">
        <v>1</v>
      </c>
      <c r="CT24" s="218">
        <v>1</v>
      </c>
      <c r="CU24" s="218">
        <v>14</v>
      </c>
      <c r="CV24" s="219">
        <v>17</v>
      </c>
      <c r="CW24" s="240">
        <v>33</v>
      </c>
      <c r="CX24" s="241">
        <v>33</v>
      </c>
      <c r="CY24" s="217">
        <v>0</v>
      </c>
      <c r="CZ24" s="219">
        <v>0</v>
      </c>
      <c r="DA24" s="219">
        <v>0</v>
      </c>
      <c r="DB24" s="220">
        <v>0</v>
      </c>
      <c r="DC24" s="218">
        <v>1</v>
      </c>
      <c r="DD24" s="218">
        <v>1</v>
      </c>
      <c r="DE24" s="218">
        <v>14</v>
      </c>
      <c r="DF24" s="219">
        <v>17</v>
      </c>
      <c r="DG24" s="240">
        <v>33</v>
      </c>
      <c r="DH24" s="242">
        <v>33</v>
      </c>
      <c r="DI24" s="222">
        <v>0</v>
      </c>
      <c r="DJ24" s="219">
        <v>0</v>
      </c>
      <c r="DK24" s="219">
        <v>0</v>
      </c>
      <c r="DL24" s="220">
        <v>0</v>
      </c>
      <c r="DM24" s="218">
        <v>0</v>
      </c>
      <c r="DN24" s="218">
        <v>0</v>
      </c>
      <c r="DO24" s="218">
        <v>0</v>
      </c>
      <c r="DP24" s="219">
        <v>0</v>
      </c>
      <c r="DQ24" s="240">
        <v>0</v>
      </c>
      <c r="DR24" s="242">
        <v>0</v>
      </c>
      <c r="DS24" s="222">
        <v>0</v>
      </c>
      <c r="DT24" s="219">
        <v>0</v>
      </c>
      <c r="DU24" s="219">
        <v>0</v>
      </c>
      <c r="DV24" s="220">
        <v>26</v>
      </c>
      <c r="DW24" s="218">
        <v>57</v>
      </c>
      <c r="DX24" s="218">
        <v>213</v>
      </c>
      <c r="DY24" s="218">
        <v>263</v>
      </c>
      <c r="DZ24" s="219">
        <v>179</v>
      </c>
      <c r="EA24" s="240">
        <v>738</v>
      </c>
      <c r="EB24" s="242">
        <v>738</v>
      </c>
      <c r="EC24" s="239"/>
    </row>
    <row r="25" spans="2:133" ht="21" customHeight="1" x14ac:dyDescent="0.2">
      <c r="B25" s="106" t="s">
        <v>22</v>
      </c>
      <c r="C25" s="217">
        <v>0</v>
      </c>
      <c r="D25" s="219">
        <v>0</v>
      </c>
      <c r="E25" s="219">
        <v>0</v>
      </c>
      <c r="F25" s="220">
        <v>2</v>
      </c>
      <c r="G25" s="218">
        <v>6</v>
      </c>
      <c r="H25" s="218">
        <v>46</v>
      </c>
      <c r="I25" s="218">
        <v>65</v>
      </c>
      <c r="J25" s="219">
        <v>35</v>
      </c>
      <c r="K25" s="240">
        <v>154</v>
      </c>
      <c r="L25" s="241">
        <v>154</v>
      </c>
      <c r="M25" s="217">
        <v>0</v>
      </c>
      <c r="N25" s="219">
        <v>0</v>
      </c>
      <c r="O25" s="240">
        <v>0</v>
      </c>
      <c r="P25" s="220">
        <v>2</v>
      </c>
      <c r="Q25" s="218">
        <v>6</v>
      </c>
      <c r="R25" s="218">
        <v>46</v>
      </c>
      <c r="S25" s="218">
        <v>65</v>
      </c>
      <c r="T25" s="219">
        <v>35</v>
      </c>
      <c r="U25" s="240">
        <v>154</v>
      </c>
      <c r="V25" s="242">
        <v>154</v>
      </c>
      <c r="W25" s="222">
        <v>0</v>
      </c>
      <c r="X25" s="219">
        <v>0</v>
      </c>
      <c r="Y25" s="240">
        <v>0</v>
      </c>
      <c r="Z25" s="222">
        <v>0</v>
      </c>
      <c r="AA25" s="218">
        <v>0</v>
      </c>
      <c r="AB25" s="218">
        <v>0</v>
      </c>
      <c r="AC25" s="218">
        <v>0</v>
      </c>
      <c r="AD25" s="219">
        <v>0</v>
      </c>
      <c r="AE25" s="240">
        <v>0</v>
      </c>
      <c r="AF25" s="221">
        <v>0</v>
      </c>
      <c r="AG25" s="222">
        <v>0</v>
      </c>
      <c r="AH25" s="219">
        <v>0</v>
      </c>
      <c r="AI25" s="240">
        <v>0</v>
      </c>
      <c r="AJ25" s="222">
        <v>9</v>
      </c>
      <c r="AK25" s="218">
        <v>23</v>
      </c>
      <c r="AL25" s="218">
        <v>29</v>
      </c>
      <c r="AM25" s="218">
        <v>46</v>
      </c>
      <c r="AN25" s="219">
        <v>18</v>
      </c>
      <c r="AO25" s="240">
        <v>125</v>
      </c>
      <c r="AP25" s="221">
        <v>125</v>
      </c>
      <c r="AQ25" s="222">
        <v>0</v>
      </c>
      <c r="AR25" s="219">
        <v>0</v>
      </c>
      <c r="AS25" s="240">
        <v>0</v>
      </c>
      <c r="AT25" s="220">
        <v>9</v>
      </c>
      <c r="AU25" s="218">
        <v>23</v>
      </c>
      <c r="AV25" s="218">
        <v>29</v>
      </c>
      <c r="AW25" s="218">
        <v>45</v>
      </c>
      <c r="AX25" s="219">
        <v>18</v>
      </c>
      <c r="AY25" s="240">
        <v>124</v>
      </c>
      <c r="AZ25" s="241">
        <v>124</v>
      </c>
      <c r="BA25" s="217">
        <v>0</v>
      </c>
      <c r="BB25" s="219">
        <v>0</v>
      </c>
      <c r="BC25" s="219">
        <v>0</v>
      </c>
      <c r="BD25" s="220">
        <v>0</v>
      </c>
      <c r="BE25" s="218">
        <v>0</v>
      </c>
      <c r="BF25" s="218">
        <v>0</v>
      </c>
      <c r="BG25" s="218">
        <v>1</v>
      </c>
      <c r="BH25" s="219">
        <v>0</v>
      </c>
      <c r="BI25" s="240">
        <v>1</v>
      </c>
      <c r="BJ25" s="242">
        <v>1</v>
      </c>
      <c r="BK25" s="222">
        <v>0</v>
      </c>
      <c r="BL25" s="219">
        <v>0</v>
      </c>
      <c r="BM25" s="219">
        <v>0</v>
      </c>
      <c r="BN25" s="220">
        <v>0</v>
      </c>
      <c r="BO25" s="218">
        <v>0</v>
      </c>
      <c r="BP25" s="218">
        <v>0</v>
      </c>
      <c r="BQ25" s="218">
        <v>0</v>
      </c>
      <c r="BR25" s="219">
        <v>0</v>
      </c>
      <c r="BS25" s="240">
        <v>0</v>
      </c>
      <c r="BT25" s="241">
        <v>0</v>
      </c>
      <c r="BU25" s="217">
        <v>0</v>
      </c>
      <c r="BV25" s="219">
        <v>0</v>
      </c>
      <c r="BW25" s="219">
        <v>0</v>
      </c>
      <c r="BX25" s="220">
        <v>0</v>
      </c>
      <c r="BY25" s="218">
        <v>0</v>
      </c>
      <c r="BZ25" s="218">
        <v>0</v>
      </c>
      <c r="CA25" s="218">
        <v>0</v>
      </c>
      <c r="CB25" s="219">
        <v>0</v>
      </c>
      <c r="CC25" s="240">
        <v>0</v>
      </c>
      <c r="CD25" s="242">
        <v>0</v>
      </c>
      <c r="CE25" s="222">
        <v>0</v>
      </c>
      <c r="CF25" s="219">
        <v>0</v>
      </c>
      <c r="CG25" s="219">
        <v>0</v>
      </c>
      <c r="CH25" s="220">
        <v>0</v>
      </c>
      <c r="CI25" s="218">
        <v>0</v>
      </c>
      <c r="CJ25" s="218">
        <v>0</v>
      </c>
      <c r="CK25" s="218">
        <v>0</v>
      </c>
      <c r="CL25" s="219">
        <v>0</v>
      </c>
      <c r="CM25" s="240">
        <v>0</v>
      </c>
      <c r="CN25" s="242">
        <v>0</v>
      </c>
      <c r="CO25" s="222">
        <v>0</v>
      </c>
      <c r="CP25" s="219">
        <v>0</v>
      </c>
      <c r="CQ25" s="219">
        <v>0</v>
      </c>
      <c r="CR25" s="220">
        <v>0</v>
      </c>
      <c r="CS25" s="218">
        <v>0</v>
      </c>
      <c r="CT25" s="218">
        <v>1</v>
      </c>
      <c r="CU25" s="218">
        <v>5</v>
      </c>
      <c r="CV25" s="219">
        <v>4</v>
      </c>
      <c r="CW25" s="240">
        <v>10</v>
      </c>
      <c r="CX25" s="241">
        <v>10</v>
      </c>
      <c r="CY25" s="217">
        <v>0</v>
      </c>
      <c r="CZ25" s="219">
        <v>0</v>
      </c>
      <c r="DA25" s="219">
        <v>0</v>
      </c>
      <c r="DB25" s="220">
        <v>0</v>
      </c>
      <c r="DC25" s="218">
        <v>0</v>
      </c>
      <c r="DD25" s="218">
        <v>1</v>
      </c>
      <c r="DE25" s="218">
        <v>5</v>
      </c>
      <c r="DF25" s="219">
        <v>2</v>
      </c>
      <c r="DG25" s="240">
        <v>8</v>
      </c>
      <c r="DH25" s="242">
        <v>8</v>
      </c>
      <c r="DI25" s="222">
        <v>0</v>
      </c>
      <c r="DJ25" s="219">
        <v>0</v>
      </c>
      <c r="DK25" s="219">
        <v>0</v>
      </c>
      <c r="DL25" s="220">
        <v>0</v>
      </c>
      <c r="DM25" s="218">
        <v>0</v>
      </c>
      <c r="DN25" s="218">
        <v>0</v>
      </c>
      <c r="DO25" s="218">
        <v>0</v>
      </c>
      <c r="DP25" s="219">
        <v>2</v>
      </c>
      <c r="DQ25" s="240">
        <v>2</v>
      </c>
      <c r="DR25" s="242">
        <v>2</v>
      </c>
      <c r="DS25" s="222">
        <v>0</v>
      </c>
      <c r="DT25" s="219">
        <v>0</v>
      </c>
      <c r="DU25" s="219">
        <v>0</v>
      </c>
      <c r="DV25" s="220">
        <v>11</v>
      </c>
      <c r="DW25" s="218">
        <v>29</v>
      </c>
      <c r="DX25" s="218">
        <v>76</v>
      </c>
      <c r="DY25" s="218">
        <v>116</v>
      </c>
      <c r="DZ25" s="219">
        <v>57</v>
      </c>
      <c r="EA25" s="240">
        <v>289</v>
      </c>
      <c r="EB25" s="242">
        <v>289</v>
      </c>
      <c r="EC25" s="239"/>
    </row>
    <row r="26" spans="2:133" ht="21" customHeight="1" x14ac:dyDescent="0.2">
      <c r="B26" s="106" t="s">
        <v>23</v>
      </c>
      <c r="C26" s="217">
        <v>0</v>
      </c>
      <c r="D26" s="219">
        <v>0</v>
      </c>
      <c r="E26" s="219">
        <v>0</v>
      </c>
      <c r="F26" s="220">
        <v>3</v>
      </c>
      <c r="G26" s="218">
        <v>12</v>
      </c>
      <c r="H26" s="218">
        <v>97</v>
      </c>
      <c r="I26" s="218">
        <v>164</v>
      </c>
      <c r="J26" s="219">
        <v>108</v>
      </c>
      <c r="K26" s="240">
        <v>384</v>
      </c>
      <c r="L26" s="241">
        <v>384</v>
      </c>
      <c r="M26" s="217">
        <v>0</v>
      </c>
      <c r="N26" s="219">
        <v>0</v>
      </c>
      <c r="O26" s="240">
        <v>0</v>
      </c>
      <c r="P26" s="220">
        <v>3</v>
      </c>
      <c r="Q26" s="218">
        <v>12</v>
      </c>
      <c r="R26" s="218">
        <v>97</v>
      </c>
      <c r="S26" s="218">
        <v>162</v>
      </c>
      <c r="T26" s="219">
        <v>107</v>
      </c>
      <c r="U26" s="240">
        <v>381</v>
      </c>
      <c r="V26" s="242">
        <v>381</v>
      </c>
      <c r="W26" s="222">
        <v>0</v>
      </c>
      <c r="X26" s="219">
        <v>0</v>
      </c>
      <c r="Y26" s="240">
        <v>0</v>
      </c>
      <c r="Z26" s="222">
        <v>0</v>
      </c>
      <c r="AA26" s="218">
        <v>0</v>
      </c>
      <c r="AB26" s="218">
        <v>0</v>
      </c>
      <c r="AC26" s="218">
        <v>2</v>
      </c>
      <c r="AD26" s="219">
        <v>1</v>
      </c>
      <c r="AE26" s="240">
        <v>3</v>
      </c>
      <c r="AF26" s="221">
        <v>3</v>
      </c>
      <c r="AG26" s="222">
        <v>0</v>
      </c>
      <c r="AH26" s="219">
        <v>0</v>
      </c>
      <c r="AI26" s="240">
        <v>0</v>
      </c>
      <c r="AJ26" s="222">
        <v>18</v>
      </c>
      <c r="AK26" s="218">
        <v>29</v>
      </c>
      <c r="AL26" s="218">
        <v>36</v>
      </c>
      <c r="AM26" s="218">
        <v>63</v>
      </c>
      <c r="AN26" s="219">
        <v>31</v>
      </c>
      <c r="AO26" s="240">
        <v>177</v>
      </c>
      <c r="AP26" s="221">
        <v>177</v>
      </c>
      <c r="AQ26" s="222">
        <v>0</v>
      </c>
      <c r="AR26" s="219">
        <v>0</v>
      </c>
      <c r="AS26" s="240">
        <v>0</v>
      </c>
      <c r="AT26" s="220">
        <v>18</v>
      </c>
      <c r="AU26" s="218">
        <v>29</v>
      </c>
      <c r="AV26" s="218">
        <v>36</v>
      </c>
      <c r="AW26" s="218">
        <v>63</v>
      </c>
      <c r="AX26" s="219">
        <v>29</v>
      </c>
      <c r="AY26" s="240">
        <v>175</v>
      </c>
      <c r="AZ26" s="241">
        <v>175</v>
      </c>
      <c r="BA26" s="217">
        <v>0</v>
      </c>
      <c r="BB26" s="219">
        <v>0</v>
      </c>
      <c r="BC26" s="219">
        <v>0</v>
      </c>
      <c r="BD26" s="220">
        <v>0</v>
      </c>
      <c r="BE26" s="218">
        <v>0</v>
      </c>
      <c r="BF26" s="218">
        <v>0</v>
      </c>
      <c r="BG26" s="218">
        <v>0</v>
      </c>
      <c r="BH26" s="219">
        <v>2</v>
      </c>
      <c r="BI26" s="240">
        <v>2</v>
      </c>
      <c r="BJ26" s="242">
        <v>2</v>
      </c>
      <c r="BK26" s="222">
        <v>0</v>
      </c>
      <c r="BL26" s="219">
        <v>0</v>
      </c>
      <c r="BM26" s="219">
        <v>0</v>
      </c>
      <c r="BN26" s="220">
        <v>0</v>
      </c>
      <c r="BO26" s="218">
        <v>0</v>
      </c>
      <c r="BP26" s="218">
        <v>0</v>
      </c>
      <c r="BQ26" s="218">
        <v>0</v>
      </c>
      <c r="BR26" s="219">
        <v>0</v>
      </c>
      <c r="BS26" s="240">
        <v>0</v>
      </c>
      <c r="BT26" s="241">
        <v>0</v>
      </c>
      <c r="BU26" s="217">
        <v>0</v>
      </c>
      <c r="BV26" s="219">
        <v>0</v>
      </c>
      <c r="BW26" s="219">
        <v>0</v>
      </c>
      <c r="BX26" s="220">
        <v>0</v>
      </c>
      <c r="BY26" s="218">
        <v>0</v>
      </c>
      <c r="BZ26" s="218">
        <v>0</v>
      </c>
      <c r="CA26" s="218">
        <v>0</v>
      </c>
      <c r="CB26" s="219">
        <v>0</v>
      </c>
      <c r="CC26" s="240">
        <v>0</v>
      </c>
      <c r="CD26" s="242">
        <v>0</v>
      </c>
      <c r="CE26" s="222">
        <v>0</v>
      </c>
      <c r="CF26" s="219">
        <v>0</v>
      </c>
      <c r="CG26" s="219">
        <v>0</v>
      </c>
      <c r="CH26" s="220">
        <v>0</v>
      </c>
      <c r="CI26" s="218">
        <v>0</v>
      </c>
      <c r="CJ26" s="218">
        <v>0</v>
      </c>
      <c r="CK26" s="218">
        <v>0</v>
      </c>
      <c r="CL26" s="219">
        <v>0</v>
      </c>
      <c r="CM26" s="240">
        <v>0</v>
      </c>
      <c r="CN26" s="242">
        <v>0</v>
      </c>
      <c r="CO26" s="222">
        <v>0</v>
      </c>
      <c r="CP26" s="219">
        <v>0</v>
      </c>
      <c r="CQ26" s="219">
        <v>0</v>
      </c>
      <c r="CR26" s="220">
        <v>0</v>
      </c>
      <c r="CS26" s="218">
        <v>0</v>
      </c>
      <c r="CT26" s="218">
        <v>0</v>
      </c>
      <c r="CU26" s="218">
        <v>4</v>
      </c>
      <c r="CV26" s="219">
        <v>10</v>
      </c>
      <c r="CW26" s="240">
        <v>14</v>
      </c>
      <c r="CX26" s="241">
        <v>14</v>
      </c>
      <c r="CY26" s="217">
        <v>0</v>
      </c>
      <c r="CZ26" s="219">
        <v>0</v>
      </c>
      <c r="DA26" s="219">
        <v>0</v>
      </c>
      <c r="DB26" s="220">
        <v>0</v>
      </c>
      <c r="DC26" s="218">
        <v>0</v>
      </c>
      <c r="DD26" s="218">
        <v>0</v>
      </c>
      <c r="DE26" s="218">
        <v>4</v>
      </c>
      <c r="DF26" s="219">
        <v>10</v>
      </c>
      <c r="DG26" s="240">
        <v>14</v>
      </c>
      <c r="DH26" s="242">
        <v>14</v>
      </c>
      <c r="DI26" s="222">
        <v>0</v>
      </c>
      <c r="DJ26" s="219">
        <v>0</v>
      </c>
      <c r="DK26" s="219">
        <v>0</v>
      </c>
      <c r="DL26" s="220">
        <v>0</v>
      </c>
      <c r="DM26" s="218">
        <v>0</v>
      </c>
      <c r="DN26" s="218">
        <v>0</v>
      </c>
      <c r="DO26" s="218">
        <v>0</v>
      </c>
      <c r="DP26" s="219">
        <v>0</v>
      </c>
      <c r="DQ26" s="240">
        <v>0</v>
      </c>
      <c r="DR26" s="242">
        <v>0</v>
      </c>
      <c r="DS26" s="222">
        <v>0</v>
      </c>
      <c r="DT26" s="219">
        <v>0</v>
      </c>
      <c r="DU26" s="219">
        <v>0</v>
      </c>
      <c r="DV26" s="220">
        <v>21</v>
      </c>
      <c r="DW26" s="218">
        <v>41</v>
      </c>
      <c r="DX26" s="218">
        <v>133</v>
      </c>
      <c r="DY26" s="218">
        <v>227</v>
      </c>
      <c r="DZ26" s="219">
        <v>149</v>
      </c>
      <c r="EA26" s="240">
        <v>571</v>
      </c>
      <c r="EB26" s="242">
        <v>571</v>
      </c>
      <c r="EC26" s="239"/>
    </row>
    <row r="27" spans="2:133" ht="21" customHeight="1" x14ac:dyDescent="0.2">
      <c r="B27" s="106" t="s">
        <v>24</v>
      </c>
      <c r="C27" s="217">
        <v>0</v>
      </c>
      <c r="D27" s="219">
        <v>0</v>
      </c>
      <c r="E27" s="219">
        <v>0</v>
      </c>
      <c r="F27" s="220">
        <v>1</v>
      </c>
      <c r="G27" s="218">
        <v>0</v>
      </c>
      <c r="H27" s="218">
        <v>26</v>
      </c>
      <c r="I27" s="218">
        <v>95</v>
      </c>
      <c r="J27" s="219">
        <v>52</v>
      </c>
      <c r="K27" s="240">
        <v>174</v>
      </c>
      <c r="L27" s="241">
        <v>174</v>
      </c>
      <c r="M27" s="217">
        <v>0</v>
      </c>
      <c r="N27" s="219">
        <v>0</v>
      </c>
      <c r="O27" s="240">
        <v>0</v>
      </c>
      <c r="P27" s="220">
        <v>1</v>
      </c>
      <c r="Q27" s="218">
        <v>0</v>
      </c>
      <c r="R27" s="218">
        <v>26</v>
      </c>
      <c r="S27" s="218">
        <v>95</v>
      </c>
      <c r="T27" s="219">
        <v>52</v>
      </c>
      <c r="U27" s="240">
        <v>174</v>
      </c>
      <c r="V27" s="242">
        <v>174</v>
      </c>
      <c r="W27" s="222">
        <v>0</v>
      </c>
      <c r="X27" s="219">
        <v>0</v>
      </c>
      <c r="Y27" s="240">
        <v>0</v>
      </c>
      <c r="Z27" s="222">
        <v>0</v>
      </c>
      <c r="AA27" s="218">
        <v>0</v>
      </c>
      <c r="AB27" s="218">
        <v>0</v>
      </c>
      <c r="AC27" s="218">
        <v>0</v>
      </c>
      <c r="AD27" s="219">
        <v>0</v>
      </c>
      <c r="AE27" s="240">
        <v>0</v>
      </c>
      <c r="AF27" s="221">
        <v>0</v>
      </c>
      <c r="AG27" s="222">
        <v>0</v>
      </c>
      <c r="AH27" s="219">
        <v>0</v>
      </c>
      <c r="AI27" s="240">
        <v>0</v>
      </c>
      <c r="AJ27" s="222">
        <v>10</v>
      </c>
      <c r="AK27" s="218">
        <v>9</v>
      </c>
      <c r="AL27" s="218">
        <v>25</v>
      </c>
      <c r="AM27" s="218">
        <v>33</v>
      </c>
      <c r="AN27" s="219">
        <v>6</v>
      </c>
      <c r="AO27" s="240">
        <v>83</v>
      </c>
      <c r="AP27" s="221">
        <v>83</v>
      </c>
      <c r="AQ27" s="222">
        <v>0</v>
      </c>
      <c r="AR27" s="219">
        <v>0</v>
      </c>
      <c r="AS27" s="240">
        <v>0</v>
      </c>
      <c r="AT27" s="220">
        <v>10</v>
      </c>
      <c r="AU27" s="218">
        <v>9</v>
      </c>
      <c r="AV27" s="218">
        <v>25</v>
      </c>
      <c r="AW27" s="218">
        <v>31</v>
      </c>
      <c r="AX27" s="219">
        <v>6</v>
      </c>
      <c r="AY27" s="240">
        <v>81</v>
      </c>
      <c r="AZ27" s="241">
        <v>81</v>
      </c>
      <c r="BA27" s="217">
        <v>0</v>
      </c>
      <c r="BB27" s="219">
        <v>0</v>
      </c>
      <c r="BC27" s="219">
        <v>0</v>
      </c>
      <c r="BD27" s="220">
        <v>0</v>
      </c>
      <c r="BE27" s="218">
        <v>0</v>
      </c>
      <c r="BF27" s="218">
        <v>0</v>
      </c>
      <c r="BG27" s="218">
        <v>2</v>
      </c>
      <c r="BH27" s="219">
        <v>0</v>
      </c>
      <c r="BI27" s="240">
        <v>2</v>
      </c>
      <c r="BJ27" s="242">
        <v>2</v>
      </c>
      <c r="BK27" s="222">
        <v>0</v>
      </c>
      <c r="BL27" s="219">
        <v>0</v>
      </c>
      <c r="BM27" s="219">
        <v>0</v>
      </c>
      <c r="BN27" s="220">
        <v>0</v>
      </c>
      <c r="BO27" s="218">
        <v>0</v>
      </c>
      <c r="BP27" s="218">
        <v>0</v>
      </c>
      <c r="BQ27" s="218">
        <v>0</v>
      </c>
      <c r="BR27" s="219">
        <v>0</v>
      </c>
      <c r="BS27" s="240">
        <v>0</v>
      </c>
      <c r="BT27" s="241">
        <v>0</v>
      </c>
      <c r="BU27" s="217">
        <v>0</v>
      </c>
      <c r="BV27" s="219">
        <v>0</v>
      </c>
      <c r="BW27" s="219">
        <v>0</v>
      </c>
      <c r="BX27" s="220">
        <v>0</v>
      </c>
      <c r="BY27" s="218">
        <v>0</v>
      </c>
      <c r="BZ27" s="218">
        <v>0</v>
      </c>
      <c r="CA27" s="218">
        <v>0</v>
      </c>
      <c r="CB27" s="219">
        <v>0</v>
      </c>
      <c r="CC27" s="240">
        <v>0</v>
      </c>
      <c r="CD27" s="242">
        <v>0</v>
      </c>
      <c r="CE27" s="222">
        <v>0</v>
      </c>
      <c r="CF27" s="219">
        <v>0</v>
      </c>
      <c r="CG27" s="219">
        <v>0</v>
      </c>
      <c r="CH27" s="220">
        <v>0</v>
      </c>
      <c r="CI27" s="218">
        <v>0</v>
      </c>
      <c r="CJ27" s="218">
        <v>0</v>
      </c>
      <c r="CK27" s="218">
        <v>0</v>
      </c>
      <c r="CL27" s="219">
        <v>0</v>
      </c>
      <c r="CM27" s="240">
        <v>0</v>
      </c>
      <c r="CN27" s="242">
        <v>0</v>
      </c>
      <c r="CO27" s="222">
        <v>0</v>
      </c>
      <c r="CP27" s="219">
        <v>0</v>
      </c>
      <c r="CQ27" s="219">
        <v>0</v>
      </c>
      <c r="CR27" s="220">
        <v>0</v>
      </c>
      <c r="CS27" s="218">
        <v>0</v>
      </c>
      <c r="CT27" s="218">
        <v>0</v>
      </c>
      <c r="CU27" s="218">
        <v>0</v>
      </c>
      <c r="CV27" s="219">
        <v>0</v>
      </c>
      <c r="CW27" s="240">
        <v>0</v>
      </c>
      <c r="CX27" s="241">
        <v>0</v>
      </c>
      <c r="CY27" s="217">
        <v>0</v>
      </c>
      <c r="CZ27" s="219">
        <v>0</v>
      </c>
      <c r="DA27" s="219">
        <v>0</v>
      </c>
      <c r="DB27" s="220">
        <v>0</v>
      </c>
      <c r="DC27" s="218">
        <v>0</v>
      </c>
      <c r="DD27" s="218">
        <v>0</v>
      </c>
      <c r="DE27" s="218">
        <v>0</v>
      </c>
      <c r="DF27" s="219">
        <v>0</v>
      </c>
      <c r="DG27" s="240">
        <v>0</v>
      </c>
      <c r="DH27" s="242">
        <v>0</v>
      </c>
      <c r="DI27" s="222">
        <v>0</v>
      </c>
      <c r="DJ27" s="219">
        <v>0</v>
      </c>
      <c r="DK27" s="219">
        <v>0</v>
      </c>
      <c r="DL27" s="220">
        <v>0</v>
      </c>
      <c r="DM27" s="218">
        <v>0</v>
      </c>
      <c r="DN27" s="218">
        <v>0</v>
      </c>
      <c r="DO27" s="218">
        <v>0</v>
      </c>
      <c r="DP27" s="219">
        <v>0</v>
      </c>
      <c r="DQ27" s="240">
        <v>0</v>
      </c>
      <c r="DR27" s="242">
        <v>0</v>
      </c>
      <c r="DS27" s="222">
        <v>0</v>
      </c>
      <c r="DT27" s="219">
        <v>0</v>
      </c>
      <c r="DU27" s="219">
        <v>0</v>
      </c>
      <c r="DV27" s="220">
        <v>11</v>
      </c>
      <c r="DW27" s="218">
        <v>9</v>
      </c>
      <c r="DX27" s="218">
        <v>51</v>
      </c>
      <c r="DY27" s="218">
        <v>127</v>
      </c>
      <c r="DZ27" s="219">
        <v>58</v>
      </c>
      <c r="EA27" s="240">
        <v>256</v>
      </c>
      <c r="EB27" s="242">
        <v>256</v>
      </c>
      <c r="EC27" s="239"/>
    </row>
    <row r="28" spans="2:133" ht="21" customHeight="1" x14ac:dyDescent="0.2">
      <c r="B28" s="106" t="s">
        <v>25</v>
      </c>
      <c r="C28" s="217">
        <v>0</v>
      </c>
      <c r="D28" s="219">
        <v>0</v>
      </c>
      <c r="E28" s="219">
        <v>0</v>
      </c>
      <c r="F28" s="220">
        <v>1</v>
      </c>
      <c r="G28" s="218">
        <v>4</v>
      </c>
      <c r="H28" s="218">
        <v>64</v>
      </c>
      <c r="I28" s="218">
        <v>82</v>
      </c>
      <c r="J28" s="219">
        <v>47</v>
      </c>
      <c r="K28" s="240">
        <v>198</v>
      </c>
      <c r="L28" s="241">
        <v>198</v>
      </c>
      <c r="M28" s="217">
        <v>0</v>
      </c>
      <c r="N28" s="219">
        <v>0</v>
      </c>
      <c r="O28" s="240">
        <v>0</v>
      </c>
      <c r="P28" s="220">
        <v>1</v>
      </c>
      <c r="Q28" s="218">
        <v>4</v>
      </c>
      <c r="R28" s="218">
        <v>64</v>
      </c>
      <c r="S28" s="218">
        <v>81</v>
      </c>
      <c r="T28" s="219">
        <v>43</v>
      </c>
      <c r="U28" s="240">
        <v>193</v>
      </c>
      <c r="V28" s="242">
        <v>193</v>
      </c>
      <c r="W28" s="222">
        <v>0</v>
      </c>
      <c r="X28" s="219">
        <v>0</v>
      </c>
      <c r="Y28" s="240">
        <v>0</v>
      </c>
      <c r="Z28" s="222">
        <v>0</v>
      </c>
      <c r="AA28" s="218">
        <v>0</v>
      </c>
      <c r="AB28" s="218">
        <v>0</v>
      </c>
      <c r="AC28" s="218">
        <v>1</v>
      </c>
      <c r="AD28" s="219">
        <v>4</v>
      </c>
      <c r="AE28" s="240">
        <v>5</v>
      </c>
      <c r="AF28" s="221">
        <v>5</v>
      </c>
      <c r="AG28" s="222">
        <v>0</v>
      </c>
      <c r="AH28" s="219">
        <v>0</v>
      </c>
      <c r="AI28" s="240">
        <v>0</v>
      </c>
      <c r="AJ28" s="222">
        <v>11</v>
      </c>
      <c r="AK28" s="218">
        <v>30</v>
      </c>
      <c r="AL28" s="218">
        <v>16</v>
      </c>
      <c r="AM28" s="218">
        <v>49</v>
      </c>
      <c r="AN28" s="219">
        <v>16</v>
      </c>
      <c r="AO28" s="240">
        <v>122</v>
      </c>
      <c r="AP28" s="221">
        <v>122</v>
      </c>
      <c r="AQ28" s="222">
        <v>0</v>
      </c>
      <c r="AR28" s="219">
        <v>0</v>
      </c>
      <c r="AS28" s="240">
        <v>0</v>
      </c>
      <c r="AT28" s="220">
        <v>10</v>
      </c>
      <c r="AU28" s="218">
        <v>30</v>
      </c>
      <c r="AV28" s="218">
        <v>16</v>
      </c>
      <c r="AW28" s="218">
        <v>49</v>
      </c>
      <c r="AX28" s="219">
        <v>16</v>
      </c>
      <c r="AY28" s="240">
        <v>121</v>
      </c>
      <c r="AZ28" s="241">
        <v>121</v>
      </c>
      <c r="BA28" s="217">
        <v>0</v>
      </c>
      <c r="BB28" s="219">
        <v>0</v>
      </c>
      <c r="BC28" s="219">
        <v>0</v>
      </c>
      <c r="BD28" s="220">
        <v>1</v>
      </c>
      <c r="BE28" s="218">
        <v>0</v>
      </c>
      <c r="BF28" s="218">
        <v>0</v>
      </c>
      <c r="BG28" s="218">
        <v>0</v>
      </c>
      <c r="BH28" s="219">
        <v>0</v>
      </c>
      <c r="BI28" s="240">
        <v>1</v>
      </c>
      <c r="BJ28" s="242">
        <v>1</v>
      </c>
      <c r="BK28" s="222">
        <v>0</v>
      </c>
      <c r="BL28" s="219">
        <v>0</v>
      </c>
      <c r="BM28" s="219">
        <v>0</v>
      </c>
      <c r="BN28" s="220">
        <v>0</v>
      </c>
      <c r="BO28" s="218">
        <v>0</v>
      </c>
      <c r="BP28" s="218">
        <v>0</v>
      </c>
      <c r="BQ28" s="218">
        <v>0</v>
      </c>
      <c r="BR28" s="219">
        <v>0</v>
      </c>
      <c r="BS28" s="240">
        <v>0</v>
      </c>
      <c r="BT28" s="241">
        <v>0</v>
      </c>
      <c r="BU28" s="217">
        <v>0</v>
      </c>
      <c r="BV28" s="219">
        <v>0</v>
      </c>
      <c r="BW28" s="219">
        <v>0</v>
      </c>
      <c r="BX28" s="220">
        <v>0</v>
      </c>
      <c r="BY28" s="218">
        <v>0</v>
      </c>
      <c r="BZ28" s="218">
        <v>0</v>
      </c>
      <c r="CA28" s="218">
        <v>0</v>
      </c>
      <c r="CB28" s="219">
        <v>0</v>
      </c>
      <c r="CC28" s="240">
        <v>0</v>
      </c>
      <c r="CD28" s="242">
        <v>0</v>
      </c>
      <c r="CE28" s="222">
        <v>0</v>
      </c>
      <c r="CF28" s="219">
        <v>0</v>
      </c>
      <c r="CG28" s="219">
        <v>0</v>
      </c>
      <c r="CH28" s="220">
        <v>0</v>
      </c>
      <c r="CI28" s="218">
        <v>0</v>
      </c>
      <c r="CJ28" s="218">
        <v>0</v>
      </c>
      <c r="CK28" s="218">
        <v>0</v>
      </c>
      <c r="CL28" s="219">
        <v>0</v>
      </c>
      <c r="CM28" s="240">
        <v>0</v>
      </c>
      <c r="CN28" s="242">
        <v>0</v>
      </c>
      <c r="CO28" s="222">
        <v>0</v>
      </c>
      <c r="CP28" s="219">
        <v>0</v>
      </c>
      <c r="CQ28" s="219">
        <v>0</v>
      </c>
      <c r="CR28" s="220">
        <v>0</v>
      </c>
      <c r="CS28" s="218">
        <v>0</v>
      </c>
      <c r="CT28" s="218">
        <v>0</v>
      </c>
      <c r="CU28" s="218">
        <v>0</v>
      </c>
      <c r="CV28" s="219">
        <v>1</v>
      </c>
      <c r="CW28" s="240">
        <v>1</v>
      </c>
      <c r="CX28" s="241">
        <v>1</v>
      </c>
      <c r="CY28" s="217">
        <v>0</v>
      </c>
      <c r="CZ28" s="219">
        <v>0</v>
      </c>
      <c r="DA28" s="219">
        <v>0</v>
      </c>
      <c r="DB28" s="220">
        <v>0</v>
      </c>
      <c r="DC28" s="218">
        <v>0</v>
      </c>
      <c r="DD28" s="218">
        <v>0</v>
      </c>
      <c r="DE28" s="218">
        <v>0</v>
      </c>
      <c r="DF28" s="219">
        <v>1</v>
      </c>
      <c r="DG28" s="240">
        <v>1</v>
      </c>
      <c r="DH28" s="242">
        <v>1</v>
      </c>
      <c r="DI28" s="222">
        <v>0</v>
      </c>
      <c r="DJ28" s="219">
        <v>0</v>
      </c>
      <c r="DK28" s="219">
        <v>0</v>
      </c>
      <c r="DL28" s="220">
        <v>0</v>
      </c>
      <c r="DM28" s="218">
        <v>0</v>
      </c>
      <c r="DN28" s="218">
        <v>0</v>
      </c>
      <c r="DO28" s="218">
        <v>0</v>
      </c>
      <c r="DP28" s="219">
        <v>0</v>
      </c>
      <c r="DQ28" s="240">
        <v>0</v>
      </c>
      <c r="DR28" s="242">
        <v>0</v>
      </c>
      <c r="DS28" s="222">
        <v>0</v>
      </c>
      <c r="DT28" s="219">
        <v>0</v>
      </c>
      <c r="DU28" s="219">
        <v>0</v>
      </c>
      <c r="DV28" s="220">
        <v>12</v>
      </c>
      <c r="DW28" s="218">
        <v>34</v>
      </c>
      <c r="DX28" s="218">
        <v>80</v>
      </c>
      <c r="DY28" s="218">
        <v>130</v>
      </c>
      <c r="DZ28" s="219">
        <v>64</v>
      </c>
      <c r="EA28" s="240">
        <v>320</v>
      </c>
      <c r="EB28" s="242">
        <v>320</v>
      </c>
      <c r="EC28" s="239"/>
    </row>
    <row r="29" spans="2:133" ht="21" customHeight="1" x14ac:dyDescent="0.2">
      <c r="B29" s="106" t="s">
        <v>26</v>
      </c>
      <c r="C29" s="217">
        <v>0</v>
      </c>
      <c r="D29" s="219">
        <v>0</v>
      </c>
      <c r="E29" s="219">
        <v>0</v>
      </c>
      <c r="F29" s="220">
        <v>2</v>
      </c>
      <c r="G29" s="218">
        <v>4</v>
      </c>
      <c r="H29" s="218">
        <v>29</v>
      </c>
      <c r="I29" s="218">
        <v>57</v>
      </c>
      <c r="J29" s="219">
        <v>51</v>
      </c>
      <c r="K29" s="240">
        <v>143</v>
      </c>
      <c r="L29" s="241">
        <v>143</v>
      </c>
      <c r="M29" s="217">
        <v>0</v>
      </c>
      <c r="N29" s="219">
        <v>0</v>
      </c>
      <c r="O29" s="240">
        <v>0</v>
      </c>
      <c r="P29" s="220">
        <v>2</v>
      </c>
      <c r="Q29" s="218">
        <v>4</v>
      </c>
      <c r="R29" s="218">
        <v>29</v>
      </c>
      <c r="S29" s="218">
        <v>55</v>
      </c>
      <c r="T29" s="219">
        <v>51</v>
      </c>
      <c r="U29" s="240">
        <v>141</v>
      </c>
      <c r="V29" s="242">
        <v>141</v>
      </c>
      <c r="W29" s="222">
        <v>0</v>
      </c>
      <c r="X29" s="219">
        <v>0</v>
      </c>
      <c r="Y29" s="240">
        <v>0</v>
      </c>
      <c r="Z29" s="222">
        <v>0</v>
      </c>
      <c r="AA29" s="218">
        <v>0</v>
      </c>
      <c r="AB29" s="218">
        <v>0</v>
      </c>
      <c r="AC29" s="218">
        <v>2</v>
      </c>
      <c r="AD29" s="219">
        <v>0</v>
      </c>
      <c r="AE29" s="240">
        <v>2</v>
      </c>
      <c r="AF29" s="221">
        <v>2</v>
      </c>
      <c r="AG29" s="222">
        <v>0</v>
      </c>
      <c r="AH29" s="219">
        <v>0</v>
      </c>
      <c r="AI29" s="240">
        <v>0</v>
      </c>
      <c r="AJ29" s="222">
        <v>2</v>
      </c>
      <c r="AK29" s="218">
        <v>14</v>
      </c>
      <c r="AL29" s="218">
        <v>28</v>
      </c>
      <c r="AM29" s="218">
        <v>20</v>
      </c>
      <c r="AN29" s="219">
        <v>14</v>
      </c>
      <c r="AO29" s="240">
        <v>78</v>
      </c>
      <c r="AP29" s="221">
        <v>78</v>
      </c>
      <c r="AQ29" s="222">
        <v>0</v>
      </c>
      <c r="AR29" s="219">
        <v>0</v>
      </c>
      <c r="AS29" s="240">
        <v>0</v>
      </c>
      <c r="AT29" s="220">
        <v>2</v>
      </c>
      <c r="AU29" s="218">
        <v>13</v>
      </c>
      <c r="AV29" s="218">
        <v>28</v>
      </c>
      <c r="AW29" s="218">
        <v>19</v>
      </c>
      <c r="AX29" s="219">
        <v>14</v>
      </c>
      <c r="AY29" s="240">
        <v>76</v>
      </c>
      <c r="AZ29" s="241">
        <v>76</v>
      </c>
      <c r="BA29" s="217">
        <v>0</v>
      </c>
      <c r="BB29" s="219">
        <v>0</v>
      </c>
      <c r="BC29" s="219">
        <v>0</v>
      </c>
      <c r="BD29" s="220">
        <v>0</v>
      </c>
      <c r="BE29" s="218">
        <v>1</v>
      </c>
      <c r="BF29" s="218">
        <v>0</v>
      </c>
      <c r="BG29" s="218">
        <v>1</v>
      </c>
      <c r="BH29" s="219">
        <v>0</v>
      </c>
      <c r="BI29" s="240">
        <v>2</v>
      </c>
      <c r="BJ29" s="242">
        <v>2</v>
      </c>
      <c r="BK29" s="222">
        <v>0</v>
      </c>
      <c r="BL29" s="219">
        <v>0</v>
      </c>
      <c r="BM29" s="219">
        <v>0</v>
      </c>
      <c r="BN29" s="220">
        <v>0</v>
      </c>
      <c r="BO29" s="218">
        <v>0</v>
      </c>
      <c r="BP29" s="218">
        <v>0</v>
      </c>
      <c r="BQ29" s="218">
        <v>0</v>
      </c>
      <c r="BR29" s="219">
        <v>0</v>
      </c>
      <c r="BS29" s="240">
        <v>0</v>
      </c>
      <c r="BT29" s="241">
        <v>0</v>
      </c>
      <c r="BU29" s="217">
        <v>0</v>
      </c>
      <c r="BV29" s="219">
        <v>0</v>
      </c>
      <c r="BW29" s="219">
        <v>0</v>
      </c>
      <c r="BX29" s="220">
        <v>0</v>
      </c>
      <c r="BY29" s="218">
        <v>0</v>
      </c>
      <c r="BZ29" s="218">
        <v>0</v>
      </c>
      <c r="CA29" s="218">
        <v>0</v>
      </c>
      <c r="CB29" s="219">
        <v>0</v>
      </c>
      <c r="CC29" s="240">
        <v>0</v>
      </c>
      <c r="CD29" s="242">
        <v>0</v>
      </c>
      <c r="CE29" s="222">
        <v>0</v>
      </c>
      <c r="CF29" s="219">
        <v>0</v>
      </c>
      <c r="CG29" s="219">
        <v>0</v>
      </c>
      <c r="CH29" s="220">
        <v>0</v>
      </c>
      <c r="CI29" s="218">
        <v>0</v>
      </c>
      <c r="CJ29" s="218">
        <v>0</v>
      </c>
      <c r="CK29" s="218">
        <v>0</v>
      </c>
      <c r="CL29" s="219">
        <v>0</v>
      </c>
      <c r="CM29" s="240">
        <v>0</v>
      </c>
      <c r="CN29" s="242">
        <v>0</v>
      </c>
      <c r="CO29" s="222">
        <v>0</v>
      </c>
      <c r="CP29" s="219">
        <v>0</v>
      </c>
      <c r="CQ29" s="219">
        <v>0</v>
      </c>
      <c r="CR29" s="220">
        <v>0</v>
      </c>
      <c r="CS29" s="218">
        <v>0</v>
      </c>
      <c r="CT29" s="218">
        <v>1</v>
      </c>
      <c r="CU29" s="218">
        <v>1</v>
      </c>
      <c r="CV29" s="219">
        <v>4</v>
      </c>
      <c r="CW29" s="240">
        <v>6</v>
      </c>
      <c r="CX29" s="241">
        <v>6</v>
      </c>
      <c r="CY29" s="217">
        <v>0</v>
      </c>
      <c r="CZ29" s="219">
        <v>0</v>
      </c>
      <c r="DA29" s="219">
        <v>0</v>
      </c>
      <c r="DB29" s="220">
        <v>0</v>
      </c>
      <c r="DC29" s="218">
        <v>0</v>
      </c>
      <c r="DD29" s="218">
        <v>1</v>
      </c>
      <c r="DE29" s="218">
        <v>1</v>
      </c>
      <c r="DF29" s="219">
        <v>4</v>
      </c>
      <c r="DG29" s="240">
        <v>6</v>
      </c>
      <c r="DH29" s="242">
        <v>6</v>
      </c>
      <c r="DI29" s="222">
        <v>0</v>
      </c>
      <c r="DJ29" s="219">
        <v>0</v>
      </c>
      <c r="DK29" s="219">
        <v>0</v>
      </c>
      <c r="DL29" s="220">
        <v>0</v>
      </c>
      <c r="DM29" s="218">
        <v>0</v>
      </c>
      <c r="DN29" s="218">
        <v>0</v>
      </c>
      <c r="DO29" s="218">
        <v>0</v>
      </c>
      <c r="DP29" s="219">
        <v>0</v>
      </c>
      <c r="DQ29" s="240">
        <v>0</v>
      </c>
      <c r="DR29" s="242">
        <v>0</v>
      </c>
      <c r="DS29" s="222">
        <v>0</v>
      </c>
      <c r="DT29" s="219">
        <v>0</v>
      </c>
      <c r="DU29" s="219">
        <v>0</v>
      </c>
      <c r="DV29" s="220">
        <v>4</v>
      </c>
      <c r="DW29" s="218">
        <v>18</v>
      </c>
      <c r="DX29" s="218">
        <v>58</v>
      </c>
      <c r="DY29" s="218">
        <v>77</v>
      </c>
      <c r="DZ29" s="219">
        <v>69</v>
      </c>
      <c r="EA29" s="240">
        <v>226</v>
      </c>
      <c r="EB29" s="242">
        <v>226</v>
      </c>
      <c r="EC29" s="239"/>
    </row>
    <row r="30" spans="2:133" ht="21" customHeight="1" x14ac:dyDescent="0.2">
      <c r="B30" s="106" t="s">
        <v>27</v>
      </c>
      <c r="C30" s="217">
        <v>0</v>
      </c>
      <c r="D30" s="219">
        <v>0</v>
      </c>
      <c r="E30" s="219">
        <v>0</v>
      </c>
      <c r="F30" s="220">
        <v>2</v>
      </c>
      <c r="G30" s="218">
        <v>1</v>
      </c>
      <c r="H30" s="218">
        <v>31</v>
      </c>
      <c r="I30" s="218">
        <v>62</v>
      </c>
      <c r="J30" s="219">
        <v>36</v>
      </c>
      <c r="K30" s="240">
        <v>132</v>
      </c>
      <c r="L30" s="241">
        <v>132</v>
      </c>
      <c r="M30" s="217">
        <v>0</v>
      </c>
      <c r="N30" s="219">
        <v>0</v>
      </c>
      <c r="O30" s="240">
        <v>0</v>
      </c>
      <c r="P30" s="220">
        <v>2</v>
      </c>
      <c r="Q30" s="218">
        <v>1</v>
      </c>
      <c r="R30" s="218">
        <v>30</v>
      </c>
      <c r="S30" s="218">
        <v>61</v>
      </c>
      <c r="T30" s="219">
        <v>36</v>
      </c>
      <c r="U30" s="240">
        <v>130</v>
      </c>
      <c r="V30" s="242">
        <v>130</v>
      </c>
      <c r="W30" s="222">
        <v>0</v>
      </c>
      <c r="X30" s="219">
        <v>0</v>
      </c>
      <c r="Y30" s="240">
        <v>0</v>
      </c>
      <c r="Z30" s="222">
        <v>0</v>
      </c>
      <c r="AA30" s="218">
        <v>0</v>
      </c>
      <c r="AB30" s="218">
        <v>1</v>
      </c>
      <c r="AC30" s="218">
        <v>1</v>
      </c>
      <c r="AD30" s="219">
        <v>0</v>
      </c>
      <c r="AE30" s="240">
        <v>2</v>
      </c>
      <c r="AF30" s="221">
        <v>2</v>
      </c>
      <c r="AG30" s="222">
        <v>0</v>
      </c>
      <c r="AH30" s="219">
        <v>0</v>
      </c>
      <c r="AI30" s="240">
        <v>0</v>
      </c>
      <c r="AJ30" s="222">
        <v>8</v>
      </c>
      <c r="AK30" s="218">
        <v>16</v>
      </c>
      <c r="AL30" s="218">
        <v>18</v>
      </c>
      <c r="AM30" s="218">
        <v>23</v>
      </c>
      <c r="AN30" s="219">
        <v>12</v>
      </c>
      <c r="AO30" s="240">
        <v>77</v>
      </c>
      <c r="AP30" s="221">
        <v>77</v>
      </c>
      <c r="AQ30" s="222">
        <v>0</v>
      </c>
      <c r="AR30" s="219">
        <v>0</v>
      </c>
      <c r="AS30" s="240">
        <v>0</v>
      </c>
      <c r="AT30" s="220">
        <v>7</v>
      </c>
      <c r="AU30" s="218">
        <v>15</v>
      </c>
      <c r="AV30" s="218">
        <v>18</v>
      </c>
      <c r="AW30" s="218">
        <v>23</v>
      </c>
      <c r="AX30" s="219">
        <v>12</v>
      </c>
      <c r="AY30" s="240">
        <v>75</v>
      </c>
      <c r="AZ30" s="241">
        <v>75</v>
      </c>
      <c r="BA30" s="217">
        <v>0</v>
      </c>
      <c r="BB30" s="219">
        <v>0</v>
      </c>
      <c r="BC30" s="219">
        <v>0</v>
      </c>
      <c r="BD30" s="220">
        <v>1</v>
      </c>
      <c r="BE30" s="218">
        <v>1</v>
      </c>
      <c r="BF30" s="218">
        <v>0</v>
      </c>
      <c r="BG30" s="218">
        <v>0</v>
      </c>
      <c r="BH30" s="219">
        <v>0</v>
      </c>
      <c r="BI30" s="240">
        <v>2</v>
      </c>
      <c r="BJ30" s="242">
        <v>2</v>
      </c>
      <c r="BK30" s="222">
        <v>0</v>
      </c>
      <c r="BL30" s="219">
        <v>0</v>
      </c>
      <c r="BM30" s="219">
        <v>0</v>
      </c>
      <c r="BN30" s="220">
        <v>0</v>
      </c>
      <c r="BO30" s="218">
        <v>0</v>
      </c>
      <c r="BP30" s="218">
        <v>0</v>
      </c>
      <c r="BQ30" s="218">
        <v>0</v>
      </c>
      <c r="BR30" s="219">
        <v>0</v>
      </c>
      <c r="BS30" s="240">
        <v>0</v>
      </c>
      <c r="BT30" s="241">
        <v>0</v>
      </c>
      <c r="BU30" s="217">
        <v>0</v>
      </c>
      <c r="BV30" s="219">
        <v>0</v>
      </c>
      <c r="BW30" s="219">
        <v>0</v>
      </c>
      <c r="BX30" s="220">
        <v>0</v>
      </c>
      <c r="BY30" s="218">
        <v>0</v>
      </c>
      <c r="BZ30" s="218">
        <v>0</v>
      </c>
      <c r="CA30" s="218">
        <v>0</v>
      </c>
      <c r="CB30" s="219">
        <v>0</v>
      </c>
      <c r="CC30" s="240">
        <v>0</v>
      </c>
      <c r="CD30" s="242">
        <v>0</v>
      </c>
      <c r="CE30" s="222">
        <v>0</v>
      </c>
      <c r="CF30" s="219">
        <v>0</v>
      </c>
      <c r="CG30" s="219">
        <v>0</v>
      </c>
      <c r="CH30" s="220">
        <v>0</v>
      </c>
      <c r="CI30" s="218">
        <v>0</v>
      </c>
      <c r="CJ30" s="218">
        <v>0</v>
      </c>
      <c r="CK30" s="218">
        <v>0</v>
      </c>
      <c r="CL30" s="219">
        <v>0</v>
      </c>
      <c r="CM30" s="240">
        <v>0</v>
      </c>
      <c r="CN30" s="242">
        <v>0</v>
      </c>
      <c r="CO30" s="222">
        <v>0</v>
      </c>
      <c r="CP30" s="219">
        <v>0</v>
      </c>
      <c r="CQ30" s="219">
        <v>0</v>
      </c>
      <c r="CR30" s="220">
        <v>0</v>
      </c>
      <c r="CS30" s="218">
        <v>0</v>
      </c>
      <c r="CT30" s="218">
        <v>0</v>
      </c>
      <c r="CU30" s="218">
        <v>2</v>
      </c>
      <c r="CV30" s="219">
        <v>3</v>
      </c>
      <c r="CW30" s="240">
        <v>5</v>
      </c>
      <c r="CX30" s="241">
        <v>5</v>
      </c>
      <c r="CY30" s="217">
        <v>0</v>
      </c>
      <c r="CZ30" s="219">
        <v>0</v>
      </c>
      <c r="DA30" s="219">
        <v>0</v>
      </c>
      <c r="DB30" s="220">
        <v>0</v>
      </c>
      <c r="DC30" s="218">
        <v>0</v>
      </c>
      <c r="DD30" s="218">
        <v>0</v>
      </c>
      <c r="DE30" s="218">
        <v>1</v>
      </c>
      <c r="DF30" s="219">
        <v>3</v>
      </c>
      <c r="DG30" s="240">
        <v>4</v>
      </c>
      <c r="DH30" s="242">
        <v>4</v>
      </c>
      <c r="DI30" s="222">
        <v>0</v>
      </c>
      <c r="DJ30" s="219">
        <v>0</v>
      </c>
      <c r="DK30" s="219">
        <v>0</v>
      </c>
      <c r="DL30" s="220">
        <v>0</v>
      </c>
      <c r="DM30" s="218">
        <v>0</v>
      </c>
      <c r="DN30" s="218">
        <v>0</v>
      </c>
      <c r="DO30" s="218">
        <v>1</v>
      </c>
      <c r="DP30" s="219">
        <v>0</v>
      </c>
      <c r="DQ30" s="240">
        <v>1</v>
      </c>
      <c r="DR30" s="242">
        <v>1</v>
      </c>
      <c r="DS30" s="222">
        <v>0</v>
      </c>
      <c r="DT30" s="219">
        <v>0</v>
      </c>
      <c r="DU30" s="219">
        <v>0</v>
      </c>
      <c r="DV30" s="220">
        <v>10</v>
      </c>
      <c r="DW30" s="218">
        <v>17</v>
      </c>
      <c r="DX30" s="218">
        <v>49</v>
      </c>
      <c r="DY30" s="218">
        <v>86</v>
      </c>
      <c r="DZ30" s="219">
        <v>51</v>
      </c>
      <c r="EA30" s="240">
        <v>213</v>
      </c>
      <c r="EB30" s="242">
        <v>213</v>
      </c>
      <c r="EC30" s="239"/>
    </row>
    <row r="31" spans="2:133" ht="21" customHeight="1" x14ac:dyDescent="0.2">
      <c r="B31" s="106" t="s">
        <v>28</v>
      </c>
      <c r="C31" s="217">
        <v>0</v>
      </c>
      <c r="D31" s="219">
        <v>0</v>
      </c>
      <c r="E31" s="219">
        <v>0</v>
      </c>
      <c r="F31" s="220">
        <v>0</v>
      </c>
      <c r="G31" s="218">
        <v>1</v>
      </c>
      <c r="H31" s="218">
        <v>13</v>
      </c>
      <c r="I31" s="218">
        <v>19</v>
      </c>
      <c r="J31" s="219">
        <v>18</v>
      </c>
      <c r="K31" s="240">
        <v>51</v>
      </c>
      <c r="L31" s="241">
        <v>51</v>
      </c>
      <c r="M31" s="217">
        <v>0</v>
      </c>
      <c r="N31" s="219">
        <v>0</v>
      </c>
      <c r="O31" s="240">
        <v>0</v>
      </c>
      <c r="P31" s="220">
        <v>0</v>
      </c>
      <c r="Q31" s="218">
        <v>1</v>
      </c>
      <c r="R31" s="218">
        <v>13</v>
      </c>
      <c r="S31" s="218">
        <v>19</v>
      </c>
      <c r="T31" s="219">
        <v>17</v>
      </c>
      <c r="U31" s="240">
        <v>50</v>
      </c>
      <c r="V31" s="242">
        <v>50</v>
      </c>
      <c r="W31" s="222">
        <v>0</v>
      </c>
      <c r="X31" s="219">
        <v>0</v>
      </c>
      <c r="Y31" s="240">
        <v>0</v>
      </c>
      <c r="Z31" s="222">
        <v>0</v>
      </c>
      <c r="AA31" s="218">
        <v>0</v>
      </c>
      <c r="AB31" s="218">
        <v>0</v>
      </c>
      <c r="AC31" s="218">
        <v>0</v>
      </c>
      <c r="AD31" s="219">
        <v>1</v>
      </c>
      <c r="AE31" s="240">
        <v>1</v>
      </c>
      <c r="AF31" s="221">
        <v>1</v>
      </c>
      <c r="AG31" s="222">
        <v>0</v>
      </c>
      <c r="AH31" s="219">
        <v>0</v>
      </c>
      <c r="AI31" s="240">
        <v>0</v>
      </c>
      <c r="AJ31" s="222">
        <v>4</v>
      </c>
      <c r="AK31" s="218">
        <v>9</v>
      </c>
      <c r="AL31" s="218">
        <v>8</v>
      </c>
      <c r="AM31" s="218">
        <v>5</v>
      </c>
      <c r="AN31" s="219">
        <v>5</v>
      </c>
      <c r="AO31" s="240">
        <v>31</v>
      </c>
      <c r="AP31" s="221">
        <v>31</v>
      </c>
      <c r="AQ31" s="222">
        <v>0</v>
      </c>
      <c r="AR31" s="219">
        <v>0</v>
      </c>
      <c r="AS31" s="240">
        <v>0</v>
      </c>
      <c r="AT31" s="220">
        <v>4</v>
      </c>
      <c r="AU31" s="218">
        <v>9</v>
      </c>
      <c r="AV31" s="218">
        <v>8</v>
      </c>
      <c r="AW31" s="218">
        <v>5</v>
      </c>
      <c r="AX31" s="219">
        <v>5</v>
      </c>
      <c r="AY31" s="240">
        <v>31</v>
      </c>
      <c r="AZ31" s="241">
        <v>31</v>
      </c>
      <c r="BA31" s="217">
        <v>0</v>
      </c>
      <c r="BB31" s="219">
        <v>0</v>
      </c>
      <c r="BC31" s="219">
        <v>0</v>
      </c>
      <c r="BD31" s="220">
        <v>0</v>
      </c>
      <c r="BE31" s="218">
        <v>0</v>
      </c>
      <c r="BF31" s="218">
        <v>0</v>
      </c>
      <c r="BG31" s="218">
        <v>0</v>
      </c>
      <c r="BH31" s="219">
        <v>0</v>
      </c>
      <c r="BI31" s="240">
        <v>0</v>
      </c>
      <c r="BJ31" s="242">
        <v>0</v>
      </c>
      <c r="BK31" s="222">
        <v>0</v>
      </c>
      <c r="BL31" s="219">
        <v>0</v>
      </c>
      <c r="BM31" s="219">
        <v>0</v>
      </c>
      <c r="BN31" s="220">
        <v>0</v>
      </c>
      <c r="BO31" s="218">
        <v>0</v>
      </c>
      <c r="BP31" s="218">
        <v>0</v>
      </c>
      <c r="BQ31" s="218">
        <v>0</v>
      </c>
      <c r="BR31" s="219">
        <v>0</v>
      </c>
      <c r="BS31" s="240">
        <v>0</v>
      </c>
      <c r="BT31" s="241">
        <v>0</v>
      </c>
      <c r="BU31" s="217">
        <v>0</v>
      </c>
      <c r="BV31" s="219">
        <v>0</v>
      </c>
      <c r="BW31" s="219">
        <v>0</v>
      </c>
      <c r="BX31" s="220">
        <v>0</v>
      </c>
      <c r="BY31" s="218">
        <v>0</v>
      </c>
      <c r="BZ31" s="218">
        <v>0</v>
      </c>
      <c r="CA31" s="218">
        <v>0</v>
      </c>
      <c r="CB31" s="219">
        <v>0</v>
      </c>
      <c r="CC31" s="240">
        <v>0</v>
      </c>
      <c r="CD31" s="242">
        <v>0</v>
      </c>
      <c r="CE31" s="222">
        <v>0</v>
      </c>
      <c r="CF31" s="219">
        <v>0</v>
      </c>
      <c r="CG31" s="219">
        <v>0</v>
      </c>
      <c r="CH31" s="220">
        <v>0</v>
      </c>
      <c r="CI31" s="218">
        <v>0</v>
      </c>
      <c r="CJ31" s="218">
        <v>0</v>
      </c>
      <c r="CK31" s="218">
        <v>0</v>
      </c>
      <c r="CL31" s="219">
        <v>0</v>
      </c>
      <c r="CM31" s="240">
        <v>0</v>
      </c>
      <c r="CN31" s="242">
        <v>0</v>
      </c>
      <c r="CO31" s="222">
        <v>0</v>
      </c>
      <c r="CP31" s="219">
        <v>0</v>
      </c>
      <c r="CQ31" s="219">
        <v>0</v>
      </c>
      <c r="CR31" s="220">
        <v>0</v>
      </c>
      <c r="CS31" s="218">
        <v>0</v>
      </c>
      <c r="CT31" s="218">
        <v>0</v>
      </c>
      <c r="CU31" s="218">
        <v>1</v>
      </c>
      <c r="CV31" s="219">
        <v>0</v>
      </c>
      <c r="CW31" s="240">
        <v>1</v>
      </c>
      <c r="CX31" s="241">
        <v>1</v>
      </c>
      <c r="CY31" s="217">
        <v>0</v>
      </c>
      <c r="CZ31" s="219">
        <v>0</v>
      </c>
      <c r="DA31" s="219">
        <v>0</v>
      </c>
      <c r="DB31" s="220">
        <v>0</v>
      </c>
      <c r="DC31" s="218">
        <v>0</v>
      </c>
      <c r="DD31" s="218">
        <v>0</v>
      </c>
      <c r="DE31" s="218">
        <v>1</v>
      </c>
      <c r="DF31" s="219">
        <v>0</v>
      </c>
      <c r="DG31" s="240">
        <v>1</v>
      </c>
      <c r="DH31" s="242">
        <v>1</v>
      </c>
      <c r="DI31" s="222">
        <v>0</v>
      </c>
      <c r="DJ31" s="219">
        <v>0</v>
      </c>
      <c r="DK31" s="219">
        <v>0</v>
      </c>
      <c r="DL31" s="220">
        <v>0</v>
      </c>
      <c r="DM31" s="218">
        <v>0</v>
      </c>
      <c r="DN31" s="218">
        <v>0</v>
      </c>
      <c r="DO31" s="218">
        <v>0</v>
      </c>
      <c r="DP31" s="219">
        <v>0</v>
      </c>
      <c r="DQ31" s="240">
        <v>0</v>
      </c>
      <c r="DR31" s="242">
        <v>0</v>
      </c>
      <c r="DS31" s="222">
        <v>0</v>
      </c>
      <c r="DT31" s="219">
        <v>0</v>
      </c>
      <c r="DU31" s="219">
        <v>0</v>
      </c>
      <c r="DV31" s="220">
        <v>4</v>
      </c>
      <c r="DW31" s="218">
        <v>10</v>
      </c>
      <c r="DX31" s="218">
        <v>21</v>
      </c>
      <c r="DY31" s="218">
        <v>25</v>
      </c>
      <c r="DZ31" s="219">
        <v>23</v>
      </c>
      <c r="EA31" s="240">
        <v>83</v>
      </c>
      <c r="EB31" s="242">
        <v>83</v>
      </c>
      <c r="EC31" s="239"/>
    </row>
    <row r="32" spans="2:133" ht="21" customHeight="1" x14ac:dyDescent="0.2">
      <c r="B32" s="106" t="s">
        <v>29</v>
      </c>
      <c r="C32" s="217">
        <v>0</v>
      </c>
      <c r="D32" s="219">
        <v>0</v>
      </c>
      <c r="E32" s="219">
        <v>0</v>
      </c>
      <c r="F32" s="220">
        <v>0</v>
      </c>
      <c r="G32" s="218">
        <v>2</v>
      </c>
      <c r="H32" s="218">
        <v>10</v>
      </c>
      <c r="I32" s="218">
        <v>25</v>
      </c>
      <c r="J32" s="219">
        <v>17</v>
      </c>
      <c r="K32" s="240">
        <v>54</v>
      </c>
      <c r="L32" s="241">
        <v>54</v>
      </c>
      <c r="M32" s="217">
        <v>0</v>
      </c>
      <c r="N32" s="219">
        <v>0</v>
      </c>
      <c r="O32" s="240">
        <v>0</v>
      </c>
      <c r="P32" s="220">
        <v>0</v>
      </c>
      <c r="Q32" s="218">
        <v>2</v>
      </c>
      <c r="R32" s="218">
        <v>10</v>
      </c>
      <c r="S32" s="218">
        <v>25</v>
      </c>
      <c r="T32" s="219">
        <v>17</v>
      </c>
      <c r="U32" s="240">
        <v>54</v>
      </c>
      <c r="V32" s="242">
        <v>54</v>
      </c>
      <c r="W32" s="222">
        <v>0</v>
      </c>
      <c r="X32" s="219">
        <v>0</v>
      </c>
      <c r="Y32" s="240">
        <v>0</v>
      </c>
      <c r="Z32" s="222">
        <v>0</v>
      </c>
      <c r="AA32" s="218">
        <v>0</v>
      </c>
      <c r="AB32" s="218">
        <v>0</v>
      </c>
      <c r="AC32" s="218">
        <v>0</v>
      </c>
      <c r="AD32" s="219">
        <v>0</v>
      </c>
      <c r="AE32" s="240">
        <v>0</v>
      </c>
      <c r="AF32" s="221">
        <v>0</v>
      </c>
      <c r="AG32" s="222">
        <v>0</v>
      </c>
      <c r="AH32" s="219">
        <v>0</v>
      </c>
      <c r="AI32" s="240">
        <v>0</v>
      </c>
      <c r="AJ32" s="222">
        <v>6</v>
      </c>
      <c r="AK32" s="218">
        <v>5</v>
      </c>
      <c r="AL32" s="218">
        <v>11</v>
      </c>
      <c r="AM32" s="218">
        <v>14</v>
      </c>
      <c r="AN32" s="219">
        <v>10</v>
      </c>
      <c r="AO32" s="240">
        <v>46</v>
      </c>
      <c r="AP32" s="221">
        <v>46</v>
      </c>
      <c r="AQ32" s="222">
        <v>0</v>
      </c>
      <c r="AR32" s="219">
        <v>0</v>
      </c>
      <c r="AS32" s="240">
        <v>0</v>
      </c>
      <c r="AT32" s="220">
        <v>6</v>
      </c>
      <c r="AU32" s="218">
        <v>5</v>
      </c>
      <c r="AV32" s="218">
        <v>11</v>
      </c>
      <c r="AW32" s="218">
        <v>14</v>
      </c>
      <c r="AX32" s="219">
        <v>9</v>
      </c>
      <c r="AY32" s="240">
        <v>45</v>
      </c>
      <c r="AZ32" s="241">
        <v>45</v>
      </c>
      <c r="BA32" s="217">
        <v>0</v>
      </c>
      <c r="BB32" s="219">
        <v>0</v>
      </c>
      <c r="BC32" s="219">
        <v>0</v>
      </c>
      <c r="BD32" s="220">
        <v>0</v>
      </c>
      <c r="BE32" s="218">
        <v>0</v>
      </c>
      <c r="BF32" s="218">
        <v>0</v>
      </c>
      <c r="BG32" s="218">
        <v>0</v>
      </c>
      <c r="BH32" s="219">
        <v>1</v>
      </c>
      <c r="BI32" s="240">
        <v>1</v>
      </c>
      <c r="BJ32" s="242">
        <v>1</v>
      </c>
      <c r="BK32" s="222">
        <v>0</v>
      </c>
      <c r="BL32" s="219">
        <v>0</v>
      </c>
      <c r="BM32" s="219">
        <v>0</v>
      </c>
      <c r="BN32" s="220">
        <v>0</v>
      </c>
      <c r="BO32" s="218">
        <v>0</v>
      </c>
      <c r="BP32" s="218">
        <v>0</v>
      </c>
      <c r="BQ32" s="218">
        <v>0</v>
      </c>
      <c r="BR32" s="219">
        <v>0</v>
      </c>
      <c r="BS32" s="240">
        <v>0</v>
      </c>
      <c r="BT32" s="241">
        <v>0</v>
      </c>
      <c r="BU32" s="217">
        <v>0</v>
      </c>
      <c r="BV32" s="219">
        <v>0</v>
      </c>
      <c r="BW32" s="219">
        <v>0</v>
      </c>
      <c r="BX32" s="220">
        <v>0</v>
      </c>
      <c r="BY32" s="218">
        <v>0</v>
      </c>
      <c r="BZ32" s="218">
        <v>0</v>
      </c>
      <c r="CA32" s="218">
        <v>0</v>
      </c>
      <c r="CB32" s="219">
        <v>0</v>
      </c>
      <c r="CC32" s="240">
        <v>0</v>
      </c>
      <c r="CD32" s="242">
        <v>0</v>
      </c>
      <c r="CE32" s="222">
        <v>0</v>
      </c>
      <c r="CF32" s="219">
        <v>0</v>
      </c>
      <c r="CG32" s="219">
        <v>0</v>
      </c>
      <c r="CH32" s="220">
        <v>0</v>
      </c>
      <c r="CI32" s="218">
        <v>0</v>
      </c>
      <c r="CJ32" s="218">
        <v>0</v>
      </c>
      <c r="CK32" s="218">
        <v>0</v>
      </c>
      <c r="CL32" s="219">
        <v>0</v>
      </c>
      <c r="CM32" s="240">
        <v>0</v>
      </c>
      <c r="CN32" s="242">
        <v>0</v>
      </c>
      <c r="CO32" s="222">
        <v>0</v>
      </c>
      <c r="CP32" s="219">
        <v>0</v>
      </c>
      <c r="CQ32" s="219">
        <v>0</v>
      </c>
      <c r="CR32" s="220">
        <v>0</v>
      </c>
      <c r="CS32" s="218">
        <v>0</v>
      </c>
      <c r="CT32" s="218">
        <v>0</v>
      </c>
      <c r="CU32" s="218">
        <v>0</v>
      </c>
      <c r="CV32" s="219">
        <v>0</v>
      </c>
      <c r="CW32" s="240">
        <v>0</v>
      </c>
      <c r="CX32" s="241">
        <v>0</v>
      </c>
      <c r="CY32" s="217">
        <v>0</v>
      </c>
      <c r="CZ32" s="219">
        <v>0</v>
      </c>
      <c r="DA32" s="219">
        <v>0</v>
      </c>
      <c r="DB32" s="220">
        <v>0</v>
      </c>
      <c r="DC32" s="218">
        <v>0</v>
      </c>
      <c r="DD32" s="218">
        <v>0</v>
      </c>
      <c r="DE32" s="218">
        <v>0</v>
      </c>
      <c r="DF32" s="219">
        <v>0</v>
      </c>
      <c r="DG32" s="240">
        <v>0</v>
      </c>
      <c r="DH32" s="242">
        <v>0</v>
      </c>
      <c r="DI32" s="222">
        <v>0</v>
      </c>
      <c r="DJ32" s="219">
        <v>0</v>
      </c>
      <c r="DK32" s="219">
        <v>0</v>
      </c>
      <c r="DL32" s="220">
        <v>0</v>
      </c>
      <c r="DM32" s="218">
        <v>0</v>
      </c>
      <c r="DN32" s="218">
        <v>0</v>
      </c>
      <c r="DO32" s="218">
        <v>0</v>
      </c>
      <c r="DP32" s="219">
        <v>0</v>
      </c>
      <c r="DQ32" s="240">
        <v>0</v>
      </c>
      <c r="DR32" s="242">
        <v>0</v>
      </c>
      <c r="DS32" s="222">
        <v>0</v>
      </c>
      <c r="DT32" s="219">
        <v>0</v>
      </c>
      <c r="DU32" s="219">
        <v>0</v>
      </c>
      <c r="DV32" s="220">
        <v>6</v>
      </c>
      <c r="DW32" s="218">
        <v>7</v>
      </c>
      <c r="DX32" s="218">
        <v>21</v>
      </c>
      <c r="DY32" s="218">
        <v>39</v>
      </c>
      <c r="DZ32" s="219">
        <v>27</v>
      </c>
      <c r="EA32" s="240">
        <v>100</v>
      </c>
      <c r="EB32" s="242">
        <v>100</v>
      </c>
      <c r="EC32" s="239"/>
    </row>
    <row r="33" spans="2:133" ht="21" customHeight="1" x14ac:dyDescent="0.2">
      <c r="B33" s="106" t="s">
        <v>30</v>
      </c>
      <c r="C33" s="217">
        <v>0</v>
      </c>
      <c r="D33" s="219">
        <v>0</v>
      </c>
      <c r="E33" s="219">
        <v>0</v>
      </c>
      <c r="F33" s="220">
        <v>0</v>
      </c>
      <c r="G33" s="218">
        <v>4</v>
      </c>
      <c r="H33" s="218">
        <v>23</v>
      </c>
      <c r="I33" s="218">
        <v>33</v>
      </c>
      <c r="J33" s="219">
        <v>20</v>
      </c>
      <c r="K33" s="240">
        <v>80</v>
      </c>
      <c r="L33" s="241">
        <v>80</v>
      </c>
      <c r="M33" s="217">
        <v>0</v>
      </c>
      <c r="N33" s="219">
        <v>0</v>
      </c>
      <c r="O33" s="240">
        <v>0</v>
      </c>
      <c r="P33" s="220">
        <v>0</v>
      </c>
      <c r="Q33" s="218">
        <v>4</v>
      </c>
      <c r="R33" s="218">
        <v>23</v>
      </c>
      <c r="S33" s="218">
        <v>33</v>
      </c>
      <c r="T33" s="219">
        <v>20</v>
      </c>
      <c r="U33" s="240">
        <v>80</v>
      </c>
      <c r="V33" s="242">
        <v>80</v>
      </c>
      <c r="W33" s="222">
        <v>0</v>
      </c>
      <c r="X33" s="219">
        <v>0</v>
      </c>
      <c r="Y33" s="240">
        <v>0</v>
      </c>
      <c r="Z33" s="222">
        <v>0</v>
      </c>
      <c r="AA33" s="218">
        <v>0</v>
      </c>
      <c r="AB33" s="218">
        <v>0</v>
      </c>
      <c r="AC33" s="218">
        <v>0</v>
      </c>
      <c r="AD33" s="219">
        <v>0</v>
      </c>
      <c r="AE33" s="240">
        <v>0</v>
      </c>
      <c r="AF33" s="221">
        <v>0</v>
      </c>
      <c r="AG33" s="222">
        <v>0</v>
      </c>
      <c r="AH33" s="219">
        <v>0</v>
      </c>
      <c r="AI33" s="240">
        <v>0</v>
      </c>
      <c r="AJ33" s="222">
        <v>11</v>
      </c>
      <c r="AK33" s="218">
        <v>6</v>
      </c>
      <c r="AL33" s="218">
        <v>9</v>
      </c>
      <c r="AM33" s="218">
        <v>16</v>
      </c>
      <c r="AN33" s="219">
        <v>5</v>
      </c>
      <c r="AO33" s="240">
        <v>47</v>
      </c>
      <c r="AP33" s="221">
        <v>47</v>
      </c>
      <c r="AQ33" s="222">
        <v>0</v>
      </c>
      <c r="AR33" s="219">
        <v>0</v>
      </c>
      <c r="AS33" s="240">
        <v>0</v>
      </c>
      <c r="AT33" s="220">
        <v>11</v>
      </c>
      <c r="AU33" s="218">
        <v>6</v>
      </c>
      <c r="AV33" s="218">
        <v>9</v>
      </c>
      <c r="AW33" s="218">
        <v>16</v>
      </c>
      <c r="AX33" s="219">
        <v>5</v>
      </c>
      <c r="AY33" s="240">
        <v>47</v>
      </c>
      <c r="AZ33" s="241">
        <v>47</v>
      </c>
      <c r="BA33" s="217">
        <v>0</v>
      </c>
      <c r="BB33" s="219">
        <v>0</v>
      </c>
      <c r="BC33" s="219">
        <v>0</v>
      </c>
      <c r="BD33" s="220">
        <v>0</v>
      </c>
      <c r="BE33" s="218">
        <v>0</v>
      </c>
      <c r="BF33" s="218">
        <v>0</v>
      </c>
      <c r="BG33" s="218">
        <v>0</v>
      </c>
      <c r="BH33" s="219">
        <v>0</v>
      </c>
      <c r="BI33" s="240">
        <v>0</v>
      </c>
      <c r="BJ33" s="242">
        <v>0</v>
      </c>
      <c r="BK33" s="222">
        <v>0</v>
      </c>
      <c r="BL33" s="219">
        <v>0</v>
      </c>
      <c r="BM33" s="219">
        <v>0</v>
      </c>
      <c r="BN33" s="220">
        <v>0</v>
      </c>
      <c r="BO33" s="218">
        <v>0</v>
      </c>
      <c r="BP33" s="218">
        <v>0</v>
      </c>
      <c r="BQ33" s="218">
        <v>0</v>
      </c>
      <c r="BR33" s="219">
        <v>0</v>
      </c>
      <c r="BS33" s="240">
        <v>0</v>
      </c>
      <c r="BT33" s="241">
        <v>0</v>
      </c>
      <c r="BU33" s="217">
        <v>0</v>
      </c>
      <c r="BV33" s="219">
        <v>0</v>
      </c>
      <c r="BW33" s="219">
        <v>0</v>
      </c>
      <c r="BX33" s="220">
        <v>0</v>
      </c>
      <c r="BY33" s="218">
        <v>0</v>
      </c>
      <c r="BZ33" s="218">
        <v>0</v>
      </c>
      <c r="CA33" s="218">
        <v>0</v>
      </c>
      <c r="CB33" s="219">
        <v>0</v>
      </c>
      <c r="CC33" s="240">
        <v>0</v>
      </c>
      <c r="CD33" s="242">
        <v>0</v>
      </c>
      <c r="CE33" s="222">
        <v>0</v>
      </c>
      <c r="CF33" s="219">
        <v>0</v>
      </c>
      <c r="CG33" s="219">
        <v>0</v>
      </c>
      <c r="CH33" s="220">
        <v>0</v>
      </c>
      <c r="CI33" s="218">
        <v>0</v>
      </c>
      <c r="CJ33" s="218">
        <v>0</v>
      </c>
      <c r="CK33" s="218">
        <v>0</v>
      </c>
      <c r="CL33" s="219">
        <v>0</v>
      </c>
      <c r="CM33" s="240">
        <v>0</v>
      </c>
      <c r="CN33" s="242">
        <v>0</v>
      </c>
      <c r="CO33" s="222">
        <v>0</v>
      </c>
      <c r="CP33" s="219">
        <v>0</v>
      </c>
      <c r="CQ33" s="219">
        <v>0</v>
      </c>
      <c r="CR33" s="220">
        <v>0</v>
      </c>
      <c r="CS33" s="218">
        <v>0</v>
      </c>
      <c r="CT33" s="218">
        <v>0</v>
      </c>
      <c r="CU33" s="218">
        <v>1</v>
      </c>
      <c r="CV33" s="219">
        <v>2</v>
      </c>
      <c r="CW33" s="240">
        <v>3</v>
      </c>
      <c r="CX33" s="241">
        <v>3</v>
      </c>
      <c r="CY33" s="217">
        <v>0</v>
      </c>
      <c r="CZ33" s="219">
        <v>0</v>
      </c>
      <c r="DA33" s="219">
        <v>0</v>
      </c>
      <c r="DB33" s="220">
        <v>0</v>
      </c>
      <c r="DC33" s="218">
        <v>0</v>
      </c>
      <c r="DD33" s="218">
        <v>0</v>
      </c>
      <c r="DE33" s="218">
        <v>1</v>
      </c>
      <c r="DF33" s="219">
        <v>2</v>
      </c>
      <c r="DG33" s="240">
        <v>3</v>
      </c>
      <c r="DH33" s="242">
        <v>3</v>
      </c>
      <c r="DI33" s="222">
        <v>0</v>
      </c>
      <c r="DJ33" s="219">
        <v>0</v>
      </c>
      <c r="DK33" s="219">
        <v>0</v>
      </c>
      <c r="DL33" s="220">
        <v>0</v>
      </c>
      <c r="DM33" s="218">
        <v>0</v>
      </c>
      <c r="DN33" s="218">
        <v>0</v>
      </c>
      <c r="DO33" s="218">
        <v>0</v>
      </c>
      <c r="DP33" s="219">
        <v>0</v>
      </c>
      <c r="DQ33" s="240">
        <v>0</v>
      </c>
      <c r="DR33" s="242">
        <v>0</v>
      </c>
      <c r="DS33" s="222">
        <v>0</v>
      </c>
      <c r="DT33" s="219">
        <v>0</v>
      </c>
      <c r="DU33" s="219">
        <v>0</v>
      </c>
      <c r="DV33" s="220">
        <v>11</v>
      </c>
      <c r="DW33" s="218">
        <v>10</v>
      </c>
      <c r="DX33" s="218">
        <v>32</v>
      </c>
      <c r="DY33" s="218">
        <v>50</v>
      </c>
      <c r="DZ33" s="219">
        <v>27</v>
      </c>
      <c r="EA33" s="240">
        <v>130</v>
      </c>
      <c r="EB33" s="242">
        <v>130</v>
      </c>
      <c r="EC33" s="239"/>
    </row>
    <row r="34" spans="2:133" ht="21" customHeight="1" x14ac:dyDescent="0.2">
      <c r="B34" s="106" t="s">
        <v>31</v>
      </c>
      <c r="C34" s="217">
        <v>0</v>
      </c>
      <c r="D34" s="219">
        <v>0</v>
      </c>
      <c r="E34" s="219">
        <v>0</v>
      </c>
      <c r="F34" s="220">
        <v>2</v>
      </c>
      <c r="G34" s="218">
        <v>4</v>
      </c>
      <c r="H34" s="218">
        <v>27</v>
      </c>
      <c r="I34" s="218">
        <v>24</v>
      </c>
      <c r="J34" s="219">
        <v>22</v>
      </c>
      <c r="K34" s="240">
        <v>79</v>
      </c>
      <c r="L34" s="241">
        <v>79</v>
      </c>
      <c r="M34" s="217">
        <v>0</v>
      </c>
      <c r="N34" s="219">
        <v>0</v>
      </c>
      <c r="O34" s="240">
        <v>0</v>
      </c>
      <c r="P34" s="220">
        <v>2</v>
      </c>
      <c r="Q34" s="218">
        <v>4</v>
      </c>
      <c r="R34" s="218">
        <v>27</v>
      </c>
      <c r="S34" s="218">
        <v>24</v>
      </c>
      <c r="T34" s="219">
        <v>22</v>
      </c>
      <c r="U34" s="240">
        <v>79</v>
      </c>
      <c r="V34" s="242">
        <v>79</v>
      </c>
      <c r="W34" s="222">
        <v>0</v>
      </c>
      <c r="X34" s="219">
        <v>0</v>
      </c>
      <c r="Y34" s="240">
        <v>0</v>
      </c>
      <c r="Z34" s="222">
        <v>0</v>
      </c>
      <c r="AA34" s="218">
        <v>0</v>
      </c>
      <c r="AB34" s="218">
        <v>0</v>
      </c>
      <c r="AC34" s="218">
        <v>0</v>
      </c>
      <c r="AD34" s="219">
        <v>0</v>
      </c>
      <c r="AE34" s="240">
        <v>0</v>
      </c>
      <c r="AF34" s="221">
        <v>0</v>
      </c>
      <c r="AG34" s="222">
        <v>0</v>
      </c>
      <c r="AH34" s="219">
        <v>0</v>
      </c>
      <c r="AI34" s="240">
        <v>0</v>
      </c>
      <c r="AJ34" s="222">
        <v>3</v>
      </c>
      <c r="AK34" s="218">
        <v>8</v>
      </c>
      <c r="AL34" s="218">
        <v>7</v>
      </c>
      <c r="AM34" s="218">
        <v>9</v>
      </c>
      <c r="AN34" s="219">
        <v>2</v>
      </c>
      <c r="AO34" s="240">
        <v>29</v>
      </c>
      <c r="AP34" s="221">
        <v>29</v>
      </c>
      <c r="AQ34" s="222">
        <v>0</v>
      </c>
      <c r="AR34" s="219">
        <v>0</v>
      </c>
      <c r="AS34" s="240">
        <v>0</v>
      </c>
      <c r="AT34" s="220">
        <v>3</v>
      </c>
      <c r="AU34" s="218">
        <v>8</v>
      </c>
      <c r="AV34" s="218">
        <v>7</v>
      </c>
      <c r="AW34" s="218">
        <v>9</v>
      </c>
      <c r="AX34" s="219">
        <v>1</v>
      </c>
      <c r="AY34" s="240">
        <v>28</v>
      </c>
      <c r="AZ34" s="241">
        <v>28</v>
      </c>
      <c r="BA34" s="217">
        <v>0</v>
      </c>
      <c r="BB34" s="219">
        <v>0</v>
      </c>
      <c r="BC34" s="219">
        <v>0</v>
      </c>
      <c r="BD34" s="220">
        <v>0</v>
      </c>
      <c r="BE34" s="218">
        <v>0</v>
      </c>
      <c r="BF34" s="218">
        <v>0</v>
      </c>
      <c r="BG34" s="218">
        <v>0</v>
      </c>
      <c r="BH34" s="219">
        <v>1</v>
      </c>
      <c r="BI34" s="240">
        <v>1</v>
      </c>
      <c r="BJ34" s="242">
        <v>1</v>
      </c>
      <c r="BK34" s="222">
        <v>0</v>
      </c>
      <c r="BL34" s="219">
        <v>0</v>
      </c>
      <c r="BM34" s="219">
        <v>0</v>
      </c>
      <c r="BN34" s="220">
        <v>0</v>
      </c>
      <c r="BO34" s="218">
        <v>0</v>
      </c>
      <c r="BP34" s="218">
        <v>0</v>
      </c>
      <c r="BQ34" s="218">
        <v>0</v>
      </c>
      <c r="BR34" s="219">
        <v>0</v>
      </c>
      <c r="BS34" s="240">
        <v>0</v>
      </c>
      <c r="BT34" s="241">
        <v>0</v>
      </c>
      <c r="BU34" s="217">
        <v>0</v>
      </c>
      <c r="BV34" s="219">
        <v>0</v>
      </c>
      <c r="BW34" s="219">
        <v>0</v>
      </c>
      <c r="BX34" s="220">
        <v>0</v>
      </c>
      <c r="BY34" s="218">
        <v>0</v>
      </c>
      <c r="BZ34" s="218">
        <v>0</v>
      </c>
      <c r="CA34" s="218">
        <v>0</v>
      </c>
      <c r="CB34" s="219">
        <v>0</v>
      </c>
      <c r="CC34" s="240">
        <v>0</v>
      </c>
      <c r="CD34" s="242">
        <v>0</v>
      </c>
      <c r="CE34" s="222">
        <v>0</v>
      </c>
      <c r="CF34" s="219">
        <v>0</v>
      </c>
      <c r="CG34" s="219">
        <v>0</v>
      </c>
      <c r="CH34" s="220">
        <v>0</v>
      </c>
      <c r="CI34" s="218">
        <v>0</v>
      </c>
      <c r="CJ34" s="218">
        <v>0</v>
      </c>
      <c r="CK34" s="218">
        <v>0</v>
      </c>
      <c r="CL34" s="219">
        <v>0</v>
      </c>
      <c r="CM34" s="240">
        <v>0</v>
      </c>
      <c r="CN34" s="242">
        <v>0</v>
      </c>
      <c r="CO34" s="222">
        <v>0</v>
      </c>
      <c r="CP34" s="219">
        <v>0</v>
      </c>
      <c r="CQ34" s="219">
        <v>0</v>
      </c>
      <c r="CR34" s="220">
        <v>1</v>
      </c>
      <c r="CS34" s="218">
        <v>0</v>
      </c>
      <c r="CT34" s="218">
        <v>0</v>
      </c>
      <c r="CU34" s="218">
        <v>2</v>
      </c>
      <c r="CV34" s="219">
        <v>2</v>
      </c>
      <c r="CW34" s="240">
        <v>5</v>
      </c>
      <c r="CX34" s="241">
        <v>5</v>
      </c>
      <c r="CY34" s="217">
        <v>0</v>
      </c>
      <c r="CZ34" s="219">
        <v>0</v>
      </c>
      <c r="DA34" s="219">
        <v>0</v>
      </c>
      <c r="DB34" s="220">
        <v>1</v>
      </c>
      <c r="DC34" s="218">
        <v>0</v>
      </c>
      <c r="DD34" s="218">
        <v>0</v>
      </c>
      <c r="DE34" s="218">
        <v>2</v>
      </c>
      <c r="DF34" s="219">
        <v>2</v>
      </c>
      <c r="DG34" s="240">
        <v>5</v>
      </c>
      <c r="DH34" s="242">
        <v>5</v>
      </c>
      <c r="DI34" s="222">
        <v>0</v>
      </c>
      <c r="DJ34" s="219">
        <v>0</v>
      </c>
      <c r="DK34" s="219">
        <v>0</v>
      </c>
      <c r="DL34" s="220">
        <v>0</v>
      </c>
      <c r="DM34" s="218">
        <v>0</v>
      </c>
      <c r="DN34" s="218">
        <v>0</v>
      </c>
      <c r="DO34" s="218">
        <v>0</v>
      </c>
      <c r="DP34" s="219">
        <v>0</v>
      </c>
      <c r="DQ34" s="240">
        <v>0</v>
      </c>
      <c r="DR34" s="242">
        <v>0</v>
      </c>
      <c r="DS34" s="222">
        <v>0</v>
      </c>
      <c r="DT34" s="219">
        <v>0</v>
      </c>
      <c r="DU34" s="219">
        <v>0</v>
      </c>
      <c r="DV34" s="220">
        <v>6</v>
      </c>
      <c r="DW34" s="218">
        <v>12</v>
      </c>
      <c r="DX34" s="218">
        <v>34</v>
      </c>
      <c r="DY34" s="218">
        <v>35</v>
      </c>
      <c r="DZ34" s="219">
        <v>26</v>
      </c>
      <c r="EA34" s="240">
        <v>113</v>
      </c>
      <c r="EB34" s="242">
        <v>113</v>
      </c>
      <c r="EC34" s="239"/>
    </row>
    <row r="35" spans="2:133" ht="21" customHeight="1" x14ac:dyDescent="0.2">
      <c r="B35" s="106" t="s">
        <v>32</v>
      </c>
      <c r="C35" s="217">
        <v>0</v>
      </c>
      <c r="D35" s="219">
        <v>0</v>
      </c>
      <c r="E35" s="219">
        <v>0</v>
      </c>
      <c r="F35" s="220">
        <v>2</v>
      </c>
      <c r="G35" s="218">
        <v>0</v>
      </c>
      <c r="H35" s="218">
        <v>12</v>
      </c>
      <c r="I35" s="218">
        <v>25</v>
      </c>
      <c r="J35" s="219">
        <v>22</v>
      </c>
      <c r="K35" s="240">
        <v>61</v>
      </c>
      <c r="L35" s="241">
        <v>61</v>
      </c>
      <c r="M35" s="217">
        <v>0</v>
      </c>
      <c r="N35" s="219">
        <v>0</v>
      </c>
      <c r="O35" s="240">
        <v>0</v>
      </c>
      <c r="P35" s="220">
        <v>2</v>
      </c>
      <c r="Q35" s="218">
        <v>0</v>
      </c>
      <c r="R35" s="218">
        <v>12</v>
      </c>
      <c r="S35" s="218">
        <v>25</v>
      </c>
      <c r="T35" s="219">
        <v>22</v>
      </c>
      <c r="U35" s="240">
        <v>61</v>
      </c>
      <c r="V35" s="242">
        <v>61</v>
      </c>
      <c r="W35" s="222">
        <v>0</v>
      </c>
      <c r="X35" s="219">
        <v>0</v>
      </c>
      <c r="Y35" s="240">
        <v>0</v>
      </c>
      <c r="Z35" s="222">
        <v>0</v>
      </c>
      <c r="AA35" s="218">
        <v>0</v>
      </c>
      <c r="AB35" s="218">
        <v>0</v>
      </c>
      <c r="AC35" s="218">
        <v>0</v>
      </c>
      <c r="AD35" s="219">
        <v>0</v>
      </c>
      <c r="AE35" s="240">
        <v>0</v>
      </c>
      <c r="AF35" s="221">
        <v>0</v>
      </c>
      <c r="AG35" s="222">
        <v>0</v>
      </c>
      <c r="AH35" s="219">
        <v>0</v>
      </c>
      <c r="AI35" s="240">
        <v>0</v>
      </c>
      <c r="AJ35" s="222">
        <v>7</v>
      </c>
      <c r="AK35" s="218">
        <v>7</v>
      </c>
      <c r="AL35" s="218">
        <v>10</v>
      </c>
      <c r="AM35" s="218">
        <v>17</v>
      </c>
      <c r="AN35" s="219">
        <v>5</v>
      </c>
      <c r="AO35" s="240">
        <v>46</v>
      </c>
      <c r="AP35" s="221">
        <v>46</v>
      </c>
      <c r="AQ35" s="222">
        <v>0</v>
      </c>
      <c r="AR35" s="219">
        <v>0</v>
      </c>
      <c r="AS35" s="240">
        <v>0</v>
      </c>
      <c r="AT35" s="220">
        <v>7</v>
      </c>
      <c r="AU35" s="218">
        <v>7</v>
      </c>
      <c r="AV35" s="218">
        <v>10</v>
      </c>
      <c r="AW35" s="218">
        <v>17</v>
      </c>
      <c r="AX35" s="219">
        <v>5</v>
      </c>
      <c r="AY35" s="240">
        <v>46</v>
      </c>
      <c r="AZ35" s="241">
        <v>46</v>
      </c>
      <c r="BA35" s="217">
        <v>0</v>
      </c>
      <c r="BB35" s="219">
        <v>0</v>
      </c>
      <c r="BC35" s="219">
        <v>0</v>
      </c>
      <c r="BD35" s="220">
        <v>0</v>
      </c>
      <c r="BE35" s="218">
        <v>0</v>
      </c>
      <c r="BF35" s="218">
        <v>0</v>
      </c>
      <c r="BG35" s="218">
        <v>0</v>
      </c>
      <c r="BH35" s="219">
        <v>0</v>
      </c>
      <c r="BI35" s="240">
        <v>0</v>
      </c>
      <c r="BJ35" s="242">
        <v>0</v>
      </c>
      <c r="BK35" s="222">
        <v>0</v>
      </c>
      <c r="BL35" s="219">
        <v>0</v>
      </c>
      <c r="BM35" s="219">
        <v>0</v>
      </c>
      <c r="BN35" s="220">
        <v>0</v>
      </c>
      <c r="BO35" s="218">
        <v>0</v>
      </c>
      <c r="BP35" s="218">
        <v>0</v>
      </c>
      <c r="BQ35" s="218">
        <v>0</v>
      </c>
      <c r="BR35" s="219">
        <v>0</v>
      </c>
      <c r="BS35" s="240">
        <v>0</v>
      </c>
      <c r="BT35" s="241">
        <v>0</v>
      </c>
      <c r="BU35" s="217">
        <v>0</v>
      </c>
      <c r="BV35" s="219">
        <v>0</v>
      </c>
      <c r="BW35" s="219">
        <v>0</v>
      </c>
      <c r="BX35" s="220">
        <v>0</v>
      </c>
      <c r="BY35" s="218">
        <v>0</v>
      </c>
      <c r="BZ35" s="218">
        <v>0</v>
      </c>
      <c r="CA35" s="218">
        <v>0</v>
      </c>
      <c r="CB35" s="219">
        <v>0</v>
      </c>
      <c r="CC35" s="240">
        <v>0</v>
      </c>
      <c r="CD35" s="242">
        <v>0</v>
      </c>
      <c r="CE35" s="222">
        <v>0</v>
      </c>
      <c r="CF35" s="219">
        <v>0</v>
      </c>
      <c r="CG35" s="219">
        <v>0</v>
      </c>
      <c r="CH35" s="220">
        <v>0</v>
      </c>
      <c r="CI35" s="218">
        <v>0</v>
      </c>
      <c r="CJ35" s="218">
        <v>0</v>
      </c>
      <c r="CK35" s="218">
        <v>0</v>
      </c>
      <c r="CL35" s="219">
        <v>0</v>
      </c>
      <c r="CM35" s="240">
        <v>0</v>
      </c>
      <c r="CN35" s="242">
        <v>0</v>
      </c>
      <c r="CO35" s="222">
        <v>0</v>
      </c>
      <c r="CP35" s="219">
        <v>0</v>
      </c>
      <c r="CQ35" s="219">
        <v>0</v>
      </c>
      <c r="CR35" s="220">
        <v>2</v>
      </c>
      <c r="CS35" s="218">
        <v>0</v>
      </c>
      <c r="CT35" s="218">
        <v>2</v>
      </c>
      <c r="CU35" s="218">
        <v>0</v>
      </c>
      <c r="CV35" s="219">
        <v>1</v>
      </c>
      <c r="CW35" s="240">
        <v>5</v>
      </c>
      <c r="CX35" s="241">
        <v>5</v>
      </c>
      <c r="CY35" s="217">
        <v>0</v>
      </c>
      <c r="CZ35" s="219">
        <v>0</v>
      </c>
      <c r="DA35" s="219">
        <v>0</v>
      </c>
      <c r="DB35" s="220">
        <v>2</v>
      </c>
      <c r="DC35" s="218">
        <v>0</v>
      </c>
      <c r="DD35" s="218">
        <v>2</v>
      </c>
      <c r="DE35" s="218">
        <v>0</v>
      </c>
      <c r="DF35" s="219">
        <v>1</v>
      </c>
      <c r="DG35" s="240">
        <v>5</v>
      </c>
      <c r="DH35" s="242">
        <v>5</v>
      </c>
      <c r="DI35" s="222">
        <v>0</v>
      </c>
      <c r="DJ35" s="219">
        <v>0</v>
      </c>
      <c r="DK35" s="219">
        <v>0</v>
      </c>
      <c r="DL35" s="220">
        <v>0</v>
      </c>
      <c r="DM35" s="218">
        <v>0</v>
      </c>
      <c r="DN35" s="218">
        <v>0</v>
      </c>
      <c r="DO35" s="218">
        <v>0</v>
      </c>
      <c r="DP35" s="219">
        <v>0</v>
      </c>
      <c r="DQ35" s="240">
        <v>0</v>
      </c>
      <c r="DR35" s="242">
        <v>0</v>
      </c>
      <c r="DS35" s="222">
        <v>0</v>
      </c>
      <c r="DT35" s="219">
        <v>0</v>
      </c>
      <c r="DU35" s="219">
        <v>0</v>
      </c>
      <c r="DV35" s="220">
        <v>11</v>
      </c>
      <c r="DW35" s="218">
        <v>7</v>
      </c>
      <c r="DX35" s="218">
        <v>24</v>
      </c>
      <c r="DY35" s="218">
        <v>42</v>
      </c>
      <c r="DZ35" s="219">
        <v>27</v>
      </c>
      <c r="EA35" s="240">
        <v>111</v>
      </c>
      <c r="EB35" s="242">
        <v>111</v>
      </c>
      <c r="EC35" s="239"/>
    </row>
    <row r="36" spans="2:133" ht="21" customHeight="1" x14ac:dyDescent="0.2">
      <c r="B36" s="106" t="s">
        <v>33</v>
      </c>
      <c r="C36" s="217">
        <v>0</v>
      </c>
      <c r="D36" s="219">
        <v>0</v>
      </c>
      <c r="E36" s="219">
        <v>0</v>
      </c>
      <c r="F36" s="220">
        <v>0</v>
      </c>
      <c r="G36" s="218">
        <v>6</v>
      </c>
      <c r="H36" s="218">
        <v>30</v>
      </c>
      <c r="I36" s="218">
        <v>32</v>
      </c>
      <c r="J36" s="219">
        <v>20</v>
      </c>
      <c r="K36" s="240">
        <v>88</v>
      </c>
      <c r="L36" s="241">
        <v>88</v>
      </c>
      <c r="M36" s="217">
        <v>0</v>
      </c>
      <c r="N36" s="219">
        <v>0</v>
      </c>
      <c r="O36" s="240">
        <v>0</v>
      </c>
      <c r="P36" s="220">
        <v>0</v>
      </c>
      <c r="Q36" s="218">
        <v>6</v>
      </c>
      <c r="R36" s="218">
        <v>30</v>
      </c>
      <c r="S36" s="218">
        <v>32</v>
      </c>
      <c r="T36" s="219">
        <v>20</v>
      </c>
      <c r="U36" s="240">
        <v>88</v>
      </c>
      <c r="V36" s="242">
        <v>88</v>
      </c>
      <c r="W36" s="222">
        <v>0</v>
      </c>
      <c r="X36" s="219">
        <v>0</v>
      </c>
      <c r="Y36" s="240">
        <v>0</v>
      </c>
      <c r="Z36" s="222">
        <v>0</v>
      </c>
      <c r="AA36" s="218">
        <v>0</v>
      </c>
      <c r="AB36" s="218">
        <v>0</v>
      </c>
      <c r="AC36" s="218">
        <v>0</v>
      </c>
      <c r="AD36" s="219">
        <v>0</v>
      </c>
      <c r="AE36" s="240">
        <v>0</v>
      </c>
      <c r="AF36" s="221">
        <v>0</v>
      </c>
      <c r="AG36" s="222">
        <v>0</v>
      </c>
      <c r="AH36" s="219">
        <v>0</v>
      </c>
      <c r="AI36" s="240">
        <v>0</v>
      </c>
      <c r="AJ36" s="222">
        <v>8</v>
      </c>
      <c r="AK36" s="218">
        <v>11</v>
      </c>
      <c r="AL36" s="218">
        <v>15</v>
      </c>
      <c r="AM36" s="218">
        <v>15</v>
      </c>
      <c r="AN36" s="219">
        <v>8</v>
      </c>
      <c r="AO36" s="240">
        <v>57</v>
      </c>
      <c r="AP36" s="221">
        <v>57</v>
      </c>
      <c r="AQ36" s="222">
        <v>0</v>
      </c>
      <c r="AR36" s="219">
        <v>0</v>
      </c>
      <c r="AS36" s="240">
        <v>0</v>
      </c>
      <c r="AT36" s="220">
        <v>8</v>
      </c>
      <c r="AU36" s="218">
        <v>11</v>
      </c>
      <c r="AV36" s="218">
        <v>15</v>
      </c>
      <c r="AW36" s="218">
        <v>15</v>
      </c>
      <c r="AX36" s="219">
        <v>8</v>
      </c>
      <c r="AY36" s="240">
        <v>57</v>
      </c>
      <c r="AZ36" s="241">
        <v>57</v>
      </c>
      <c r="BA36" s="217">
        <v>0</v>
      </c>
      <c r="BB36" s="219">
        <v>0</v>
      </c>
      <c r="BC36" s="219">
        <v>0</v>
      </c>
      <c r="BD36" s="220">
        <v>0</v>
      </c>
      <c r="BE36" s="218">
        <v>0</v>
      </c>
      <c r="BF36" s="218">
        <v>0</v>
      </c>
      <c r="BG36" s="218">
        <v>0</v>
      </c>
      <c r="BH36" s="219">
        <v>0</v>
      </c>
      <c r="BI36" s="240">
        <v>0</v>
      </c>
      <c r="BJ36" s="242">
        <v>0</v>
      </c>
      <c r="BK36" s="222">
        <v>0</v>
      </c>
      <c r="BL36" s="219">
        <v>0</v>
      </c>
      <c r="BM36" s="219">
        <v>0</v>
      </c>
      <c r="BN36" s="220">
        <v>0</v>
      </c>
      <c r="BO36" s="218">
        <v>0</v>
      </c>
      <c r="BP36" s="218">
        <v>0</v>
      </c>
      <c r="BQ36" s="218">
        <v>0</v>
      </c>
      <c r="BR36" s="219">
        <v>0</v>
      </c>
      <c r="BS36" s="240">
        <v>0</v>
      </c>
      <c r="BT36" s="241">
        <v>0</v>
      </c>
      <c r="BU36" s="217">
        <v>0</v>
      </c>
      <c r="BV36" s="219">
        <v>0</v>
      </c>
      <c r="BW36" s="219">
        <v>0</v>
      </c>
      <c r="BX36" s="220">
        <v>0</v>
      </c>
      <c r="BY36" s="218">
        <v>0</v>
      </c>
      <c r="BZ36" s="218">
        <v>0</v>
      </c>
      <c r="CA36" s="218">
        <v>0</v>
      </c>
      <c r="CB36" s="219">
        <v>0</v>
      </c>
      <c r="CC36" s="240">
        <v>0</v>
      </c>
      <c r="CD36" s="242">
        <v>0</v>
      </c>
      <c r="CE36" s="222">
        <v>0</v>
      </c>
      <c r="CF36" s="219">
        <v>0</v>
      </c>
      <c r="CG36" s="219">
        <v>0</v>
      </c>
      <c r="CH36" s="220">
        <v>0</v>
      </c>
      <c r="CI36" s="218">
        <v>0</v>
      </c>
      <c r="CJ36" s="218">
        <v>0</v>
      </c>
      <c r="CK36" s="218">
        <v>0</v>
      </c>
      <c r="CL36" s="219">
        <v>0</v>
      </c>
      <c r="CM36" s="240">
        <v>0</v>
      </c>
      <c r="CN36" s="242">
        <v>0</v>
      </c>
      <c r="CO36" s="222">
        <v>0</v>
      </c>
      <c r="CP36" s="219">
        <v>0</v>
      </c>
      <c r="CQ36" s="219">
        <v>0</v>
      </c>
      <c r="CR36" s="220">
        <v>3</v>
      </c>
      <c r="CS36" s="218">
        <v>7</v>
      </c>
      <c r="CT36" s="218">
        <v>7</v>
      </c>
      <c r="CU36" s="218">
        <v>11</v>
      </c>
      <c r="CV36" s="219">
        <v>11</v>
      </c>
      <c r="CW36" s="240">
        <v>39</v>
      </c>
      <c r="CX36" s="241">
        <v>39</v>
      </c>
      <c r="CY36" s="217">
        <v>0</v>
      </c>
      <c r="CZ36" s="219">
        <v>0</v>
      </c>
      <c r="DA36" s="219">
        <v>0</v>
      </c>
      <c r="DB36" s="220">
        <v>3</v>
      </c>
      <c r="DC36" s="218">
        <v>7</v>
      </c>
      <c r="DD36" s="218">
        <v>7</v>
      </c>
      <c r="DE36" s="218">
        <v>11</v>
      </c>
      <c r="DF36" s="219">
        <v>11</v>
      </c>
      <c r="DG36" s="240">
        <v>39</v>
      </c>
      <c r="DH36" s="242">
        <v>39</v>
      </c>
      <c r="DI36" s="222">
        <v>0</v>
      </c>
      <c r="DJ36" s="219">
        <v>0</v>
      </c>
      <c r="DK36" s="219">
        <v>0</v>
      </c>
      <c r="DL36" s="220">
        <v>0</v>
      </c>
      <c r="DM36" s="218">
        <v>0</v>
      </c>
      <c r="DN36" s="218">
        <v>0</v>
      </c>
      <c r="DO36" s="218">
        <v>0</v>
      </c>
      <c r="DP36" s="219">
        <v>0</v>
      </c>
      <c r="DQ36" s="240">
        <v>0</v>
      </c>
      <c r="DR36" s="242">
        <v>0</v>
      </c>
      <c r="DS36" s="222">
        <v>0</v>
      </c>
      <c r="DT36" s="219">
        <v>0</v>
      </c>
      <c r="DU36" s="219">
        <v>0</v>
      </c>
      <c r="DV36" s="220">
        <v>11</v>
      </c>
      <c r="DW36" s="218">
        <v>24</v>
      </c>
      <c r="DX36" s="218">
        <v>52</v>
      </c>
      <c r="DY36" s="218">
        <v>58</v>
      </c>
      <c r="DZ36" s="219">
        <v>39</v>
      </c>
      <c r="EA36" s="240">
        <v>184</v>
      </c>
      <c r="EB36" s="242">
        <v>184</v>
      </c>
      <c r="EC36" s="239"/>
    </row>
    <row r="37" spans="2:133" ht="21" customHeight="1" x14ac:dyDescent="0.2">
      <c r="B37" s="106" t="s">
        <v>34</v>
      </c>
      <c r="C37" s="217">
        <v>0</v>
      </c>
      <c r="D37" s="219">
        <v>0</v>
      </c>
      <c r="E37" s="219">
        <v>0</v>
      </c>
      <c r="F37" s="220">
        <v>0</v>
      </c>
      <c r="G37" s="218">
        <v>0</v>
      </c>
      <c r="H37" s="218">
        <v>7</v>
      </c>
      <c r="I37" s="218">
        <v>26</v>
      </c>
      <c r="J37" s="219">
        <v>10</v>
      </c>
      <c r="K37" s="240">
        <v>43</v>
      </c>
      <c r="L37" s="241">
        <v>43</v>
      </c>
      <c r="M37" s="217">
        <v>0</v>
      </c>
      <c r="N37" s="219">
        <v>0</v>
      </c>
      <c r="O37" s="240">
        <v>0</v>
      </c>
      <c r="P37" s="220">
        <v>0</v>
      </c>
      <c r="Q37" s="218">
        <v>0</v>
      </c>
      <c r="R37" s="218">
        <v>7</v>
      </c>
      <c r="S37" s="218">
        <v>26</v>
      </c>
      <c r="T37" s="219">
        <v>10</v>
      </c>
      <c r="U37" s="240">
        <v>43</v>
      </c>
      <c r="V37" s="242">
        <v>43</v>
      </c>
      <c r="W37" s="222">
        <v>0</v>
      </c>
      <c r="X37" s="219">
        <v>0</v>
      </c>
      <c r="Y37" s="240">
        <v>0</v>
      </c>
      <c r="Z37" s="222">
        <v>0</v>
      </c>
      <c r="AA37" s="218">
        <v>0</v>
      </c>
      <c r="AB37" s="218">
        <v>0</v>
      </c>
      <c r="AC37" s="218">
        <v>0</v>
      </c>
      <c r="AD37" s="219">
        <v>0</v>
      </c>
      <c r="AE37" s="240">
        <v>0</v>
      </c>
      <c r="AF37" s="221">
        <v>0</v>
      </c>
      <c r="AG37" s="222">
        <v>0</v>
      </c>
      <c r="AH37" s="219">
        <v>0</v>
      </c>
      <c r="AI37" s="240">
        <v>0</v>
      </c>
      <c r="AJ37" s="222">
        <v>6</v>
      </c>
      <c r="AK37" s="218">
        <v>17</v>
      </c>
      <c r="AL37" s="218">
        <v>6</v>
      </c>
      <c r="AM37" s="218">
        <v>8</v>
      </c>
      <c r="AN37" s="219">
        <v>4</v>
      </c>
      <c r="AO37" s="240">
        <v>41</v>
      </c>
      <c r="AP37" s="221">
        <v>41</v>
      </c>
      <c r="AQ37" s="222">
        <v>0</v>
      </c>
      <c r="AR37" s="219">
        <v>0</v>
      </c>
      <c r="AS37" s="240">
        <v>0</v>
      </c>
      <c r="AT37" s="220">
        <v>6</v>
      </c>
      <c r="AU37" s="218">
        <v>16</v>
      </c>
      <c r="AV37" s="218">
        <v>6</v>
      </c>
      <c r="AW37" s="218">
        <v>8</v>
      </c>
      <c r="AX37" s="219">
        <v>4</v>
      </c>
      <c r="AY37" s="240">
        <v>40</v>
      </c>
      <c r="AZ37" s="241">
        <v>40</v>
      </c>
      <c r="BA37" s="217">
        <v>0</v>
      </c>
      <c r="BB37" s="219">
        <v>0</v>
      </c>
      <c r="BC37" s="219">
        <v>0</v>
      </c>
      <c r="BD37" s="220">
        <v>0</v>
      </c>
      <c r="BE37" s="218">
        <v>1</v>
      </c>
      <c r="BF37" s="218">
        <v>0</v>
      </c>
      <c r="BG37" s="218">
        <v>0</v>
      </c>
      <c r="BH37" s="219">
        <v>0</v>
      </c>
      <c r="BI37" s="240">
        <v>1</v>
      </c>
      <c r="BJ37" s="242">
        <v>1</v>
      </c>
      <c r="BK37" s="222">
        <v>0</v>
      </c>
      <c r="BL37" s="219">
        <v>0</v>
      </c>
      <c r="BM37" s="219">
        <v>0</v>
      </c>
      <c r="BN37" s="220">
        <v>0</v>
      </c>
      <c r="BO37" s="218">
        <v>0</v>
      </c>
      <c r="BP37" s="218">
        <v>0</v>
      </c>
      <c r="BQ37" s="218">
        <v>0</v>
      </c>
      <c r="BR37" s="219">
        <v>0</v>
      </c>
      <c r="BS37" s="240">
        <v>0</v>
      </c>
      <c r="BT37" s="241">
        <v>0</v>
      </c>
      <c r="BU37" s="217">
        <v>0</v>
      </c>
      <c r="BV37" s="219">
        <v>0</v>
      </c>
      <c r="BW37" s="219">
        <v>0</v>
      </c>
      <c r="BX37" s="220">
        <v>0</v>
      </c>
      <c r="BY37" s="218">
        <v>0</v>
      </c>
      <c r="BZ37" s="218">
        <v>0</v>
      </c>
      <c r="CA37" s="218">
        <v>0</v>
      </c>
      <c r="CB37" s="219">
        <v>0</v>
      </c>
      <c r="CC37" s="240">
        <v>0</v>
      </c>
      <c r="CD37" s="242">
        <v>0</v>
      </c>
      <c r="CE37" s="222">
        <v>0</v>
      </c>
      <c r="CF37" s="219">
        <v>0</v>
      </c>
      <c r="CG37" s="219">
        <v>0</v>
      </c>
      <c r="CH37" s="220">
        <v>0</v>
      </c>
      <c r="CI37" s="218">
        <v>0</v>
      </c>
      <c r="CJ37" s="218">
        <v>0</v>
      </c>
      <c r="CK37" s="218">
        <v>0</v>
      </c>
      <c r="CL37" s="219">
        <v>0</v>
      </c>
      <c r="CM37" s="240">
        <v>0</v>
      </c>
      <c r="CN37" s="242">
        <v>0</v>
      </c>
      <c r="CO37" s="222">
        <v>0</v>
      </c>
      <c r="CP37" s="219">
        <v>0</v>
      </c>
      <c r="CQ37" s="219">
        <v>0</v>
      </c>
      <c r="CR37" s="220">
        <v>0</v>
      </c>
      <c r="CS37" s="218">
        <v>0</v>
      </c>
      <c r="CT37" s="218">
        <v>0</v>
      </c>
      <c r="CU37" s="218">
        <v>1</v>
      </c>
      <c r="CV37" s="219">
        <v>2</v>
      </c>
      <c r="CW37" s="240">
        <v>3</v>
      </c>
      <c r="CX37" s="241">
        <v>3</v>
      </c>
      <c r="CY37" s="217">
        <v>0</v>
      </c>
      <c r="CZ37" s="219">
        <v>0</v>
      </c>
      <c r="DA37" s="219">
        <v>0</v>
      </c>
      <c r="DB37" s="220">
        <v>0</v>
      </c>
      <c r="DC37" s="218">
        <v>0</v>
      </c>
      <c r="DD37" s="218">
        <v>0</v>
      </c>
      <c r="DE37" s="218">
        <v>1</v>
      </c>
      <c r="DF37" s="219">
        <v>1</v>
      </c>
      <c r="DG37" s="240">
        <v>2</v>
      </c>
      <c r="DH37" s="242">
        <v>2</v>
      </c>
      <c r="DI37" s="222">
        <v>0</v>
      </c>
      <c r="DJ37" s="219">
        <v>0</v>
      </c>
      <c r="DK37" s="219">
        <v>0</v>
      </c>
      <c r="DL37" s="220">
        <v>0</v>
      </c>
      <c r="DM37" s="218">
        <v>0</v>
      </c>
      <c r="DN37" s="218">
        <v>0</v>
      </c>
      <c r="DO37" s="218">
        <v>0</v>
      </c>
      <c r="DP37" s="219">
        <v>1</v>
      </c>
      <c r="DQ37" s="240">
        <v>1</v>
      </c>
      <c r="DR37" s="242">
        <v>1</v>
      </c>
      <c r="DS37" s="222">
        <v>0</v>
      </c>
      <c r="DT37" s="219">
        <v>0</v>
      </c>
      <c r="DU37" s="219">
        <v>0</v>
      </c>
      <c r="DV37" s="220">
        <v>6</v>
      </c>
      <c r="DW37" s="218">
        <v>17</v>
      </c>
      <c r="DX37" s="218">
        <v>13</v>
      </c>
      <c r="DY37" s="218">
        <v>35</v>
      </c>
      <c r="DZ37" s="219">
        <v>16</v>
      </c>
      <c r="EA37" s="240">
        <v>87</v>
      </c>
      <c r="EB37" s="242">
        <v>87</v>
      </c>
      <c r="EC37" s="239"/>
    </row>
    <row r="38" spans="2:133" ht="21" customHeight="1" x14ac:dyDescent="0.2">
      <c r="B38" s="106" t="s">
        <v>35</v>
      </c>
      <c r="C38" s="217">
        <v>0</v>
      </c>
      <c r="D38" s="219">
        <v>0</v>
      </c>
      <c r="E38" s="219">
        <v>0</v>
      </c>
      <c r="F38" s="220">
        <v>1</v>
      </c>
      <c r="G38" s="218">
        <v>2</v>
      </c>
      <c r="H38" s="218">
        <v>26</v>
      </c>
      <c r="I38" s="218">
        <v>50</v>
      </c>
      <c r="J38" s="219">
        <v>27</v>
      </c>
      <c r="K38" s="240">
        <v>106</v>
      </c>
      <c r="L38" s="241">
        <v>106</v>
      </c>
      <c r="M38" s="217">
        <v>0</v>
      </c>
      <c r="N38" s="219">
        <v>0</v>
      </c>
      <c r="O38" s="240">
        <v>0</v>
      </c>
      <c r="P38" s="220">
        <v>1</v>
      </c>
      <c r="Q38" s="218">
        <v>2</v>
      </c>
      <c r="R38" s="218">
        <v>26</v>
      </c>
      <c r="S38" s="218">
        <v>50</v>
      </c>
      <c r="T38" s="219">
        <v>27</v>
      </c>
      <c r="U38" s="240">
        <v>106</v>
      </c>
      <c r="V38" s="242">
        <v>106</v>
      </c>
      <c r="W38" s="222">
        <v>0</v>
      </c>
      <c r="X38" s="219">
        <v>0</v>
      </c>
      <c r="Y38" s="240">
        <v>0</v>
      </c>
      <c r="Z38" s="222">
        <v>0</v>
      </c>
      <c r="AA38" s="218">
        <v>0</v>
      </c>
      <c r="AB38" s="218">
        <v>0</v>
      </c>
      <c r="AC38" s="218">
        <v>0</v>
      </c>
      <c r="AD38" s="219">
        <v>0</v>
      </c>
      <c r="AE38" s="240">
        <v>0</v>
      </c>
      <c r="AF38" s="221">
        <v>0</v>
      </c>
      <c r="AG38" s="222">
        <v>0</v>
      </c>
      <c r="AH38" s="219">
        <v>0</v>
      </c>
      <c r="AI38" s="240">
        <v>0</v>
      </c>
      <c r="AJ38" s="222">
        <v>14</v>
      </c>
      <c r="AK38" s="218">
        <v>32</v>
      </c>
      <c r="AL38" s="218">
        <v>28</v>
      </c>
      <c r="AM38" s="218">
        <v>14</v>
      </c>
      <c r="AN38" s="219">
        <v>8</v>
      </c>
      <c r="AO38" s="240">
        <v>96</v>
      </c>
      <c r="AP38" s="221">
        <v>96</v>
      </c>
      <c r="AQ38" s="222">
        <v>0</v>
      </c>
      <c r="AR38" s="219">
        <v>0</v>
      </c>
      <c r="AS38" s="240">
        <v>0</v>
      </c>
      <c r="AT38" s="220">
        <v>14</v>
      </c>
      <c r="AU38" s="218">
        <v>32</v>
      </c>
      <c r="AV38" s="218">
        <v>28</v>
      </c>
      <c r="AW38" s="218">
        <v>14</v>
      </c>
      <c r="AX38" s="219">
        <v>8</v>
      </c>
      <c r="AY38" s="240">
        <v>96</v>
      </c>
      <c r="AZ38" s="241">
        <v>96</v>
      </c>
      <c r="BA38" s="217">
        <v>0</v>
      </c>
      <c r="BB38" s="219">
        <v>0</v>
      </c>
      <c r="BC38" s="219">
        <v>0</v>
      </c>
      <c r="BD38" s="220">
        <v>0</v>
      </c>
      <c r="BE38" s="218">
        <v>0</v>
      </c>
      <c r="BF38" s="218">
        <v>0</v>
      </c>
      <c r="BG38" s="218">
        <v>0</v>
      </c>
      <c r="BH38" s="219">
        <v>0</v>
      </c>
      <c r="BI38" s="240">
        <v>0</v>
      </c>
      <c r="BJ38" s="242">
        <v>0</v>
      </c>
      <c r="BK38" s="222">
        <v>0</v>
      </c>
      <c r="BL38" s="219">
        <v>0</v>
      </c>
      <c r="BM38" s="219">
        <v>0</v>
      </c>
      <c r="BN38" s="220">
        <v>0</v>
      </c>
      <c r="BO38" s="218">
        <v>0</v>
      </c>
      <c r="BP38" s="218">
        <v>0</v>
      </c>
      <c r="BQ38" s="218">
        <v>0</v>
      </c>
      <c r="BR38" s="219">
        <v>0</v>
      </c>
      <c r="BS38" s="240">
        <v>0</v>
      </c>
      <c r="BT38" s="241">
        <v>0</v>
      </c>
      <c r="BU38" s="217">
        <v>0</v>
      </c>
      <c r="BV38" s="219">
        <v>0</v>
      </c>
      <c r="BW38" s="219">
        <v>0</v>
      </c>
      <c r="BX38" s="220">
        <v>0</v>
      </c>
      <c r="BY38" s="218">
        <v>0</v>
      </c>
      <c r="BZ38" s="218">
        <v>0</v>
      </c>
      <c r="CA38" s="218">
        <v>0</v>
      </c>
      <c r="CB38" s="219">
        <v>0</v>
      </c>
      <c r="CC38" s="240">
        <v>0</v>
      </c>
      <c r="CD38" s="242">
        <v>0</v>
      </c>
      <c r="CE38" s="222">
        <v>0</v>
      </c>
      <c r="CF38" s="219">
        <v>0</v>
      </c>
      <c r="CG38" s="219">
        <v>0</v>
      </c>
      <c r="CH38" s="220">
        <v>0</v>
      </c>
      <c r="CI38" s="218">
        <v>0</v>
      </c>
      <c r="CJ38" s="218">
        <v>0</v>
      </c>
      <c r="CK38" s="218">
        <v>0</v>
      </c>
      <c r="CL38" s="219">
        <v>0</v>
      </c>
      <c r="CM38" s="240">
        <v>0</v>
      </c>
      <c r="CN38" s="242">
        <v>0</v>
      </c>
      <c r="CO38" s="222">
        <v>0</v>
      </c>
      <c r="CP38" s="219">
        <v>0</v>
      </c>
      <c r="CQ38" s="219">
        <v>0</v>
      </c>
      <c r="CR38" s="220">
        <v>2</v>
      </c>
      <c r="CS38" s="218">
        <v>3</v>
      </c>
      <c r="CT38" s="218">
        <v>6</v>
      </c>
      <c r="CU38" s="218">
        <v>2</v>
      </c>
      <c r="CV38" s="219">
        <v>5</v>
      </c>
      <c r="CW38" s="240">
        <v>18</v>
      </c>
      <c r="CX38" s="241">
        <v>18</v>
      </c>
      <c r="CY38" s="217">
        <v>0</v>
      </c>
      <c r="CZ38" s="219">
        <v>0</v>
      </c>
      <c r="DA38" s="219">
        <v>0</v>
      </c>
      <c r="DB38" s="220">
        <v>1</v>
      </c>
      <c r="DC38" s="218">
        <v>3</v>
      </c>
      <c r="DD38" s="218">
        <v>6</v>
      </c>
      <c r="DE38" s="218">
        <v>2</v>
      </c>
      <c r="DF38" s="219">
        <v>5</v>
      </c>
      <c r="DG38" s="240">
        <v>17</v>
      </c>
      <c r="DH38" s="242">
        <v>17</v>
      </c>
      <c r="DI38" s="222">
        <v>0</v>
      </c>
      <c r="DJ38" s="219">
        <v>0</v>
      </c>
      <c r="DK38" s="219">
        <v>0</v>
      </c>
      <c r="DL38" s="220">
        <v>1</v>
      </c>
      <c r="DM38" s="218">
        <v>0</v>
      </c>
      <c r="DN38" s="218">
        <v>0</v>
      </c>
      <c r="DO38" s="218">
        <v>0</v>
      </c>
      <c r="DP38" s="219">
        <v>0</v>
      </c>
      <c r="DQ38" s="240">
        <v>1</v>
      </c>
      <c r="DR38" s="242">
        <v>1</v>
      </c>
      <c r="DS38" s="222">
        <v>0</v>
      </c>
      <c r="DT38" s="219">
        <v>0</v>
      </c>
      <c r="DU38" s="219">
        <v>0</v>
      </c>
      <c r="DV38" s="220">
        <v>17</v>
      </c>
      <c r="DW38" s="218">
        <v>37</v>
      </c>
      <c r="DX38" s="218">
        <v>60</v>
      </c>
      <c r="DY38" s="218">
        <v>66</v>
      </c>
      <c r="DZ38" s="219">
        <v>40</v>
      </c>
      <c r="EA38" s="240">
        <v>220</v>
      </c>
      <c r="EB38" s="242">
        <v>220</v>
      </c>
      <c r="EC38" s="239"/>
    </row>
    <row r="39" spans="2:133" ht="21" customHeight="1" x14ac:dyDescent="0.2">
      <c r="B39" s="106" t="s">
        <v>36</v>
      </c>
      <c r="C39" s="217">
        <v>0</v>
      </c>
      <c r="D39" s="219">
        <v>0</v>
      </c>
      <c r="E39" s="219">
        <v>0</v>
      </c>
      <c r="F39" s="220">
        <v>0</v>
      </c>
      <c r="G39" s="218">
        <v>4</v>
      </c>
      <c r="H39" s="218">
        <v>65</v>
      </c>
      <c r="I39" s="218">
        <v>89</v>
      </c>
      <c r="J39" s="219">
        <v>61</v>
      </c>
      <c r="K39" s="240">
        <v>219</v>
      </c>
      <c r="L39" s="241">
        <v>219</v>
      </c>
      <c r="M39" s="217">
        <v>0</v>
      </c>
      <c r="N39" s="219">
        <v>0</v>
      </c>
      <c r="O39" s="240">
        <v>0</v>
      </c>
      <c r="P39" s="220">
        <v>0</v>
      </c>
      <c r="Q39" s="218">
        <v>4</v>
      </c>
      <c r="R39" s="218">
        <v>64</v>
      </c>
      <c r="S39" s="218">
        <v>85</v>
      </c>
      <c r="T39" s="219">
        <v>60</v>
      </c>
      <c r="U39" s="240">
        <v>213</v>
      </c>
      <c r="V39" s="242">
        <v>213</v>
      </c>
      <c r="W39" s="222">
        <v>0</v>
      </c>
      <c r="X39" s="219">
        <v>0</v>
      </c>
      <c r="Y39" s="240">
        <v>0</v>
      </c>
      <c r="Z39" s="222">
        <v>0</v>
      </c>
      <c r="AA39" s="218">
        <v>0</v>
      </c>
      <c r="AB39" s="218">
        <v>1</v>
      </c>
      <c r="AC39" s="218">
        <v>4</v>
      </c>
      <c r="AD39" s="219">
        <v>1</v>
      </c>
      <c r="AE39" s="240">
        <v>6</v>
      </c>
      <c r="AF39" s="221">
        <v>6</v>
      </c>
      <c r="AG39" s="222">
        <v>0</v>
      </c>
      <c r="AH39" s="219">
        <v>0</v>
      </c>
      <c r="AI39" s="240">
        <v>0</v>
      </c>
      <c r="AJ39" s="222">
        <v>14</v>
      </c>
      <c r="AK39" s="218">
        <v>16</v>
      </c>
      <c r="AL39" s="218">
        <v>36</v>
      </c>
      <c r="AM39" s="218">
        <v>53</v>
      </c>
      <c r="AN39" s="219">
        <v>18</v>
      </c>
      <c r="AO39" s="240">
        <v>137</v>
      </c>
      <c r="AP39" s="221">
        <v>137</v>
      </c>
      <c r="AQ39" s="222">
        <v>0</v>
      </c>
      <c r="AR39" s="219">
        <v>0</v>
      </c>
      <c r="AS39" s="240">
        <v>0</v>
      </c>
      <c r="AT39" s="220">
        <v>14</v>
      </c>
      <c r="AU39" s="218">
        <v>16</v>
      </c>
      <c r="AV39" s="218">
        <v>36</v>
      </c>
      <c r="AW39" s="218">
        <v>50</v>
      </c>
      <c r="AX39" s="219">
        <v>18</v>
      </c>
      <c r="AY39" s="240">
        <v>134</v>
      </c>
      <c r="AZ39" s="241">
        <v>134</v>
      </c>
      <c r="BA39" s="217">
        <v>0</v>
      </c>
      <c r="BB39" s="219">
        <v>0</v>
      </c>
      <c r="BC39" s="219">
        <v>0</v>
      </c>
      <c r="BD39" s="220">
        <v>0</v>
      </c>
      <c r="BE39" s="218">
        <v>0</v>
      </c>
      <c r="BF39" s="218">
        <v>0</v>
      </c>
      <c r="BG39" s="218">
        <v>3</v>
      </c>
      <c r="BH39" s="219">
        <v>0</v>
      </c>
      <c r="BI39" s="240">
        <v>3</v>
      </c>
      <c r="BJ39" s="242">
        <v>3</v>
      </c>
      <c r="BK39" s="222">
        <v>0</v>
      </c>
      <c r="BL39" s="219">
        <v>0</v>
      </c>
      <c r="BM39" s="219">
        <v>0</v>
      </c>
      <c r="BN39" s="220">
        <v>0</v>
      </c>
      <c r="BO39" s="218">
        <v>0</v>
      </c>
      <c r="BP39" s="218">
        <v>0</v>
      </c>
      <c r="BQ39" s="218">
        <v>0</v>
      </c>
      <c r="BR39" s="219">
        <v>0</v>
      </c>
      <c r="BS39" s="240">
        <v>0</v>
      </c>
      <c r="BT39" s="241">
        <v>0</v>
      </c>
      <c r="BU39" s="217">
        <v>0</v>
      </c>
      <c r="BV39" s="219">
        <v>0</v>
      </c>
      <c r="BW39" s="219">
        <v>0</v>
      </c>
      <c r="BX39" s="220">
        <v>0</v>
      </c>
      <c r="BY39" s="218">
        <v>0</v>
      </c>
      <c r="BZ39" s="218">
        <v>0</v>
      </c>
      <c r="CA39" s="218">
        <v>0</v>
      </c>
      <c r="CB39" s="219">
        <v>0</v>
      </c>
      <c r="CC39" s="240">
        <v>0</v>
      </c>
      <c r="CD39" s="242">
        <v>0</v>
      </c>
      <c r="CE39" s="222">
        <v>0</v>
      </c>
      <c r="CF39" s="219">
        <v>0</v>
      </c>
      <c r="CG39" s="219">
        <v>0</v>
      </c>
      <c r="CH39" s="220">
        <v>0</v>
      </c>
      <c r="CI39" s="218">
        <v>0</v>
      </c>
      <c r="CJ39" s="218">
        <v>0</v>
      </c>
      <c r="CK39" s="218">
        <v>0</v>
      </c>
      <c r="CL39" s="219">
        <v>0</v>
      </c>
      <c r="CM39" s="240">
        <v>0</v>
      </c>
      <c r="CN39" s="242">
        <v>0</v>
      </c>
      <c r="CO39" s="222">
        <v>0</v>
      </c>
      <c r="CP39" s="219">
        <v>0</v>
      </c>
      <c r="CQ39" s="219">
        <v>0</v>
      </c>
      <c r="CR39" s="220">
        <v>0</v>
      </c>
      <c r="CS39" s="218">
        <v>0</v>
      </c>
      <c r="CT39" s="218">
        <v>0</v>
      </c>
      <c r="CU39" s="218">
        <v>8</v>
      </c>
      <c r="CV39" s="219">
        <v>4</v>
      </c>
      <c r="CW39" s="240">
        <v>12</v>
      </c>
      <c r="CX39" s="241">
        <v>12</v>
      </c>
      <c r="CY39" s="217">
        <v>0</v>
      </c>
      <c r="CZ39" s="219">
        <v>0</v>
      </c>
      <c r="DA39" s="219">
        <v>0</v>
      </c>
      <c r="DB39" s="220">
        <v>0</v>
      </c>
      <c r="DC39" s="218">
        <v>0</v>
      </c>
      <c r="DD39" s="218">
        <v>0</v>
      </c>
      <c r="DE39" s="218">
        <v>7</v>
      </c>
      <c r="DF39" s="219">
        <v>4</v>
      </c>
      <c r="DG39" s="240">
        <v>11</v>
      </c>
      <c r="DH39" s="242">
        <v>11</v>
      </c>
      <c r="DI39" s="222">
        <v>0</v>
      </c>
      <c r="DJ39" s="219">
        <v>0</v>
      </c>
      <c r="DK39" s="219">
        <v>0</v>
      </c>
      <c r="DL39" s="220">
        <v>0</v>
      </c>
      <c r="DM39" s="218">
        <v>0</v>
      </c>
      <c r="DN39" s="218">
        <v>0</v>
      </c>
      <c r="DO39" s="218">
        <v>1</v>
      </c>
      <c r="DP39" s="219">
        <v>0</v>
      </c>
      <c r="DQ39" s="240">
        <v>1</v>
      </c>
      <c r="DR39" s="242">
        <v>1</v>
      </c>
      <c r="DS39" s="222">
        <v>0</v>
      </c>
      <c r="DT39" s="219">
        <v>0</v>
      </c>
      <c r="DU39" s="219">
        <v>0</v>
      </c>
      <c r="DV39" s="220">
        <v>14</v>
      </c>
      <c r="DW39" s="218">
        <v>20</v>
      </c>
      <c r="DX39" s="218">
        <v>101</v>
      </c>
      <c r="DY39" s="218">
        <v>149</v>
      </c>
      <c r="DZ39" s="219">
        <v>83</v>
      </c>
      <c r="EA39" s="240">
        <v>367</v>
      </c>
      <c r="EB39" s="242">
        <v>367</v>
      </c>
      <c r="EC39" s="239"/>
    </row>
    <row r="40" spans="2:133" ht="21" customHeight="1" thickBot="1" x14ac:dyDescent="0.25">
      <c r="B40" s="108" t="s">
        <v>37</v>
      </c>
      <c r="C40" s="223">
        <v>0</v>
      </c>
      <c r="D40" s="225">
        <v>0</v>
      </c>
      <c r="E40" s="225">
        <v>0</v>
      </c>
      <c r="F40" s="226">
        <v>0</v>
      </c>
      <c r="G40" s="224">
        <v>0</v>
      </c>
      <c r="H40" s="224">
        <v>7</v>
      </c>
      <c r="I40" s="224">
        <v>8</v>
      </c>
      <c r="J40" s="225">
        <v>7</v>
      </c>
      <c r="K40" s="243">
        <v>22</v>
      </c>
      <c r="L40" s="244">
        <v>22</v>
      </c>
      <c r="M40" s="223">
        <v>0</v>
      </c>
      <c r="N40" s="225">
        <v>0</v>
      </c>
      <c r="O40" s="243">
        <v>0</v>
      </c>
      <c r="P40" s="226">
        <v>0</v>
      </c>
      <c r="Q40" s="224">
        <v>0</v>
      </c>
      <c r="R40" s="224">
        <v>7</v>
      </c>
      <c r="S40" s="224">
        <v>8</v>
      </c>
      <c r="T40" s="225">
        <v>7</v>
      </c>
      <c r="U40" s="243">
        <v>22</v>
      </c>
      <c r="V40" s="245">
        <v>22</v>
      </c>
      <c r="W40" s="228">
        <v>0</v>
      </c>
      <c r="X40" s="225">
        <v>0</v>
      </c>
      <c r="Y40" s="243">
        <v>0</v>
      </c>
      <c r="Z40" s="228">
        <v>0</v>
      </c>
      <c r="AA40" s="224">
        <v>0</v>
      </c>
      <c r="AB40" s="224">
        <v>0</v>
      </c>
      <c r="AC40" s="224">
        <v>0</v>
      </c>
      <c r="AD40" s="225">
        <v>0</v>
      </c>
      <c r="AE40" s="243">
        <v>0</v>
      </c>
      <c r="AF40" s="227">
        <v>0</v>
      </c>
      <c r="AG40" s="228">
        <v>0</v>
      </c>
      <c r="AH40" s="225">
        <v>0</v>
      </c>
      <c r="AI40" s="243">
        <v>0</v>
      </c>
      <c r="AJ40" s="228">
        <v>1</v>
      </c>
      <c r="AK40" s="224">
        <v>2</v>
      </c>
      <c r="AL40" s="224">
        <v>6</v>
      </c>
      <c r="AM40" s="224">
        <v>3</v>
      </c>
      <c r="AN40" s="225">
        <v>4</v>
      </c>
      <c r="AO40" s="243">
        <v>16</v>
      </c>
      <c r="AP40" s="227">
        <v>16</v>
      </c>
      <c r="AQ40" s="228">
        <v>0</v>
      </c>
      <c r="AR40" s="225">
        <v>0</v>
      </c>
      <c r="AS40" s="243">
        <v>0</v>
      </c>
      <c r="AT40" s="226">
        <v>1</v>
      </c>
      <c r="AU40" s="224">
        <v>2</v>
      </c>
      <c r="AV40" s="224">
        <v>6</v>
      </c>
      <c r="AW40" s="224">
        <v>3</v>
      </c>
      <c r="AX40" s="225">
        <v>4</v>
      </c>
      <c r="AY40" s="243">
        <v>16</v>
      </c>
      <c r="AZ40" s="244">
        <v>16</v>
      </c>
      <c r="BA40" s="223">
        <v>0</v>
      </c>
      <c r="BB40" s="225">
        <v>0</v>
      </c>
      <c r="BC40" s="225">
        <v>0</v>
      </c>
      <c r="BD40" s="226">
        <v>0</v>
      </c>
      <c r="BE40" s="224">
        <v>0</v>
      </c>
      <c r="BF40" s="224">
        <v>0</v>
      </c>
      <c r="BG40" s="224">
        <v>0</v>
      </c>
      <c r="BH40" s="225">
        <v>0</v>
      </c>
      <c r="BI40" s="243">
        <v>0</v>
      </c>
      <c r="BJ40" s="245">
        <v>0</v>
      </c>
      <c r="BK40" s="228">
        <v>0</v>
      </c>
      <c r="BL40" s="225">
        <v>0</v>
      </c>
      <c r="BM40" s="225">
        <v>0</v>
      </c>
      <c r="BN40" s="226">
        <v>0</v>
      </c>
      <c r="BO40" s="224">
        <v>0</v>
      </c>
      <c r="BP40" s="224">
        <v>0</v>
      </c>
      <c r="BQ40" s="224">
        <v>0</v>
      </c>
      <c r="BR40" s="225">
        <v>0</v>
      </c>
      <c r="BS40" s="243">
        <v>0</v>
      </c>
      <c r="BT40" s="244">
        <v>0</v>
      </c>
      <c r="BU40" s="223">
        <v>0</v>
      </c>
      <c r="BV40" s="225">
        <v>0</v>
      </c>
      <c r="BW40" s="225">
        <v>0</v>
      </c>
      <c r="BX40" s="226">
        <v>0</v>
      </c>
      <c r="BY40" s="224">
        <v>0</v>
      </c>
      <c r="BZ40" s="224">
        <v>0</v>
      </c>
      <c r="CA40" s="224">
        <v>0</v>
      </c>
      <c r="CB40" s="225">
        <v>0</v>
      </c>
      <c r="CC40" s="243">
        <v>0</v>
      </c>
      <c r="CD40" s="245">
        <v>0</v>
      </c>
      <c r="CE40" s="228">
        <v>0</v>
      </c>
      <c r="CF40" s="225">
        <v>0</v>
      </c>
      <c r="CG40" s="225">
        <v>0</v>
      </c>
      <c r="CH40" s="226">
        <v>0</v>
      </c>
      <c r="CI40" s="224">
        <v>0</v>
      </c>
      <c r="CJ40" s="224">
        <v>0</v>
      </c>
      <c r="CK40" s="224">
        <v>0</v>
      </c>
      <c r="CL40" s="225">
        <v>0</v>
      </c>
      <c r="CM40" s="243">
        <v>0</v>
      </c>
      <c r="CN40" s="245">
        <v>0</v>
      </c>
      <c r="CO40" s="228">
        <v>0</v>
      </c>
      <c r="CP40" s="225">
        <v>0</v>
      </c>
      <c r="CQ40" s="225">
        <v>0</v>
      </c>
      <c r="CR40" s="226">
        <v>0</v>
      </c>
      <c r="CS40" s="224">
        <v>0</v>
      </c>
      <c r="CT40" s="224">
        <v>0</v>
      </c>
      <c r="CU40" s="224">
        <v>0</v>
      </c>
      <c r="CV40" s="225">
        <v>1</v>
      </c>
      <c r="CW40" s="243">
        <v>1</v>
      </c>
      <c r="CX40" s="244">
        <v>1</v>
      </c>
      <c r="CY40" s="223">
        <v>0</v>
      </c>
      <c r="CZ40" s="225">
        <v>0</v>
      </c>
      <c r="DA40" s="225">
        <v>0</v>
      </c>
      <c r="DB40" s="226">
        <v>0</v>
      </c>
      <c r="DC40" s="224">
        <v>0</v>
      </c>
      <c r="DD40" s="224">
        <v>0</v>
      </c>
      <c r="DE40" s="224">
        <v>0</v>
      </c>
      <c r="DF40" s="225">
        <v>1</v>
      </c>
      <c r="DG40" s="243">
        <v>1</v>
      </c>
      <c r="DH40" s="245">
        <v>1</v>
      </c>
      <c r="DI40" s="228">
        <v>0</v>
      </c>
      <c r="DJ40" s="225">
        <v>0</v>
      </c>
      <c r="DK40" s="225">
        <v>0</v>
      </c>
      <c r="DL40" s="226">
        <v>0</v>
      </c>
      <c r="DM40" s="224">
        <v>0</v>
      </c>
      <c r="DN40" s="224">
        <v>0</v>
      </c>
      <c r="DO40" s="224">
        <v>0</v>
      </c>
      <c r="DP40" s="225">
        <v>0</v>
      </c>
      <c r="DQ40" s="243">
        <v>0</v>
      </c>
      <c r="DR40" s="245">
        <v>0</v>
      </c>
      <c r="DS40" s="228">
        <v>0</v>
      </c>
      <c r="DT40" s="225">
        <v>0</v>
      </c>
      <c r="DU40" s="225">
        <v>0</v>
      </c>
      <c r="DV40" s="226">
        <v>1</v>
      </c>
      <c r="DW40" s="224">
        <v>2</v>
      </c>
      <c r="DX40" s="224">
        <v>12</v>
      </c>
      <c r="DY40" s="224">
        <v>11</v>
      </c>
      <c r="DZ40" s="225">
        <v>12</v>
      </c>
      <c r="EA40" s="243">
        <v>38</v>
      </c>
      <c r="EB40" s="245">
        <v>38</v>
      </c>
      <c r="EC40" s="239"/>
    </row>
    <row r="41" spans="2:133" x14ac:dyDescent="0.2">
      <c r="C41" s="246"/>
      <c r="D41" s="246"/>
      <c r="E41" s="246"/>
      <c r="F41" s="246"/>
      <c r="G41" s="246"/>
      <c r="H41" s="246"/>
      <c r="I41" s="246"/>
      <c r="J41" s="246"/>
      <c r="K41" s="246"/>
      <c r="L41" s="246"/>
      <c r="M41" s="246"/>
      <c r="N41" s="246"/>
      <c r="O41" s="246"/>
      <c r="P41" s="246"/>
      <c r="Q41" s="246"/>
      <c r="R41" s="246"/>
      <c r="S41" s="246"/>
      <c r="T41" s="246"/>
      <c r="U41" s="246"/>
      <c r="V41" s="246"/>
      <c r="W41" s="246"/>
      <c r="X41" s="246"/>
      <c r="Y41" s="246"/>
      <c r="Z41" s="246"/>
      <c r="AA41" s="246"/>
      <c r="AB41" s="246"/>
      <c r="AC41" s="246"/>
      <c r="AD41" s="246"/>
      <c r="AE41" s="246"/>
      <c r="AF41" s="246"/>
      <c r="AG41" s="239"/>
      <c r="AH41" s="239"/>
      <c r="AI41" s="239"/>
      <c r="AJ41" s="239"/>
      <c r="AK41" s="239"/>
      <c r="AL41" s="239"/>
      <c r="AM41" s="239"/>
      <c r="AN41" s="239"/>
      <c r="AO41" s="239"/>
      <c r="AP41" s="239"/>
      <c r="AQ41" s="239"/>
      <c r="AR41" s="239"/>
      <c r="AS41" s="239"/>
      <c r="AT41" s="239"/>
      <c r="AU41" s="239"/>
      <c r="AV41" s="239"/>
      <c r="AW41" s="239"/>
      <c r="AX41" s="239"/>
      <c r="AY41" s="239"/>
      <c r="AZ41" s="239"/>
      <c r="BA41" s="239"/>
      <c r="BB41" s="239"/>
      <c r="BC41" s="239"/>
      <c r="BD41" s="239"/>
      <c r="BE41" s="239"/>
      <c r="BF41" s="239"/>
      <c r="BG41" s="239"/>
      <c r="BH41" s="239"/>
      <c r="BI41" s="239"/>
      <c r="BJ41" s="239"/>
      <c r="BK41" s="239"/>
      <c r="BL41" s="239"/>
      <c r="BM41" s="239"/>
      <c r="BN41" s="239"/>
      <c r="BO41" s="239"/>
      <c r="BP41" s="239"/>
      <c r="BQ41" s="239"/>
      <c r="BR41" s="239"/>
      <c r="BS41" s="239"/>
      <c r="BT41" s="239"/>
      <c r="BU41" s="239"/>
      <c r="BV41" s="239"/>
      <c r="BW41" s="239"/>
      <c r="BX41" s="239"/>
      <c r="BY41" s="239"/>
      <c r="BZ41" s="239"/>
      <c r="CA41" s="239"/>
      <c r="CB41" s="239"/>
      <c r="CC41" s="239"/>
      <c r="CD41" s="239"/>
      <c r="CE41" s="239"/>
      <c r="CF41" s="239"/>
      <c r="CG41" s="239"/>
      <c r="CH41" s="239"/>
      <c r="CI41" s="239"/>
      <c r="CJ41" s="239"/>
      <c r="CK41" s="239"/>
      <c r="CL41" s="239"/>
      <c r="CM41" s="239"/>
      <c r="CN41" s="239"/>
      <c r="CO41" s="239"/>
      <c r="CP41" s="239"/>
      <c r="CQ41" s="239"/>
      <c r="CR41" s="239"/>
      <c r="CS41" s="239"/>
      <c r="CT41" s="239"/>
      <c r="CU41" s="239"/>
      <c r="CV41" s="239"/>
      <c r="CW41" s="239"/>
      <c r="CX41" s="239"/>
      <c r="CY41" s="239"/>
      <c r="CZ41" s="239"/>
      <c r="DA41" s="239"/>
      <c r="DB41" s="239"/>
      <c r="DC41" s="239"/>
      <c r="DD41" s="239"/>
      <c r="DE41" s="239"/>
      <c r="DF41" s="239"/>
      <c r="DG41" s="239"/>
      <c r="DH41" s="239"/>
      <c r="DI41" s="239"/>
      <c r="DJ41" s="239"/>
      <c r="DK41" s="239"/>
      <c r="DL41" s="239"/>
      <c r="DM41" s="239"/>
      <c r="DN41" s="239"/>
      <c r="DO41" s="239"/>
      <c r="DP41" s="239"/>
      <c r="DQ41" s="239"/>
      <c r="DR41" s="239"/>
      <c r="DS41" s="239"/>
      <c r="DT41" s="239"/>
      <c r="DU41" s="239"/>
      <c r="DV41" s="239"/>
      <c r="DW41" s="239"/>
      <c r="DX41" s="239"/>
      <c r="DY41" s="239"/>
      <c r="DZ41" s="239"/>
      <c r="EA41" s="239"/>
      <c r="EB41" s="239"/>
      <c r="EC41" s="239"/>
    </row>
    <row r="42" spans="2:133" x14ac:dyDescent="0.2">
      <c r="C42" s="246"/>
      <c r="D42" s="246"/>
      <c r="E42" s="246"/>
      <c r="F42" s="246"/>
      <c r="G42" s="246"/>
      <c r="H42" s="246"/>
      <c r="I42" s="246"/>
      <c r="J42" s="246"/>
      <c r="K42" s="246"/>
      <c r="L42" s="246"/>
      <c r="M42" s="246"/>
      <c r="N42" s="246"/>
      <c r="O42" s="246"/>
      <c r="P42" s="246"/>
      <c r="Q42" s="246"/>
      <c r="R42" s="246"/>
      <c r="S42" s="246"/>
      <c r="T42" s="246"/>
      <c r="U42" s="246"/>
      <c r="V42" s="246"/>
      <c r="W42" s="246"/>
      <c r="X42" s="246"/>
      <c r="Y42" s="246"/>
      <c r="Z42" s="246"/>
      <c r="AA42" s="246"/>
      <c r="AB42" s="246"/>
      <c r="AC42" s="246"/>
      <c r="AD42" s="246"/>
      <c r="AE42" s="246"/>
      <c r="AF42" s="246"/>
      <c r="AG42" s="239"/>
      <c r="AH42" s="239"/>
      <c r="AI42" s="239"/>
      <c r="AJ42" s="239"/>
      <c r="AK42" s="239"/>
      <c r="AL42" s="239"/>
      <c r="AM42" s="239"/>
      <c r="AN42" s="239"/>
      <c r="AO42" s="239"/>
      <c r="AP42" s="239"/>
      <c r="AQ42" s="239"/>
      <c r="AR42" s="239"/>
      <c r="AS42" s="239"/>
      <c r="AT42" s="239"/>
      <c r="AU42" s="239"/>
      <c r="AV42" s="239"/>
      <c r="AW42" s="239"/>
      <c r="AX42" s="239"/>
      <c r="AY42" s="239"/>
      <c r="AZ42" s="239"/>
      <c r="BA42" s="239"/>
      <c r="BB42" s="239"/>
      <c r="BC42" s="239"/>
      <c r="BD42" s="239"/>
      <c r="BE42" s="239"/>
      <c r="BF42" s="239"/>
      <c r="BG42" s="239"/>
      <c r="BH42" s="239"/>
      <c r="BI42" s="239"/>
      <c r="BJ42" s="239"/>
      <c r="BK42" s="239"/>
      <c r="BL42" s="239"/>
      <c r="BM42" s="239"/>
      <c r="BN42" s="239"/>
      <c r="BO42" s="239"/>
      <c r="BP42" s="239"/>
      <c r="BQ42" s="239"/>
      <c r="BR42" s="239"/>
      <c r="BS42" s="239"/>
      <c r="BT42" s="239"/>
      <c r="BU42" s="239"/>
      <c r="BV42" s="239"/>
      <c r="BW42" s="239"/>
      <c r="BX42" s="239"/>
      <c r="BY42" s="239"/>
      <c r="BZ42" s="239"/>
      <c r="CA42" s="239"/>
      <c r="CB42" s="239"/>
      <c r="CC42" s="239"/>
      <c r="CD42" s="239"/>
      <c r="CE42" s="239"/>
      <c r="CF42" s="239"/>
      <c r="CG42" s="239"/>
      <c r="CH42" s="239"/>
      <c r="CI42" s="239"/>
      <c r="CJ42" s="239"/>
      <c r="CK42" s="239"/>
      <c r="CL42" s="239"/>
      <c r="CM42" s="239"/>
      <c r="CN42" s="239"/>
      <c r="CO42" s="239"/>
      <c r="CP42" s="239"/>
      <c r="CQ42" s="239"/>
      <c r="CR42" s="239"/>
      <c r="CS42" s="239"/>
      <c r="CT42" s="239"/>
      <c r="CU42" s="239"/>
      <c r="CV42" s="239"/>
      <c r="CW42" s="239"/>
      <c r="CX42" s="239"/>
      <c r="CY42" s="239"/>
      <c r="CZ42" s="239"/>
      <c r="DA42" s="239"/>
      <c r="DB42" s="239"/>
      <c r="DC42" s="239"/>
      <c r="DD42" s="239"/>
      <c r="DE42" s="239"/>
      <c r="DF42" s="239"/>
      <c r="DG42" s="239"/>
      <c r="DH42" s="239"/>
      <c r="DI42" s="239"/>
      <c r="DJ42" s="239"/>
      <c r="DK42" s="239"/>
      <c r="DL42" s="239"/>
      <c r="DM42" s="239"/>
      <c r="DN42" s="239"/>
      <c r="DO42" s="239"/>
      <c r="DP42" s="239"/>
      <c r="DQ42" s="239"/>
      <c r="DR42" s="239"/>
      <c r="DS42" s="239"/>
      <c r="DT42" s="239"/>
      <c r="DU42" s="239"/>
      <c r="DV42" s="239"/>
      <c r="DW42" s="239"/>
      <c r="DX42" s="239"/>
      <c r="DY42" s="239"/>
      <c r="DZ42" s="239"/>
      <c r="EA42" s="239"/>
      <c r="EB42" s="239"/>
      <c r="EC42" s="239"/>
    </row>
    <row r="43" spans="2:133" x14ac:dyDescent="0.2">
      <c r="C43" s="246"/>
      <c r="D43" s="246"/>
      <c r="E43" s="246"/>
      <c r="F43" s="246"/>
      <c r="G43" s="246"/>
      <c r="H43" s="246"/>
      <c r="I43" s="246"/>
      <c r="J43" s="246"/>
      <c r="K43" s="246"/>
      <c r="L43" s="246"/>
      <c r="M43" s="246"/>
      <c r="N43" s="246"/>
      <c r="O43" s="246"/>
      <c r="P43" s="246"/>
      <c r="Q43" s="246"/>
      <c r="R43" s="246"/>
      <c r="S43" s="246"/>
      <c r="T43" s="246"/>
      <c r="U43" s="246"/>
      <c r="V43" s="246"/>
      <c r="W43" s="246"/>
      <c r="X43" s="246"/>
      <c r="Y43" s="246"/>
      <c r="Z43" s="246"/>
      <c r="AA43" s="246"/>
      <c r="AB43" s="246"/>
      <c r="AC43" s="246"/>
      <c r="AD43" s="246"/>
      <c r="AE43" s="246"/>
      <c r="AF43" s="246"/>
      <c r="AG43" s="239"/>
      <c r="AH43" s="239"/>
      <c r="AI43" s="239"/>
      <c r="AJ43" s="239"/>
      <c r="AK43" s="239"/>
      <c r="AL43" s="239"/>
      <c r="AM43" s="239"/>
      <c r="AN43" s="239"/>
      <c r="AO43" s="239"/>
      <c r="AP43" s="239"/>
      <c r="AQ43" s="239"/>
      <c r="AR43" s="239"/>
      <c r="AS43" s="239"/>
      <c r="AT43" s="239"/>
      <c r="AU43" s="239"/>
      <c r="AV43" s="239"/>
      <c r="AW43" s="239"/>
      <c r="AX43" s="239"/>
      <c r="AY43" s="239"/>
      <c r="AZ43" s="239"/>
      <c r="BA43" s="239"/>
      <c r="BB43" s="239"/>
      <c r="BC43" s="239"/>
      <c r="BD43" s="239"/>
      <c r="BE43" s="239"/>
      <c r="BF43" s="239"/>
      <c r="BG43" s="239"/>
      <c r="BH43" s="239"/>
      <c r="BI43" s="239"/>
      <c r="BJ43" s="239"/>
      <c r="BK43" s="239"/>
      <c r="BL43" s="239"/>
      <c r="BM43" s="239"/>
      <c r="BN43" s="239"/>
      <c r="BO43" s="239"/>
      <c r="BP43" s="239"/>
      <c r="BQ43" s="239"/>
      <c r="BR43" s="239"/>
      <c r="BS43" s="239"/>
      <c r="BT43" s="239"/>
      <c r="BU43" s="239"/>
      <c r="BV43" s="239"/>
      <c r="BW43" s="239"/>
      <c r="BX43" s="239"/>
      <c r="BY43" s="239"/>
      <c r="BZ43" s="239"/>
      <c r="CA43" s="239"/>
      <c r="CB43" s="239"/>
      <c r="CC43" s="239"/>
      <c r="CD43" s="239"/>
      <c r="CE43" s="239"/>
      <c r="CF43" s="239"/>
      <c r="CG43" s="239"/>
      <c r="CH43" s="239"/>
      <c r="CI43" s="239"/>
      <c r="CJ43" s="239"/>
      <c r="CK43" s="239"/>
      <c r="CL43" s="239"/>
      <c r="CM43" s="239"/>
      <c r="CN43" s="239"/>
      <c r="CO43" s="239"/>
      <c r="CP43" s="239"/>
      <c r="CQ43" s="239"/>
      <c r="CR43" s="239"/>
      <c r="CS43" s="239"/>
      <c r="CT43" s="239"/>
      <c r="CU43" s="239"/>
      <c r="CV43" s="239"/>
      <c r="CW43" s="239"/>
      <c r="CX43" s="239"/>
      <c r="CY43" s="239"/>
      <c r="CZ43" s="239"/>
      <c r="DA43" s="239"/>
      <c r="DB43" s="239"/>
      <c r="DC43" s="239"/>
      <c r="DD43" s="239"/>
      <c r="DE43" s="239"/>
      <c r="DF43" s="239"/>
      <c r="DG43" s="239"/>
      <c r="DH43" s="239"/>
      <c r="DI43" s="239"/>
      <c r="DJ43" s="239"/>
      <c r="DK43" s="239"/>
      <c r="DL43" s="239"/>
      <c r="DM43" s="239"/>
      <c r="DN43" s="239"/>
      <c r="DO43" s="239"/>
      <c r="DP43" s="239"/>
      <c r="DQ43" s="239"/>
      <c r="DR43" s="239"/>
      <c r="DS43" s="239"/>
      <c r="DT43" s="239"/>
      <c r="DU43" s="239"/>
      <c r="DV43" s="239"/>
      <c r="DW43" s="239"/>
      <c r="DX43" s="239"/>
      <c r="DY43" s="239"/>
      <c r="DZ43" s="239"/>
      <c r="EA43" s="239"/>
      <c r="EB43" s="239"/>
      <c r="EC43" s="239"/>
    </row>
    <row r="44" spans="2:133" x14ac:dyDescent="0.2">
      <c r="C44" s="246"/>
      <c r="D44" s="246"/>
      <c r="E44" s="246"/>
      <c r="F44" s="246"/>
      <c r="G44" s="246"/>
      <c r="H44" s="246"/>
      <c r="I44" s="246"/>
      <c r="J44" s="246"/>
      <c r="K44" s="246"/>
      <c r="L44" s="246"/>
      <c r="M44" s="246"/>
      <c r="N44" s="246"/>
      <c r="O44" s="246"/>
      <c r="P44" s="246"/>
      <c r="Q44" s="246"/>
      <c r="R44" s="246"/>
      <c r="S44" s="246"/>
      <c r="T44" s="246"/>
      <c r="U44" s="246"/>
      <c r="V44" s="246"/>
      <c r="W44" s="246"/>
      <c r="X44" s="246"/>
      <c r="Y44" s="246"/>
      <c r="Z44" s="246"/>
      <c r="AA44" s="246"/>
      <c r="AB44" s="246"/>
      <c r="AC44" s="246"/>
      <c r="AD44" s="246"/>
      <c r="AE44" s="246"/>
      <c r="AF44" s="246"/>
      <c r="AG44" s="239"/>
      <c r="AH44" s="239"/>
      <c r="AI44" s="239"/>
      <c r="AJ44" s="239"/>
      <c r="AK44" s="239"/>
      <c r="AL44" s="239"/>
      <c r="AM44" s="239"/>
      <c r="AN44" s="239"/>
      <c r="AO44" s="239"/>
      <c r="AP44" s="239"/>
      <c r="AQ44" s="239"/>
      <c r="AR44" s="239"/>
      <c r="AS44" s="239"/>
      <c r="AT44" s="239"/>
      <c r="AU44" s="239"/>
      <c r="AV44" s="239"/>
      <c r="AW44" s="239"/>
      <c r="AX44" s="239"/>
      <c r="AY44" s="239"/>
      <c r="AZ44" s="239"/>
      <c r="BA44" s="239"/>
      <c r="BB44" s="239"/>
      <c r="BC44" s="239"/>
      <c r="BD44" s="239"/>
      <c r="BE44" s="239"/>
      <c r="BF44" s="239"/>
      <c r="BG44" s="239"/>
      <c r="BH44" s="239"/>
      <c r="BI44" s="239"/>
      <c r="BJ44" s="239"/>
      <c r="BK44" s="239"/>
      <c r="BL44" s="239"/>
      <c r="BM44" s="239"/>
      <c r="BN44" s="239"/>
      <c r="BO44" s="239"/>
      <c r="BP44" s="239"/>
      <c r="BQ44" s="239"/>
      <c r="BR44" s="239"/>
      <c r="BS44" s="239"/>
      <c r="BT44" s="239"/>
      <c r="BU44" s="239"/>
      <c r="BV44" s="239"/>
      <c r="BW44" s="239"/>
      <c r="BX44" s="239"/>
      <c r="BY44" s="239"/>
      <c r="BZ44" s="239"/>
      <c r="CA44" s="239"/>
      <c r="CB44" s="239"/>
      <c r="CC44" s="239"/>
      <c r="CD44" s="239"/>
      <c r="CE44" s="239"/>
      <c r="CF44" s="239"/>
      <c r="CG44" s="239"/>
      <c r="CH44" s="239"/>
      <c r="CI44" s="239"/>
      <c r="CJ44" s="239"/>
      <c r="CK44" s="239"/>
      <c r="CL44" s="239"/>
      <c r="CM44" s="239"/>
      <c r="CN44" s="239"/>
      <c r="CO44" s="239"/>
      <c r="CP44" s="239"/>
      <c r="CQ44" s="239"/>
      <c r="CR44" s="239"/>
      <c r="CS44" s="239"/>
      <c r="CT44" s="239"/>
      <c r="CU44" s="239"/>
      <c r="CV44" s="239"/>
      <c r="CW44" s="239"/>
      <c r="CX44" s="239"/>
      <c r="CY44" s="239"/>
      <c r="CZ44" s="239"/>
      <c r="DA44" s="239"/>
      <c r="DB44" s="239"/>
      <c r="DC44" s="239"/>
      <c r="DD44" s="239"/>
      <c r="DE44" s="239"/>
      <c r="DF44" s="239"/>
      <c r="DG44" s="239"/>
      <c r="DH44" s="239"/>
      <c r="DI44" s="239"/>
      <c r="DJ44" s="239"/>
      <c r="DK44" s="239"/>
      <c r="DL44" s="239"/>
      <c r="DM44" s="239"/>
      <c r="DN44" s="239"/>
      <c r="DO44" s="239"/>
      <c r="DP44" s="239"/>
      <c r="DQ44" s="239"/>
      <c r="DR44" s="239"/>
      <c r="DS44" s="239"/>
      <c r="DT44" s="239"/>
      <c r="DU44" s="239"/>
      <c r="DV44" s="239"/>
      <c r="DW44" s="239"/>
      <c r="DX44" s="239"/>
      <c r="DY44" s="239"/>
      <c r="DZ44" s="239"/>
      <c r="EA44" s="239"/>
      <c r="EB44" s="239"/>
      <c r="EC44" s="239"/>
    </row>
    <row r="45" spans="2:133" x14ac:dyDescent="0.2">
      <c r="C45" s="246"/>
      <c r="D45" s="246"/>
      <c r="E45" s="246"/>
      <c r="F45" s="246"/>
      <c r="G45" s="246"/>
      <c r="H45" s="246"/>
      <c r="I45" s="246"/>
      <c r="J45" s="246"/>
      <c r="K45" s="246"/>
      <c r="L45" s="246"/>
      <c r="M45" s="246"/>
      <c r="N45" s="246"/>
      <c r="O45" s="246"/>
      <c r="P45" s="246"/>
      <c r="Q45" s="246"/>
      <c r="R45" s="246"/>
      <c r="S45" s="246"/>
      <c r="T45" s="246"/>
      <c r="U45" s="246"/>
      <c r="V45" s="246"/>
      <c r="W45" s="246"/>
      <c r="X45" s="246"/>
      <c r="Y45" s="246"/>
      <c r="Z45" s="246"/>
      <c r="AA45" s="246"/>
      <c r="AB45" s="246"/>
      <c r="AC45" s="246"/>
      <c r="AD45" s="246"/>
      <c r="AE45" s="246"/>
      <c r="AF45" s="246"/>
      <c r="AG45" s="239"/>
      <c r="AH45" s="239"/>
      <c r="AI45" s="239"/>
      <c r="AJ45" s="239"/>
      <c r="AK45" s="239"/>
      <c r="AL45" s="239"/>
      <c r="AM45" s="239"/>
      <c r="AN45" s="239"/>
      <c r="AO45" s="239"/>
      <c r="AP45" s="239"/>
      <c r="AQ45" s="239"/>
      <c r="AR45" s="239"/>
      <c r="AS45" s="239"/>
      <c r="AT45" s="239"/>
      <c r="AU45" s="239"/>
      <c r="AV45" s="239"/>
      <c r="AW45" s="239"/>
      <c r="AX45" s="239"/>
      <c r="AY45" s="239"/>
      <c r="AZ45" s="239"/>
      <c r="BA45" s="239"/>
      <c r="BB45" s="239"/>
      <c r="BC45" s="239"/>
      <c r="BD45" s="239"/>
      <c r="BE45" s="239"/>
      <c r="BF45" s="239"/>
      <c r="BG45" s="239"/>
      <c r="BH45" s="239"/>
      <c r="BI45" s="239"/>
      <c r="BJ45" s="239"/>
      <c r="BK45" s="239"/>
      <c r="BL45" s="239"/>
      <c r="BM45" s="239"/>
      <c r="BN45" s="239"/>
      <c r="BO45" s="239"/>
      <c r="BP45" s="239"/>
      <c r="BQ45" s="239"/>
      <c r="BR45" s="239"/>
      <c r="BS45" s="239"/>
      <c r="BT45" s="239"/>
      <c r="BU45" s="239"/>
      <c r="BV45" s="239"/>
      <c r="BW45" s="239"/>
      <c r="BX45" s="239"/>
      <c r="BY45" s="239"/>
      <c r="BZ45" s="239"/>
      <c r="CA45" s="239"/>
      <c r="CB45" s="239"/>
      <c r="CC45" s="239"/>
      <c r="CD45" s="239"/>
      <c r="CE45" s="239"/>
      <c r="CF45" s="239"/>
      <c r="CG45" s="239"/>
      <c r="CH45" s="239"/>
      <c r="CI45" s="239"/>
      <c r="CJ45" s="239"/>
      <c r="CK45" s="239"/>
      <c r="CL45" s="239"/>
      <c r="CM45" s="239"/>
      <c r="CN45" s="239"/>
      <c r="CO45" s="239"/>
      <c r="CP45" s="239"/>
      <c r="CQ45" s="239"/>
      <c r="CR45" s="239"/>
      <c r="CS45" s="239"/>
      <c r="CT45" s="239"/>
      <c r="CU45" s="239"/>
      <c r="CV45" s="239"/>
      <c r="CW45" s="239"/>
      <c r="CX45" s="239"/>
      <c r="CY45" s="239"/>
      <c r="CZ45" s="239"/>
      <c r="DA45" s="239"/>
      <c r="DB45" s="239"/>
      <c r="DC45" s="239"/>
      <c r="DD45" s="239"/>
      <c r="DE45" s="239"/>
      <c r="DF45" s="239"/>
      <c r="DG45" s="239"/>
      <c r="DH45" s="239"/>
      <c r="DI45" s="239"/>
      <c r="DJ45" s="239"/>
      <c r="DK45" s="239"/>
      <c r="DL45" s="239"/>
      <c r="DM45" s="239"/>
      <c r="DN45" s="239"/>
      <c r="DO45" s="239"/>
      <c r="DP45" s="239"/>
      <c r="DQ45" s="239"/>
      <c r="DR45" s="239"/>
      <c r="DS45" s="239"/>
      <c r="DT45" s="239"/>
      <c r="DU45" s="239"/>
      <c r="DV45" s="239"/>
      <c r="DW45" s="239"/>
      <c r="DX45" s="239"/>
      <c r="DY45" s="239"/>
      <c r="DZ45" s="239"/>
      <c r="EA45" s="239"/>
      <c r="EB45" s="239"/>
      <c r="EC45" s="239"/>
    </row>
    <row r="46" spans="2:133" x14ac:dyDescent="0.2">
      <c r="C46" s="70"/>
      <c r="D46" s="70"/>
      <c r="E46" s="70"/>
      <c r="F46" s="70"/>
      <c r="G46" s="70"/>
      <c r="H46" s="70"/>
      <c r="I46" s="70"/>
      <c r="J46" s="70"/>
      <c r="K46" s="70"/>
      <c r="L46" s="70"/>
      <c r="M46" s="70"/>
      <c r="N46" s="70"/>
      <c r="O46" s="70"/>
      <c r="P46" s="70"/>
      <c r="Q46" s="70"/>
      <c r="R46" s="70"/>
      <c r="S46" s="70"/>
      <c r="T46" s="70"/>
      <c r="U46" s="70"/>
      <c r="V46" s="70"/>
      <c r="W46" s="70"/>
      <c r="X46" s="70"/>
      <c r="Y46" s="70"/>
      <c r="Z46" s="70"/>
      <c r="AA46" s="70"/>
      <c r="AB46" s="70"/>
      <c r="AC46" s="70"/>
      <c r="AD46" s="70"/>
      <c r="AE46" s="70"/>
      <c r="AF46" s="70"/>
    </row>
    <row r="47" spans="2:133" x14ac:dyDescent="0.2">
      <c r="C47" s="70"/>
      <c r="D47" s="70"/>
      <c r="E47" s="70"/>
      <c r="F47" s="70"/>
      <c r="G47" s="70"/>
      <c r="H47" s="70"/>
      <c r="I47" s="70"/>
      <c r="J47" s="70"/>
      <c r="K47" s="70"/>
      <c r="L47" s="70"/>
      <c r="M47" s="70"/>
      <c r="N47" s="70"/>
      <c r="O47" s="70"/>
      <c r="P47" s="70"/>
      <c r="Q47" s="70"/>
      <c r="R47" s="70"/>
      <c r="S47" s="70"/>
      <c r="T47" s="70"/>
      <c r="U47" s="70"/>
      <c r="V47" s="70"/>
      <c r="W47" s="70"/>
      <c r="X47" s="70"/>
      <c r="Y47" s="70"/>
      <c r="Z47" s="70"/>
      <c r="AA47" s="70"/>
      <c r="AB47" s="70"/>
      <c r="AC47" s="70"/>
      <c r="AD47" s="70"/>
      <c r="AE47" s="70"/>
      <c r="AF47" s="70"/>
    </row>
    <row r="48" spans="2:133" x14ac:dyDescent="0.2">
      <c r="C48" s="70"/>
      <c r="D48" s="70"/>
      <c r="E48" s="70"/>
      <c r="F48" s="70"/>
      <c r="G48" s="70"/>
      <c r="H48" s="70"/>
      <c r="I48" s="70"/>
      <c r="J48" s="70"/>
      <c r="K48" s="70"/>
      <c r="L48" s="70"/>
      <c r="M48" s="70"/>
      <c r="N48" s="70"/>
      <c r="O48" s="70"/>
      <c r="P48" s="70"/>
      <c r="Q48" s="70"/>
      <c r="R48" s="70"/>
      <c r="S48" s="70"/>
      <c r="T48" s="70"/>
      <c r="U48" s="70"/>
      <c r="V48" s="70"/>
      <c r="W48" s="70"/>
      <c r="X48" s="70"/>
      <c r="Y48" s="70"/>
      <c r="Z48" s="70"/>
      <c r="AA48" s="70"/>
      <c r="AB48" s="70"/>
      <c r="AC48" s="70"/>
      <c r="AD48" s="70"/>
      <c r="AE48" s="70"/>
      <c r="AF48" s="70"/>
    </row>
    <row r="49" spans="3:32" x14ac:dyDescent="0.2">
      <c r="C49" s="70"/>
      <c r="D49" s="70"/>
      <c r="E49" s="70"/>
      <c r="F49" s="70"/>
      <c r="G49" s="70"/>
      <c r="H49" s="70"/>
      <c r="I49" s="70"/>
      <c r="J49" s="70"/>
      <c r="K49" s="70"/>
      <c r="L49" s="70"/>
      <c r="M49" s="70"/>
      <c r="N49" s="70"/>
      <c r="O49" s="70"/>
      <c r="P49" s="70"/>
      <c r="Q49" s="70"/>
      <c r="R49" s="70"/>
      <c r="S49" s="70"/>
      <c r="T49" s="70"/>
      <c r="U49" s="70"/>
      <c r="V49" s="70"/>
      <c r="W49" s="70"/>
      <c r="X49" s="70"/>
      <c r="Y49" s="70"/>
      <c r="Z49" s="70"/>
      <c r="AA49" s="70"/>
      <c r="AB49" s="70"/>
      <c r="AC49" s="70"/>
      <c r="AD49" s="70"/>
      <c r="AE49" s="70"/>
      <c r="AF49" s="70"/>
    </row>
    <row r="50" spans="3:32" x14ac:dyDescent="0.2">
      <c r="C50" s="70"/>
      <c r="D50" s="70"/>
      <c r="E50" s="70"/>
      <c r="F50" s="70"/>
      <c r="G50" s="70"/>
      <c r="H50" s="70"/>
      <c r="I50" s="70"/>
      <c r="J50" s="70"/>
      <c r="K50" s="70"/>
      <c r="L50" s="70"/>
      <c r="M50" s="70"/>
      <c r="N50" s="70"/>
      <c r="O50" s="70"/>
      <c r="P50" s="70"/>
      <c r="Q50" s="70"/>
      <c r="R50" s="70"/>
      <c r="S50" s="70"/>
      <c r="T50" s="70"/>
      <c r="U50" s="70"/>
      <c r="V50" s="70"/>
      <c r="W50" s="70"/>
      <c r="X50" s="70"/>
      <c r="Y50" s="70"/>
      <c r="Z50" s="70"/>
      <c r="AA50" s="70"/>
      <c r="AB50" s="70"/>
      <c r="AC50" s="70"/>
      <c r="AD50" s="70"/>
      <c r="AE50" s="70"/>
      <c r="AF50" s="70"/>
    </row>
    <row r="51" spans="3:32" x14ac:dyDescent="0.2">
      <c r="C51" s="70"/>
      <c r="D51" s="70"/>
      <c r="E51" s="70"/>
      <c r="F51" s="70"/>
      <c r="G51" s="70"/>
      <c r="H51" s="70"/>
      <c r="I51" s="70"/>
      <c r="J51" s="70"/>
      <c r="K51" s="70"/>
      <c r="L51" s="70"/>
      <c r="M51" s="70"/>
      <c r="N51" s="70"/>
      <c r="O51" s="70"/>
      <c r="P51" s="70"/>
      <c r="Q51" s="70"/>
      <c r="R51" s="70"/>
      <c r="S51" s="70"/>
      <c r="T51" s="70"/>
      <c r="U51" s="70"/>
      <c r="V51" s="70"/>
      <c r="W51" s="70"/>
      <c r="X51" s="70"/>
      <c r="Y51" s="70"/>
      <c r="Z51" s="70"/>
      <c r="AA51" s="70"/>
      <c r="AB51" s="70"/>
      <c r="AC51" s="70"/>
      <c r="AD51" s="70"/>
      <c r="AE51" s="70"/>
      <c r="AF51" s="70"/>
    </row>
    <row r="52" spans="3:32" x14ac:dyDescent="0.2">
      <c r="C52" s="70"/>
      <c r="D52" s="70"/>
      <c r="E52" s="70"/>
      <c r="F52" s="70"/>
      <c r="G52" s="70"/>
      <c r="H52" s="70"/>
      <c r="I52" s="70"/>
      <c r="J52" s="70"/>
      <c r="K52" s="70"/>
      <c r="L52" s="70"/>
      <c r="M52" s="70"/>
      <c r="N52" s="70"/>
      <c r="O52" s="70"/>
      <c r="P52" s="70"/>
      <c r="Q52" s="70"/>
      <c r="R52" s="70"/>
      <c r="S52" s="70"/>
      <c r="T52" s="70"/>
      <c r="U52" s="70"/>
      <c r="V52" s="70"/>
      <c r="W52" s="70"/>
      <c r="X52" s="70"/>
      <c r="Y52" s="70"/>
      <c r="Z52" s="70"/>
      <c r="AA52" s="70"/>
      <c r="AB52" s="70"/>
      <c r="AC52" s="70"/>
      <c r="AD52" s="70"/>
      <c r="AE52" s="70"/>
      <c r="AF52" s="70"/>
    </row>
    <row r="53" spans="3:32" x14ac:dyDescent="0.2">
      <c r="C53" s="70"/>
      <c r="D53" s="70"/>
      <c r="E53" s="70"/>
      <c r="F53" s="70"/>
      <c r="G53" s="70"/>
      <c r="H53" s="70"/>
      <c r="I53" s="70"/>
      <c r="J53" s="70"/>
      <c r="K53" s="70"/>
      <c r="L53" s="70"/>
      <c r="M53" s="70"/>
      <c r="N53" s="70"/>
      <c r="O53" s="70"/>
      <c r="P53" s="70"/>
      <c r="Q53" s="70"/>
      <c r="R53" s="70"/>
      <c r="S53" s="70"/>
      <c r="T53" s="70"/>
      <c r="U53" s="70"/>
      <c r="V53" s="70"/>
      <c r="W53" s="70"/>
      <c r="X53" s="70"/>
      <c r="Y53" s="70"/>
      <c r="Z53" s="70"/>
      <c r="AA53" s="70"/>
      <c r="AB53" s="70"/>
      <c r="AC53" s="70"/>
      <c r="AD53" s="70"/>
      <c r="AE53" s="70"/>
      <c r="AF53" s="70"/>
    </row>
    <row r="54" spans="3:32" x14ac:dyDescent="0.2">
      <c r="C54" s="70"/>
      <c r="D54" s="70"/>
      <c r="E54" s="70"/>
      <c r="F54" s="70"/>
      <c r="G54" s="70"/>
      <c r="H54" s="70"/>
      <c r="I54" s="70"/>
      <c r="J54" s="70"/>
      <c r="K54" s="70"/>
      <c r="L54" s="70"/>
      <c r="M54" s="70"/>
      <c r="N54" s="70"/>
      <c r="O54" s="70"/>
      <c r="P54" s="70"/>
      <c r="Q54" s="70"/>
      <c r="R54" s="70"/>
      <c r="S54" s="70"/>
      <c r="T54" s="70"/>
      <c r="U54" s="70"/>
      <c r="V54" s="70"/>
      <c r="W54" s="70"/>
      <c r="X54" s="70"/>
      <c r="Y54" s="70"/>
      <c r="Z54" s="70"/>
      <c r="AA54" s="70"/>
      <c r="AB54" s="70"/>
      <c r="AC54" s="70"/>
      <c r="AD54" s="70"/>
      <c r="AE54" s="70"/>
      <c r="AF54" s="70"/>
    </row>
    <row r="55" spans="3:32" x14ac:dyDescent="0.2">
      <c r="C55" s="70"/>
      <c r="D55" s="70"/>
      <c r="E55" s="70"/>
      <c r="F55" s="70"/>
      <c r="G55" s="70"/>
      <c r="H55" s="70"/>
      <c r="I55" s="70"/>
      <c r="J55" s="70"/>
      <c r="K55" s="70"/>
      <c r="L55" s="70"/>
      <c r="M55" s="70"/>
      <c r="N55" s="70"/>
      <c r="O55" s="70"/>
      <c r="P55" s="70"/>
      <c r="Q55" s="70"/>
      <c r="R55" s="70"/>
      <c r="S55" s="70"/>
      <c r="T55" s="70"/>
      <c r="U55" s="70"/>
      <c r="V55" s="70"/>
      <c r="W55" s="70"/>
      <c r="X55" s="70"/>
      <c r="Y55" s="70"/>
      <c r="Z55" s="70"/>
      <c r="AA55" s="70"/>
      <c r="AB55" s="70"/>
      <c r="AC55" s="70"/>
      <c r="AD55" s="70"/>
      <c r="AE55" s="70"/>
      <c r="AF55" s="70"/>
    </row>
    <row r="56" spans="3:32" x14ac:dyDescent="0.2">
      <c r="C56" s="70"/>
      <c r="D56" s="70"/>
      <c r="E56" s="70"/>
      <c r="F56" s="70"/>
      <c r="G56" s="70"/>
      <c r="H56" s="70"/>
      <c r="I56" s="70"/>
      <c r="J56" s="70"/>
      <c r="K56" s="70"/>
      <c r="L56" s="70"/>
      <c r="M56" s="70"/>
      <c r="N56" s="70"/>
      <c r="O56" s="70"/>
      <c r="P56" s="70"/>
      <c r="Q56" s="70"/>
      <c r="R56" s="70"/>
      <c r="S56" s="70"/>
      <c r="T56" s="70"/>
      <c r="U56" s="70"/>
      <c r="V56" s="70"/>
      <c r="W56" s="70"/>
      <c r="X56" s="70"/>
      <c r="Y56" s="70"/>
      <c r="Z56" s="70"/>
      <c r="AA56" s="70"/>
      <c r="AB56" s="70"/>
      <c r="AC56" s="70"/>
      <c r="AD56" s="70"/>
      <c r="AE56" s="70"/>
      <c r="AF56" s="70"/>
    </row>
    <row r="57" spans="3:32" x14ac:dyDescent="0.2">
      <c r="C57" s="70"/>
      <c r="D57" s="70"/>
      <c r="E57" s="70"/>
      <c r="F57" s="70"/>
      <c r="G57" s="70"/>
      <c r="H57" s="70"/>
      <c r="I57" s="70"/>
      <c r="J57" s="70"/>
      <c r="K57" s="70"/>
      <c r="L57" s="70"/>
      <c r="M57" s="70"/>
      <c r="N57" s="70"/>
      <c r="O57" s="70"/>
      <c r="P57" s="70"/>
      <c r="Q57" s="70"/>
      <c r="R57" s="70"/>
      <c r="S57" s="70"/>
      <c r="T57" s="70"/>
      <c r="U57" s="70"/>
      <c r="V57" s="70"/>
      <c r="W57" s="70"/>
      <c r="X57" s="70"/>
      <c r="Y57" s="70"/>
      <c r="Z57" s="70"/>
      <c r="AA57" s="70"/>
      <c r="AB57" s="70"/>
      <c r="AC57" s="70"/>
      <c r="AD57" s="70"/>
      <c r="AE57" s="70"/>
      <c r="AF57" s="70"/>
    </row>
    <row r="58" spans="3:32" x14ac:dyDescent="0.2">
      <c r="C58" s="70"/>
      <c r="D58" s="70"/>
      <c r="E58" s="70"/>
      <c r="F58" s="70"/>
      <c r="G58" s="70"/>
      <c r="H58" s="70"/>
      <c r="I58" s="70"/>
      <c r="J58" s="70"/>
      <c r="K58" s="70"/>
      <c r="L58" s="70"/>
      <c r="M58" s="70"/>
      <c r="N58" s="70"/>
      <c r="O58" s="70"/>
      <c r="P58" s="70"/>
      <c r="Q58" s="70"/>
      <c r="R58" s="70"/>
      <c r="S58" s="70"/>
      <c r="T58" s="70"/>
      <c r="U58" s="70"/>
      <c r="V58" s="70"/>
      <c r="W58" s="70"/>
      <c r="X58" s="70"/>
      <c r="Y58" s="70"/>
      <c r="Z58" s="70"/>
      <c r="AA58" s="70"/>
      <c r="AB58" s="70"/>
      <c r="AC58" s="70"/>
      <c r="AD58" s="70"/>
      <c r="AE58" s="70"/>
      <c r="AF58" s="70"/>
    </row>
    <row r="59" spans="3:32" x14ac:dyDescent="0.2">
      <c r="C59" s="70"/>
      <c r="D59" s="70"/>
      <c r="E59" s="70"/>
      <c r="F59" s="70"/>
      <c r="G59" s="70"/>
      <c r="H59" s="70"/>
      <c r="I59" s="70"/>
      <c r="J59" s="70"/>
      <c r="K59" s="70"/>
      <c r="L59" s="70"/>
      <c r="M59" s="70"/>
      <c r="N59" s="70"/>
      <c r="O59" s="70"/>
      <c r="P59" s="70"/>
      <c r="Q59" s="70"/>
      <c r="R59" s="70"/>
      <c r="S59" s="70"/>
      <c r="T59" s="70"/>
      <c r="U59" s="70"/>
      <c r="V59" s="70"/>
      <c r="W59" s="70"/>
      <c r="X59" s="70"/>
      <c r="Y59" s="70"/>
      <c r="Z59" s="70"/>
      <c r="AA59" s="70"/>
      <c r="AB59" s="70"/>
      <c r="AC59" s="70"/>
      <c r="AD59" s="70"/>
      <c r="AE59" s="70"/>
      <c r="AF59" s="70"/>
    </row>
    <row r="60" spans="3:32" x14ac:dyDescent="0.2">
      <c r="C60" s="70"/>
      <c r="D60" s="70"/>
      <c r="E60" s="70"/>
      <c r="F60" s="70"/>
      <c r="G60" s="70"/>
      <c r="H60" s="70"/>
      <c r="I60" s="70"/>
      <c r="J60" s="70"/>
      <c r="K60" s="70"/>
      <c r="L60" s="70"/>
      <c r="M60" s="70"/>
      <c r="N60" s="70"/>
      <c r="O60" s="70"/>
      <c r="P60" s="70"/>
      <c r="Q60" s="70"/>
      <c r="R60" s="70"/>
      <c r="S60" s="70"/>
      <c r="T60" s="70"/>
      <c r="U60" s="70"/>
      <c r="V60" s="70"/>
      <c r="W60" s="70"/>
      <c r="X60" s="70"/>
      <c r="Y60" s="70"/>
      <c r="Z60" s="70"/>
      <c r="AA60" s="70"/>
      <c r="AB60" s="70"/>
      <c r="AC60" s="70"/>
      <c r="AD60" s="70"/>
      <c r="AE60" s="70"/>
      <c r="AF60" s="70"/>
    </row>
    <row r="61" spans="3:32" x14ac:dyDescent="0.2">
      <c r="C61" s="70"/>
      <c r="D61" s="70"/>
      <c r="E61" s="70"/>
      <c r="F61" s="70"/>
      <c r="G61" s="70"/>
      <c r="H61" s="70"/>
      <c r="I61" s="70"/>
      <c r="J61" s="70"/>
      <c r="K61" s="70"/>
      <c r="L61" s="70"/>
      <c r="M61" s="70"/>
      <c r="N61" s="70"/>
      <c r="O61" s="70"/>
      <c r="P61" s="70"/>
      <c r="Q61" s="70"/>
      <c r="R61" s="70"/>
      <c r="S61" s="70"/>
      <c r="T61" s="70"/>
      <c r="U61" s="70"/>
      <c r="V61" s="70"/>
      <c r="W61" s="70"/>
      <c r="X61" s="70"/>
      <c r="Y61" s="70"/>
      <c r="Z61" s="70"/>
      <c r="AA61" s="70"/>
      <c r="AB61" s="70"/>
      <c r="AC61" s="70"/>
      <c r="AD61" s="70"/>
      <c r="AE61" s="70"/>
      <c r="AF61" s="70"/>
    </row>
    <row r="62" spans="3:32" x14ac:dyDescent="0.2">
      <c r="C62" s="70"/>
      <c r="D62" s="70"/>
      <c r="E62" s="70"/>
      <c r="F62" s="70"/>
      <c r="G62" s="70"/>
      <c r="H62" s="70"/>
      <c r="I62" s="70"/>
      <c r="J62" s="70"/>
      <c r="K62" s="70"/>
      <c r="L62" s="70"/>
      <c r="M62" s="70"/>
      <c r="N62" s="70"/>
      <c r="O62" s="70"/>
      <c r="P62" s="70"/>
      <c r="Q62" s="70"/>
      <c r="R62" s="70"/>
      <c r="S62" s="70"/>
      <c r="T62" s="70"/>
      <c r="U62" s="70"/>
      <c r="V62" s="70"/>
      <c r="W62" s="70"/>
      <c r="X62" s="70"/>
      <c r="Y62" s="70"/>
      <c r="Z62" s="70"/>
      <c r="AA62" s="70"/>
      <c r="AB62" s="70"/>
      <c r="AC62" s="70"/>
      <c r="AD62" s="70"/>
      <c r="AE62" s="70"/>
      <c r="AF62" s="70"/>
    </row>
    <row r="63" spans="3:32" x14ac:dyDescent="0.2">
      <c r="C63" s="70"/>
      <c r="D63" s="70"/>
      <c r="E63" s="70"/>
      <c r="F63" s="70"/>
      <c r="G63" s="70"/>
      <c r="H63" s="70"/>
      <c r="I63" s="70"/>
      <c r="J63" s="70"/>
      <c r="K63" s="70"/>
      <c r="L63" s="70"/>
      <c r="M63" s="70"/>
      <c r="N63" s="70"/>
      <c r="O63" s="70"/>
      <c r="P63" s="70"/>
      <c r="Q63" s="70"/>
      <c r="R63" s="70"/>
      <c r="S63" s="70"/>
      <c r="T63" s="70"/>
      <c r="U63" s="70"/>
      <c r="V63" s="70"/>
      <c r="W63" s="70"/>
      <c r="X63" s="70"/>
      <c r="Y63" s="70"/>
      <c r="Z63" s="70"/>
      <c r="AA63" s="70"/>
      <c r="AB63" s="70"/>
      <c r="AC63" s="70"/>
      <c r="AD63" s="70"/>
      <c r="AE63" s="70"/>
      <c r="AF63" s="70"/>
    </row>
    <row r="64" spans="3:32" x14ac:dyDescent="0.2">
      <c r="C64" s="70"/>
      <c r="D64" s="70"/>
      <c r="E64" s="70"/>
      <c r="F64" s="70"/>
      <c r="G64" s="70"/>
      <c r="H64" s="70"/>
      <c r="I64" s="70"/>
      <c r="J64" s="70"/>
      <c r="K64" s="70"/>
      <c r="L64" s="70"/>
      <c r="M64" s="70"/>
      <c r="N64" s="70"/>
      <c r="O64" s="70"/>
      <c r="P64" s="70"/>
      <c r="Q64" s="70"/>
      <c r="R64" s="70"/>
      <c r="S64" s="70"/>
      <c r="T64" s="70"/>
      <c r="U64" s="70"/>
      <c r="V64" s="70"/>
      <c r="W64" s="70"/>
      <c r="X64" s="70"/>
      <c r="Y64" s="70"/>
      <c r="Z64" s="70"/>
      <c r="AA64" s="70"/>
      <c r="AB64" s="70"/>
      <c r="AC64" s="70"/>
      <c r="AD64" s="70"/>
      <c r="AE64" s="70"/>
      <c r="AF64" s="70"/>
    </row>
    <row r="65" spans="3:32" x14ac:dyDescent="0.2">
      <c r="C65" s="70"/>
      <c r="D65" s="70"/>
      <c r="E65" s="70"/>
      <c r="F65" s="70"/>
      <c r="G65" s="70"/>
      <c r="H65" s="70"/>
      <c r="I65" s="70"/>
      <c r="J65" s="70"/>
      <c r="K65" s="70"/>
      <c r="L65" s="70"/>
      <c r="M65" s="70"/>
      <c r="N65" s="70"/>
      <c r="O65" s="70"/>
      <c r="P65" s="70"/>
      <c r="Q65" s="70"/>
      <c r="R65" s="70"/>
      <c r="S65" s="70"/>
      <c r="T65" s="70"/>
      <c r="U65" s="70"/>
      <c r="V65" s="70"/>
      <c r="W65" s="70"/>
      <c r="X65" s="70"/>
      <c r="Y65" s="70"/>
      <c r="Z65" s="70"/>
      <c r="AA65" s="70"/>
      <c r="AB65" s="70"/>
      <c r="AC65" s="70"/>
      <c r="AD65" s="70"/>
      <c r="AE65" s="70"/>
      <c r="AF65" s="70"/>
    </row>
    <row r="66" spans="3:32" x14ac:dyDescent="0.2">
      <c r="C66" s="70"/>
      <c r="D66" s="70"/>
      <c r="E66" s="70"/>
      <c r="F66" s="70"/>
      <c r="G66" s="70"/>
      <c r="H66" s="70"/>
      <c r="I66" s="70"/>
      <c r="J66" s="70"/>
      <c r="K66" s="70"/>
      <c r="L66" s="70"/>
      <c r="M66" s="70"/>
      <c r="N66" s="70"/>
      <c r="O66" s="70"/>
      <c r="P66" s="70"/>
      <c r="Q66" s="70"/>
      <c r="R66" s="70"/>
      <c r="S66" s="70"/>
      <c r="T66" s="70"/>
      <c r="U66" s="70"/>
      <c r="V66" s="70"/>
      <c r="W66" s="70"/>
      <c r="X66" s="70"/>
      <c r="Y66" s="70"/>
      <c r="Z66" s="70"/>
      <c r="AA66" s="70"/>
      <c r="AB66" s="70"/>
      <c r="AC66" s="70"/>
      <c r="AD66" s="70"/>
      <c r="AE66" s="70"/>
      <c r="AF66" s="70"/>
    </row>
    <row r="67" spans="3:32" x14ac:dyDescent="0.2">
      <c r="C67" s="70"/>
      <c r="D67" s="70"/>
      <c r="E67" s="70"/>
      <c r="F67" s="70"/>
      <c r="G67" s="70"/>
      <c r="H67" s="70"/>
      <c r="I67" s="70"/>
      <c r="J67" s="70"/>
      <c r="K67" s="70"/>
      <c r="L67" s="70"/>
      <c r="M67" s="70"/>
      <c r="N67" s="70"/>
      <c r="O67" s="70"/>
      <c r="P67" s="70"/>
      <c r="Q67" s="70"/>
      <c r="R67" s="70"/>
      <c r="S67" s="70"/>
      <c r="T67" s="70"/>
      <c r="U67" s="70"/>
      <c r="V67" s="70"/>
      <c r="W67" s="70"/>
      <c r="X67" s="70"/>
      <c r="Y67" s="70"/>
      <c r="Z67" s="70"/>
      <c r="AA67" s="70"/>
      <c r="AB67" s="70"/>
      <c r="AC67" s="70"/>
      <c r="AD67" s="70"/>
      <c r="AE67" s="70"/>
      <c r="AF67" s="70"/>
    </row>
    <row r="68" spans="3:32" x14ac:dyDescent="0.2">
      <c r="C68" s="70"/>
      <c r="D68" s="70"/>
      <c r="E68" s="70"/>
      <c r="F68" s="70"/>
      <c r="G68" s="70"/>
      <c r="H68" s="70"/>
      <c r="I68" s="70"/>
      <c r="J68" s="70"/>
      <c r="K68" s="70"/>
      <c r="L68" s="70"/>
      <c r="M68" s="70"/>
      <c r="N68" s="70"/>
      <c r="O68" s="70"/>
      <c r="P68" s="70"/>
      <c r="Q68" s="70"/>
      <c r="R68" s="70"/>
      <c r="S68" s="70"/>
      <c r="T68" s="70"/>
      <c r="U68" s="70"/>
      <c r="V68" s="70"/>
      <c r="W68" s="70"/>
      <c r="X68" s="70"/>
      <c r="Y68" s="70"/>
      <c r="Z68" s="70"/>
      <c r="AA68" s="70"/>
      <c r="AB68" s="70"/>
      <c r="AC68" s="70"/>
      <c r="AD68" s="70"/>
      <c r="AE68" s="70"/>
      <c r="AF68" s="70"/>
    </row>
    <row r="69" spans="3:32" x14ac:dyDescent="0.2">
      <c r="C69" s="70"/>
      <c r="D69" s="70"/>
      <c r="E69" s="70"/>
      <c r="F69" s="70"/>
      <c r="G69" s="70"/>
      <c r="H69" s="70"/>
      <c r="I69" s="70"/>
      <c r="J69" s="70"/>
      <c r="K69" s="70"/>
      <c r="L69" s="70"/>
      <c r="M69" s="70"/>
      <c r="N69" s="70"/>
      <c r="O69" s="70"/>
      <c r="P69" s="70"/>
      <c r="Q69" s="70"/>
      <c r="R69" s="70"/>
      <c r="S69" s="70"/>
      <c r="T69" s="70"/>
      <c r="U69" s="70"/>
      <c r="V69" s="70"/>
      <c r="W69" s="70"/>
      <c r="X69" s="70"/>
      <c r="Y69" s="70"/>
      <c r="Z69" s="70"/>
      <c r="AA69" s="70"/>
      <c r="AB69" s="70"/>
      <c r="AC69" s="70"/>
      <c r="AD69" s="70"/>
      <c r="AE69" s="70"/>
      <c r="AF69" s="70"/>
    </row>
    <row r="70" spans="3:32" x14ac:dyDescent="0.2">
      <c r="C70" s="70"/>
      <c r="D70" s="70"/>
      <c r="E70" s="70"/>
      <c r="F70" s="70"/>
      <c r="G70" s="70"/>
      <c r="H70" s="70"/>
      <c r="I70" s="70"/>
      <c r="J70" s="70"/>
      <c r="K70" s="70"/>
      <c r="L70" s="70"/>
      <c r="M70" s="70"/>
      <c r="N70" s="70"/>
      <c r="O70" s="70"/>
      <c r="P70" s="70"/>
      <c r="Q70" s="70"/>
      <c r="R70" s="70"/>
      <c r="S70" s="70"/>
      <c r="T70" s="70"/>
      <c r="U70" s="70"/>
      <c r="V70" s="70"/>
      <c r="W70" s="70"/>
      <c r="X70" s="70"/>
      <c r="Y70" s="70"/>
      <c r="Z70" s="70"/>
      <c r="AA70" s="70"/>
      <c r="AB70" s="70"/>
      <c r="AC70" s="70"/>
      <c r="AD70" s="70"/>
      <c r="AE70" s="70"/>
      <c r="AF70" s="70"/>
    </row>
    <row r="71" spans="3:32" x14ac:dyDescent="0.2">
      <c r="C71" s="70"/>
      <c r="D71" s="70"/>
      <c r="E71" s="70"/>
      <c r="F71" s="70"/>
      <c r="G71" s="70"/>
      <c r="H71" s="70"/>
      <c r="I71" s="70"/>
      <c r="J71" s="70"/>
      <c r="K71" s="70"/>
      <c r="L71" s="70"/>
      <c r="M71" s="70"/>
      <c r="N71" s="70"/>
      <c r="O71" s="70"/>
      <c r="P71" s="70"/>
      <c r="Q71" s="70"/>
      <c r="R71" s="70"/>
      <c r="S71" s="70"/>
      <c r="T71" s="70"/>
      <c r="U71" s="70"/>
      <c r="V71" s="70"/>
      <c r="W71" s="70"/>
      <c r="X71" s="70"/>
      <c r="Y71" s="70"/>
      <c r="Z71" s="70"/>
      <c r="AA71" s="70"/>
      <c r="AB71" s="70"/>
      <c r="AC71" s="70"/>
      <c r="AD71" s="70"/>
      <c r="AE71" s="70"/>
      <c r="AF71" s="70"/>
    </row>
    <row r="72" spans="3:32" x14ac:dyDescent="0.2">
      <c r="C72" s="70"/>
      <c r="D72" s="70"/>
      <c r="E72" s="70"/>
      <c r="F72" s="70"/>
      <c r="G72" s="70"/>
      <c r="H72" s="70"/>
      <c r="I72" s="70"/>
      <c r="J72" s="70"/>
      <c r="K72" s="70"/>
      <c r="L72" s="70"/>
      <c r="M72" s="70"/>
      <c r="N72" s="70"/>
      <c r="O72" s="70"/>
      <c r="P72" s="70"/>
      <c r="Q72" s="70"/>
      <c r="R72" s="70"/>
      <c r="S72" s="70"/>
      <c r="T72" s="70"/>
      <c r="U72" s="70"/>
      <c r="V72" s="70"/>
      <c r="W72" s="70"/>
      <c r="X72" s="70"/>
      <c r="Y72" s="70"/>
      <c r="Z72" s="70"/>
      <c r="AA72" s="70"/>
      <c r="AB72" s="70"/>
      <c r="AC72" s="70"/>
      <c r="AD72" s="70"/>
      <c r="AE72" s="70"/>
      <c r="AF72" s="70"/>
    </row>
    <row r="73" spans="3:32" x14ac:dyDescent="0.2">
      <c r="C73" s="70"/>
      <c r="D73" s="70"/>
      <c r="E73" s="70"/>
      <c r="F73" s="70"/>
      <c r="G73" s="70"/>
      <c r="H73" s="70"/>
      <c r="I73" s="70"/>
      <c r="J73" s="70"/>
      <c r="K73" s="70"/>
      <c r="L73" s="70"/>
      <c r="M73" s="70"/>
      <c r="N73" s="70"/>
      <c r="O73" s="70"/>
      <c r="P73" s="70"/>
      <c r="Q73" s="70"/>
      <c r="R73" s="70"/>
      <c r="S73" s="70"/>
      <c r="T73" s="70"/>
      <c r="U73" s="70"/>
      <c r="V73" s="70"/>
      <c r="W73" s="70"/>
      <c r="X73" s="70"/>
      <c r="Y73" s="70"/>
      <c r="Z73" s="70"/>
      <c r="AA73" s="70"/>
      <c r="AB73" s="70"/>
      <c r="AC73" s="70"/>
      <c r="AD73" s="70"/>
      <c r="AE73" s="70"/>
      <c r="AF73" s="70"/>
    </row>
    <row r="74" spans="3:32" x14ac:dyDescent="0.2">
      <c r="C74" s="70"/>
      <c r="D74" s="70"/>
      <c r="E74" s="70"/>
      <c r="F74" s="70"/>
      <c r="G74" s="70"/>
      <c r="H74" s="70"/>
      <c r="I74" s="70"/>
      <c r="J74" s="70"/>
      <c r="K74" s="70"/>
      <c r="L74" s="70"/>
      <c r="M74" s="70"/>
      <c r="N74" s="70"/>
      <c r="O74" s="70"/>
      <c r="P74" s="70"/>
      <c r="Q74" s="70"/>
      <c r="R74" s="70"/>
      <c r="S74" s="70"/>
      <c r="T74" s="70"/>
      <c r="U74" s="70"/>
      <c r="V74" s="70"/>
      <c r="W74" s="70"/>
      <c r="X74" s="70"/>
      <c r="Y74" s="70"/>
      <c r="Z74" s="70"/>
      <c r="AA74" s="70"/>
      <c r="AB74" s="70"/>
      <c r="AC74" s="70"/>
      <c r="AD74" s="70"/>
      <c r="AE74" s="70"/>
      <c r="AF74" s="70"/>
    </row>
    <row r="75" spans="3:32" x14ac:dyDescent="0.2">
      <c r="C75" s="70"/>
      <c r="D75" s="70"/>
      <c r="E75" s="70"/>
      <c r="F75" s="70"/>
      <c r="G75" s="70"/>
      <c r="H75" s="70"/>
      <c r="I75" s="70"/>
      <c r="J75" s="70"/>
      <c r="K75" s="70"/>
      <c r="L75" s="70"/>
      <c r="M75" s="70"/>
      <c r="N75" s="70"/>
      <c r="O75" s="70"/>
      <c r="P75" s="70"/>
      <c r="Q75" s="70"/>
      <c r="R75" s="70"/>
      <c r="S75" s="70"/>
      <c r="T75" s="70"/>
      <c r="U75" s="70"/>
      <c r="V75" s="70"/>
      <c r="W75" s="70"/>
      <c r="X75" s="70"/>
      <c r="Y75" s="70"/>
      <c r="Z75" s="70"/>
      <c r="AA75" s="70"/>
      <c r="AB75" s="70"/>
      <c r="AC75" s="70"/>
      <c r="AD75" s="70"/>
      <c r="AE75" s="70"/>
      <c r="AF75" s="70"/>
    </row>
    <row r="76" spans="3:32" x14ac:dyDescent="0.2">
      <c r="C76" s="70"/>
      <c r="D76" s="70"/>
      <c r="E76" s="70"/>
      <c r="F76" s="70"/>
      <c r="G76" s="70"/>
      <c r="H76" s="70"/>
      <c r="I76" s="70"/>
      <c r="J76" s="70"/>
      <c r="K76" s="70"/>
      <c r="L76" s="70"/>
      <c r="M76" s="70"/>
      <c r="N76" s="70"/>
      <c r="O76" s="70"/>
      <c r="P76" s="70"/>
      <c r="Q76" s="70"/>
      <c r="R76" s="70"/>
      <c r="S76" s="70"/>
      <c r="T76" s="70"/>
      <c r="U76" s="70"/>
      <c r="V76" s="70"/>
      <c r="W76" s="70"/>
      <c r="X76" s="70"/>
      <c r="Y76" s="70"/>
      <c r="Z76" s="70"/>
      <c r="AA76" s="70"/>
      <c r="AB76" s="70"/>
      <c r="AC76" s="70"/>
      <c r="AD76" s="70"/>
      <c r="AE76" s="70"/>
      <c r="AF76" s="70"/>
    </row>
    <row r="77" spans="3:32" x14ac:dyDescent="0.2">
      <c r="C77" s="70"/>
      <c r="D77" s="70"/>
      <c r="E77" s="70"/>
      <c r="F77" s="70"/>
      <c r="G77" s="70"/>
      <c r="H77" s="70"/>
      <c r="I77" s="70"/>
      <c r="J77" s="70"/>
      <c r="K77" s="70"/>
      <c r="L77" s="70"/>
      <c r="M77" s="70"/>
      <c r="N77" s="70"/>
      <c r="O77" s="70"/>
      <c r="P77" s="70"/>
      <c r="Q77" s="70"/>
      <c r="R77" s="70"/>
      <c r="S77" s="70"/>
      <c r="T77" s="70"/>
      <c r="U77" s="70"/>
      <c r="V77" s="70"/>
      <c r="W77" s="70"/>
      <c r="X77" s="70"/>
      <c r="Y77" s="70"/>
      <c r="Z77" s="70"/>
      <c r="AA77" s="70"/>
      <c r="AB77" s="70"/>
      <c r="AC77" s="70"/>
      <c r="AD77" s="70"/>
      <c r="AE77" s="70"/>
      <c r="AF77" s="70"/>
    </row>
    <row r="78" spans="3:32" x14ac:dyDescent="0.2">
      <c r="C78" s="70"/>
      <c r="D78" s="70"/>
      <c r="E78" s="70"/>
      <c r="F78" s="70"/>
      <c r="G78" s="70"/>
      <c r="H78" s="70"/>
      <c r="I78" s="70"/>
      <c r="J78" s="70"/>
      <c r="K78" s="70"/>
      <c r="L78" s="70"/>
      <c r="M78" s="70"/>
      <c r="N78" s="70"/>
      <c r="O78" s="70"/>
      <c r="P78" s="70"/>
      <c r="Q78" s="70"/>
      <c r="R78" s="70"/>
      <c r="S78" s="70"/>
      <c r="T78" s="70"/>
      <c r="U78" s="70"/>
      <c r="V78" s="70"/>
      <c r="W78" s="70"/>
      <c r="X78" s="70"/>
      <c r="Y78" s="70"/>
      <c r="Z78" s="70"/>
      <c r="AA78" s="70"/>
      <c r="AB78" s="70"/>
      <c r="AC78" s="70"/>
      <c r="AD78" s="70"/>
      <c r="AE78" s="70"/>
      <c r="AF78" s="70"/>
    </row>
    <row r="79" spans="3:32" x14ac:dyDescent="0.2">
      <c r="C79" s="70"/>
      <c r="D79" s="70"/>
      <c r="E79" s="70"/>
      <c r="F79" s="70"/>
      <c r="G79" s="70"/>
      <c r="H79" s="70"/>
      <c r="I79" s="70"/>
      <c r="J79" s="70"/>
      <c r="K79" s="70"/>
      <c r="L79" s="70"/>
      <c r="M79" s="70"/>
      <c r="N79" s="70"/>
      <c r="O79" s="70"/>
      <c r="P79" s="70"/>
      <c r="Q79" s="70"/>
      <c r="R79" s="70"/>
      <c r="S79" s="70"/>
      <c r="T79" s="70"/>
      <c r="U79" s="70"/>
      <c r="V79" s="70"/>
      <c r="W79" s="70"/>
      <c r="X79" s="70"/>
      <c r="Y79" s="70"/>
      <c r="Z79" s="70"/>
      <c r="AA79" s="70"/>
      <c r="AB79" s="70"/>
      <c r="AC79" s="70"/>
      <c r="AD79" s="70"/>
      <c r="AE79" s="70"/>
      <c r="AF79" s="70"/>
    </row>
    <row r="80" spans="3:32" x14ac:dyDescent="0.2">
      <c r="C80" s="70"/>
      <c r="D80" s="70"/>
      <c r="E80" s="70"/>
      <c r="F80" s="70"/>
      <c r="G80" s="70"/>
      <c r="H80" s="70"/>
      <c r="I80" s="70"/>
      <c r="J80" s="70"/>
      <c r="K80" s="70"/>
      <c r="L80" s="70"/>
      <c r="M80" s="70"/>
      <c r="N80" s="70"/>
      <c r="O80" s="70"/>
      <c r="P80" s="70"/>
      <c r="Q80" s="70"/>
      <c r="R80" s="70"/>
      <c r="S80" s="70"/>
      <c r="T80" s="70"/>
      <c r="U80" s="70"/>
      <c r="V80" s="70"/>
      <c r="W80" s="70"/>
      <c r="X80" s="70"/>
      <c r="Y80" s="70"/>
      <c r="Z80" s="70"/>
      <c r="AA80" s="70"/>
      <c r="AB80" s="70"/>
      <c r="AC80" s="70"/>
      <c r="AD80" s="70"/>
      <c r="AE80" s="70"/>
      <c r="AF80" s="70"/>
    </row>
    <row r="81" spans="3:32" x14ac:dyDescent="0.2">
      <c r="C81" s="70"/>
      <c r="D81" s="70"/>
      <c r="E81" s="70"/>
      <c r="F81" s="70"/>
      <c r="G81" s="70"/>
      <c r="H81" s="70"/>
      <c r="I81" s="70"/>
      <c r="J81" s="70"/>
      <c r="K81" s="70"/>
      <c r="L81" s="70"/>
      <c r="M81" s="70"/>
      <c r="N81" s="70"/>
      <c r="O81" s="70"/>
      <c r="P81" s="70"/>
      <c r="Q81" s="70"/>
      <c r="R81" s="70"/>
      <c r="S81" s="70"/>
      <c r="T81" s="70"/>
      <c r="U81" s="70"/>
      <c r="V81" s="70"/>
      <c r="W81" s="70"/>
      <c r="X81" s="70"/>
      <c r="Y81" s="70"/>
      <c r="Z81" s="70"/>
      <c r="AA81" s="70"/>
      <c r="AB81" s="70"/>
      <c r="AC81" s="70"/>
      <c r="AD81" s="70"/>
      <c r="AE81" s="70"/>
      <c r="AF81" s="70"/>
    </row>
    <row r="82" spans="3:32" x14ac:dyDescent="0.2">
      <c r="C82" s="70"/>
      <c r="D82" s="70"/>
      <c r="E82" s="70"/>
      <c r="F82" s="70"/>
      <c r="G82" s="70"/>
      <c r="H82" s="70"/>
      <c r="I82" s="70"/>
      <c r="J82" s="70"/>
      <c r="K82" s="70"/>
      <c r="L82" s="70"/>
      <c r="M82" s="70"/>
      <c r="N82" s="70"/>
      <c r="O82" s="70"/>
      <c r="P82" s="70"/>
      <c r="Q82" s="70"/>
      <c r="R82" s="70"/>
      <c r="S82" s="70"/>
      <c r="T82" s="70"/>
      <c r="U82" s="70"/>
      <c r="V82" s="70"/>
      <c r="W82" s="70"/>
      <c r="X82" s="70"/>
      <c r="Y82" s="70"/>
      <c r="Z82" s="70"/>
      <c r="AA82" s="70"/>
      <c r="AB82" s="70"/>
      <c r="AC82" s="70"/>
      <c r="AD82" s="70"/>
      <c r="AE82" s="70"/>
      <c r="AF82" s="70"/>
    </row>
    <row r="83" spans="3:32" x14ac:dyDescent="0.2">
      <c r="C83" s="70"/>
      <c r="D83" s="70"/>
      <c r="E83" s="70"/>
      <c r="F83" s="70"/>
      <c r="G83" s="70"/>
      <c r="H83" s="70"/>
      <c r="I83" s="70"/>
      <c r="J83" s="70"/>
      <c r="K83" s="70"/>
      <c r="L83" s="70"/>
      <c r="M83" s="70"/>
      <c r="N83" s="70"/>
      <c r="O83" s="70"/>
      <c r="P83" s="70"/>
      <c r="Q83" s="70"/>
      <c r="R83" s="70"/>
      <c r="S83" s="70"/>
      <c r="T83" s="70"/>
      <c r="U83" s="70"/>
      <c r="V83" s="70"/>
      <c r="W83" s="70"/>
      <c r="X83" s="70"/>
      <c r="Y83" s="70"/>
      <c r="Z83" s="70"/>
      <c r="AA83" s="70"/>
      <c r="AB83" s="70"/>
      <c r="AC83" s="70"/>
      <c r="AD83" s="70"/>
      <c r="AE83" s="70"/>
      <c r="AF83" s="70"/>
    </row>
    <row r="84" spans="3:32" x14ac:dyDescent="0.2">
      <c r="C84" s="70"/>
      <c r="D84" s="70"/>
      <c r="E84" s="70"/>
      <c r="F84" s="70"/>
      <c r="G84" s="70"/>
      <c r="H84" s="70"/>
      <c r="I84" s="70"/>
      <c r="J84" s="70"/>
      <c r="K84" s="70"/>
      <c r="L84" s="70"/>
      <c r="M84" s="70"/>
      <c r="N84" s="70"/>
      <c r="O84" s="70"/>
      <c r="P84" s="70"/>
      <c r="Q84" s="70"/>
      <c r="R84" s="70"/>
      <c r="S84" s="70"/>
      <c r="T84" s="70"/>
      <c r="U84" s="70"/>
      <c r="V84" s="70"/>
      <c r="W84" s="70"/>
      <c r="X84" s="70"/>
      <c r="Y84" s="70"/>
      <c r="Z84" s="70"/>
      <c r="AA84" s="70"/>
      <c r="AB84" s="70"/>
      <c r="AC84" s="70"/>
      <c r="AD84" s="70"/>
      <c r="AE84" s="70"/>
      <c r="AF84" s="70"/>
    </row>
    <row r="85" spans="3:32" x14ac:dyDescent="0.2">
      <c r="C85" s="70"/>
      <c r="D85" s="70"/>
      <c r="E85" s="70"/>
      <c r="F85" s="70"/>
      <c r="G85" s="70"/>
      <c r="H85" s="70"/>
      <c r="I85" s="70"/>
      <c r="J85" s="70"/>
      <c r="K85" s="70"/>
      <c r="L85" s="70"/>
      <c r="M85" s="70"/>
      <c r="N85" s="70"/>
      <c r="O85" s="70"/>
      <c r="P85" s="70"/>
      <c r="Q85" s="70"/>
      <c r="R85" s="70"/>
      <c r="S85" s="70"/>
      <c r="T85" s="70"/>
      <c r="U85" s="70"/>
      <c r="V85" s="70"/>
      <c r="W85" s="70"/>
      <c r="X85" s="70"/>
      <c r="Y85" s="70"/>
      <c r="Z85" s="70"/>
      <c r="AA85" s="70"/>
      <c r="AB85" s="70"/>
      <c r="AC85" s="70"/>
      <c r="AD85" s="70"/>
      <c r="AE85" s="70"/>
      <c r="AF85" s="70"/>
    </row>
    <row r="86" spans="3:32" x14ac:dyDescent="0.2">
      <c r="C86" s="70"/>
      <c r="D86" s="70"/>
      <c r="E86" s="70"/>
      <c r="F86" s="70"/>
      <c r="G86" s="70"/>
      <c r="H86" s="70"/>
      <c r="I86" s="70"/>
      <c r="J86" s="70"/>
      <c r="K86" s="70"/>
      <c r="L86" s="70"/>
      <c r="M86" s="70"/>
      <c r="N86" s="70"/>
      <c r="O86" s="70"/>
      <c r="P86" s="70"/>
      <c r="Q86" s="70"/>
      <c r="R86" s="70"/>
      <c r="S86" s="70"/>
      <c r="T86" s="70"/>
      <c r="U86" s="70"/>
      <c r="V86" s="70"/>
      <c r="W86" s="70"/>
      <c r="X86" s="70"/>
      <c r="Y86" s="70"/>
      <c r="Z86" s="70"/>
      <c r="AA86" s="70"/>
      <c r="AB86" s="70"/>
      <c r="AC86" s="70"/>
      <c r="AD86" s="70"/>
      <c r="AE86" s="70"/>
      <c r="AF86" s="70"/>
    </row>
    <row r="87" spans="3:32" x14ac:dyDescent="0.2">
      <c r="C87" s="70"/>
      <c r="D87" s="70"/>
      <c r="E87" s="70"/>
      <c r="F87" s="70"/>
      <c r="G87" s="70"/>
      <c r="H87" s="70"/>
      <c r="I87" s="70"/>
      <c r="J87" s="70"/>
      <c r="K87" s="70"/>
      <c r="L87" s="70"/>
      <c r="M87" s="70"/>
      <c r="N87" s="70"/>
      <c r="O87" s="70"/>
      <c r="P87" s="70"/>
      <c r="Q87" s="70"/>
      <c r="R87" s="70"/>
      <c r="S87" s="70"/>
      <c r="T87" s="70"/>
      <c r="U87" s="70"/>
      <c r="V87" s="70"/>
      <c r="W87" s="70"/>
      <c r="X87" s="70"/>
      <c r="Y87" s="70"/>
      <c r="Z87" s="70"/>
      <c r="AA87" s="70"/>
      <c r="AB87" s="70"/>
      <c r="AC87" s="70"/>
      <c r="AD87" s="70"/>
      <c r="AE87" s="70"/>
      <c r="AF87" s="70"/>
    </row>
    <row r="88" spans="3:32" x14ac:dyDescent="0.2">
      <c r="C88" s="70"/>
      <c r="D88" s="70"/>
      <c r="E88" s="70"/>
      <c r="F88" s="70"/>
      <c r="G88" s="70"/>
      <c r="H88" s="70"/>
      <c r="I88" s="70"/>
      <c r="J88" s="70"/>
      <c r="K88" s="70"/>
      <c r="L88" s="70"/>
      <c r="M88" s="70"/>
      <c r="N88" s="70"/>
      <c r="O88" s="70"/>
      <c r="P88" s="70"/>
      <c r="Q88" s="70"/>
      <c r="R88" s="70"/>
      <c r="S88" s="70"/>
      <c r="T88" s="70"/>
      <c r="U88" s="70"/>
      <c r="V88" s="70"/>
      <c r="W88" s="70"/>
      <c r="X88" s="70"/>
      <c r="Y88" s="70"/>
      <c r="Z88" s="70"/>
      <c r="AA88" s="70"/>
      <c r="AB88" s="70"/>
      <c r="AC88" s="70"/>
      <c r="AD88" s="70"/>
      <c r="AE88" s="70"/>
      <c r="AF88" s="70"/>
    </row>
    <row r="89" spans="3:32" x14ac:dyDescent="0.2">
      <c r="C89" s="70"/>
      <c r="D89" s="70"/>
      <c r="E89" s="70"/>
      <c r="F89" s="70"/>
      <c r="G89" s="70"/>
      <c r="H89" s="70"/>
      <c r="I89" s="70"/>
      <c r="J89" s="70"/>
      <c r="K89" s="70"/>
      <c r="L89" s="70"/>
      <c r="M89" s="70"/>
      <c r="N89" s="70"/>
      <c r="O89" s="70"/>
      <c r="P89" s="70"/>
      <c r="Q89" s="70"/>
      <c r="R89" s="70"/>
      <c r="S89" s="70"/>
      <c r="T89" s="70"/>
      <c r="U89" s="70"/>
      <c r="V89" s="70"/>
      <c r="W89" s="70"/>
      <c r="X89" s="70"/>
      <c r="Y89" s="70"/>
      <c r="Z89" s="70"/>
      <c r="AA89" s="70"/>
      <c r="AB89" s="70"/>
      <c r="AC89" s="70"/>
      <c r="AD89" s="70"/>
      <c r="AE89" s="70"/>
      <c r="AF89" s="70"/>
    </row>
    <row r="90" spans="3:32" x14ac:dyDescent="0.2">
      <c r="C90" s="70"/>
      <c r="D90" s="70"/>
      <c r="E90" s="70"/>
      <c r="F90" s="70"/>
      <c r="G90" s="70"/>
      <c r="H90" s="70"/>
      <c r="I90" s="70"/>
      <c r="J90" s="70"/>
      <c r="K90" s="70"/>
      <c r="L90" s="70"/>
      <c r="M90" s="70"/>
      <c r="N90" s="70"/>
      <c r="O90" s="70"/>
      <c r="P90" s="70"/>
      <c r="Q90" s="70"/>
      <c r="R90" s="70"/>
      <c r="S90" s="70"/>
      <c r="T90" s="70"/>
      <c r="U90" s="70"/>
      <c r="V90" s="70"/>
      <c r="W90" s="70"/>
      <c r="X90" s="70"/>
      <c r="Y90" s="70"/>
      <c r="Z90" s="70"/>
      <c r="AA90" s="70"/>
      <c r="AB90" s="70"/>
      <c r="AC90" s="70"/>
      <c r="AD90" s="70"/>
      <c r="AE90" s="70"/>
      <c r="AF90" s="70"/>
    </row>
    <row r="91" spans="3:32" x14ac:dyDescent="0.2">
      <c r="C91" s="70"/>
      <c r="D91" s="70"/>
      <c r="E91" s="70"/>
      <c r="F91" s="70"/>
      <c r="G91" s="70"/>
      <c r="H91" s="70"/>
      <c r="I91" s="70"/>
      <c r="J91" s="70"/>
      <c r="K91" s="70"/>
      <c r="L91" s="70"/>
      <c r="M91" s="70"/>
      <c r="N91" s="70"/>
      <c r="O91" s="70"/>
      <c r="P91" s="70"/>
      <c r="Q91" s="70"/>
      <c r="R91" s="70"/>
      <c r="S91" s="70"/>
      <c r="T91" s="70"/>
      <c r="U91" s="70"/>
      <c r="V91" s="70"/>
      <c r="W91" s="70"/>
      <c r="X91" s="70"/>
      <c r="Y91" s="70"/>
      <c r="Z91" s="70"/>
      <c r="AA91" s="70"/>
      <c r="AB91" s="70"/>
      <c r="AC91" s="70"/>
      <c r="AD91" s="70"/>
      <c r="AE91" s="70"/>
      <c r="AF91" s="70"/>
    </row>
    <row r="92" spans="3:32" x14ac:dyDescent="0.2">
      <c r="C92" s="70"/>
      <c r="D92" s="70"/>
      <c r="E92" s="70"/>
      <c r="F92" s="70"/>
      <c r="G92" s="70"/>
      <c r="H92" s="70"/>
      <c r="I92" s="70"/>
      <c r="J92" s="70"/>
      <c r="K92" s="70"/>
      <c r="L92" s="70"/>
      <c r="M92" s="70"/>
      <c r="N92" s="70"/>
      <c r="O92" s="70"/>
      <c r="P92" s="70"/>
      <c r="Q92" s="70"/>
      <c r="R92" s="70"/>
      <c r="S92" s="70"/>
      <c r="T92" s="70"/>
      <c r="U92" s="70"/>
      <c r="V92" s="70"/>
      <c r="W92" s="70"/>
      <c r="X92" s="70"/>
      <c r="Y92" s="70"/>
      <c r="Z92" s="70"/>
      <c r="AA92" s="70"/>
      <c r="AB92" s="70"/>
      <c r="AC92" s="70"/>
      <c r="AD92" s="70"/>
      <c r="AE92" s="70"/>
      <c r="AF92" s="70"/>
    </row>
    <row r="93" spans="3:32" x14ac:dyDescent="0.2">
      <c r="C93" s="70"/>
      <c r="D93" s="70"/>
      <c r="E93" s="70"/>
      <c r="F93" s="70"/>
      <c r="G93" s="70"/>
      <c r="H93" s="70"/>
      <c r="I93" s="70"/>
      <c r="J93" s="70"/>
      <c r="K93" s="70"/>
      <c r="L93" s="70"/>
      <c r="M93" s="70"/>
      <c r="N93" s="70"/>
      <c r="O93" s="70"/>
      <c r="P93" s="70"/>
      <c r="Q93" s="70"/>
      <c r="R93" s="70"/>
      <c r="S93" s="70"/>
      <c r="T93" s="70"/>
      <c r="U93" s="70"/>
      <c r="V93" s="70"/>
      <c r="W93" s="70"/>
      <c r="X93" s="70"/>
      <c r="Y93" s="70"/>
      <c r="Z93" s="70"/>
      <c r="AA93" s="70"/>
      <c r="AB93" s="70"/>
      <c r="AC93" s="70"/>
      <c r="AD93" s="70"/>
      <c r="AE93" s="70"/>
      <c r="AF93" s="70"/>
    </row>
    <row r="94" spans="3:32" x14ac:dyDescent="0.2">
      <c r="C94" s="70"/>
      <c r="D94" s="70"/>
      <c r="E94" s="70"/>
      <c r="F94" s="70"/>
      <c r="G94" s="70"/>
      <c r="H94" s="70"/>
      <c r="I94" s="70"/>
      <c r="J94" s="70"/>
      <c r="K94" s="70"/>
      <c r="L94" s="70"/>
      <c r="M94" s="70"/>
      <c r="N94" s="70"/>
      <c r="O94" s="70"/>
      <c r="P94" s="70"/>
      <c r="Q94" s="70"/>
      <c r="R94" s="70"/>
      <c r="S94" s="70"/>
      <c r="T94" s="70"/>
      <c r="U94" s="70"/>
      <c r="V94" s="70"/>
      <c r="W94" s="70"/>
      <c r="X94" s="70"/>
      <c r="Y94" s="70"/>
      <c r="Z94" s="70"/>
      <c r="AA94" s="70"/>
      <c r="AB94" s="70"/>
      <c r="AC94" s="70"/>
      <c r="AD94" s="70"/>
      <c r="AE94" s="70"/>
      <c r="AF94" s="70"/>
    </row>
    <row r="95" spans="3:32" x14ac:dyDescent="0.2">
      <c r="C95" s="70"/>
      <c r="D95" s="70"/>
      <c r="E95" s="70"/>
      <c r="F95" s="70"/>
      <c r="G95" s="70"/>
      <c r="H95" s="70"/>
      <c r="I95" s="70"/>
      <c r="J95" s="70"/>
      <c r="K95" s="70"/>
      <c r="L95" s="70"/>
      <c r="M95" s="70"/>
      <c r="N95" s="70"/>
      <c r="O95" s="70"/>
      <c r="P95" s="70"/>
      <c r="Q95" s="70"/>
      <c r="R95" s="70"/>
      <c r="S95" s="70"/>
      <c r="T95" s="70"/>
      <c r="U95" s="70"/>
      <c r="V95" s="70"/>
      <c r="W95" s="70"/>
      <c r="X95" s="70"/>
      <c r="Y95" s="70"/>
      <c r="Z95" s="70"/>
      <c r="AA95" s="70"/>
      <c r="AB95" s="70"/>
      <c r="AC95" s="70"/>
      <c r="AD95" s="70"/>
      <c r="AE95" s="70"/>
      <c r="AF95" s="70"/>
    </row>
    <row r="96" spans="3:32" x14ac:dyDescent="0.2">
      <c r="C96" s="70"/>
      <c r="D96" s="70"/>
      <c r="E96" s="70"/>
      <c r="F96" s="70"/>
      <c r="G96" s="70"/>
      <c r="H96" s="70"/>
      <c r="I96" s="70"/>
      <c r="J96" s="70"/>
      <c r="K96" s="70"/>
      <c r="L96" s="70"/>
      <c r="M96" s="70"/>
      <c r="N96" s="70"/>
      <c r="O96" s="70"/>
      <c r="P96" s="70"/>
      <c r="Q96" s="70"/>
      <c r="R96" s="70"/>
      <c r="S96" s="70"/>
      <c r="T96" s="70"/>
      <c r="U96" s="70"/>
      <c r="V96" s="70"/>
      <c r="W96" s="70"/>
      <c r="X96" s="70"/>
      <c r="Y96" s="70"/>
      <c r="Z96" s="70"/>
      <c r="AA96" s="70"/>
      <c r="AB96" s="70"/>
      <c r="AC96" s="70"/>
      <c r="AD96" s="70"/>
      <c r="AE96" s="70"/>
      <c r="AF96" s="70"/>
    </row>
    <row r="97" spans="3:32" x14ac:dyDescent="0.2">
      <c r="C97" s="70"/>
      <c r="D97" s="70"/>
      <c r="E97" s="70"/>
      <c r="F97" s="70"/>
      <c r="G97" s="70"/>
      <c r="H97" s="70"/>
      <c r="I97" s="70"/>
      <c r="J97" s="70"/>
      <c r="K97" s="70"/>
      <c r="L97" s="70"/>
      <c r="M97" s="70"/>
      <c r="N97" s="70"/>
      <c r="O97" s="70"/>
      <c r="P97" s="70"/>
      <c r="Q97" s="70"/>
      <c r="R97" s="70"/>
      <c r="S97" s="70"/>
      <c r="T97" s="70"/>
      <c r="U97" s="70"/>
      <c r="V97" s="70"/>
      <c r="W97" s="70"/>
      <c r="X97" s="70"/>
      <c r="Y97" s="70"/>
      <c r="Z97" s="70"/>
      <c r="AA97" s="70"/>
      <c r="AB97" s="70"/>
      <c r="AC97" s="70"/>
      <c r="AD97" s="70"/>
      <c r="AE97" s="70"/>
      <c r="AF97" s="70"/>
    </row>
    <row r="98" spans="3:32" x14ac:dyDescent="0.2">
      <c r="C98" s="70"/>
      <c r="D98" s="70"/>
      <c r="E98" s="70"/>
      <c r="F98" s="70"/>
      <c r="G98" s="70"/>
      <c r="H98" s="70"/>
      <c r="I98" s="70"/>
      <c r="J98" s="70"/>
      <c r="K98" s="70"/>
      <c r="L98" s="70"/>
      <c r="M98" s="70"/>
      <c r="N98" s="70"/>
      <c r="O98" s="70"/>
      <c r="P98" s="70"/>
      <c r="Q98" s="70"/>
      <c r="R98" s="70"/>
      <c r="S98" s="70"/>
      <c r="T98" s="70"/>
      <c r="U98" s="70"/>
      <c r="V98" s="70"/>
      <c r="W98" s="70"/>
      <c r="X98" s="70"/>
      <c r="Y98" s="70"/>
      <c r="Z98" s="70"/>
      <c r="AA98" s="70"/>
      <c r="AB98" s="70"/>
      <c r="AC98" s="70"/>
      <c r="AD98" s="70"/>
      <c r="AE98" s="70"/>
      <c r="AF98" s="70"/>
    </row>
    <row r="99" spans="3:32" x14ac:dyDescent="0.2">
      <c r="C99" s="70"/>
      <c r="D99" s="70"/>
      <c r="E99" s="70"/>
      <c r="F99" s="70"/>
      <c r="G99" s="70"/>
      <c r="H99" s="70"/>
      <c r="I99" s="70"/>
      <c r="J99" s="70"/>
      <c r="K99" s="70"/>
      <c r="L99" s="70"/>
      <c r="M99" s="70"/>
      <c r="N99" s="70"/>
      <c r="O99" s="70"/>
      <c r="P99" s="70"/>
      <c r="Q99" s="70"/>
      <c r="R99" s="70"/>
      <c r="S99" s="70"/>
      <c r="T99" s="70"/>
      <c r="U99" s="70"/>
      <c r="V99" s="70"/>
      <c r="W99" s="70"/>
      <c r="X99" s="70"/>
      <c r="Y99" s="70"/>
      <c r="Z99" s="70"/>
      <c r="AA99" s="70"/>
      <c r="AB99" s="70"/>
      <c r="AC99" s="70"/>
      <c r="AD99" s="70"/>
      <c r="AE99" s="70"/>
      <c r="AF99" s="70"/>
    </row>
    <row r="100" spans="3:32" x14ac:dyDescent="0.2">
      <c r="C100" s="70"/>
      <c r="D100" s="70"/>
      <c r="E100" s="70"/>
      <c r="F100" s="70"/>
      <c r="G100" s="70"/>
      <c r="H100" s="70"/>
      <c r="I100" s="70"/>
      <c r="J100" s="70"/>
      <c r="K100" s="70"/>
      <c r="L100" s="70"/>
      <c r="M100" s="70"/>
      <c r="N100" s="70"/>
      <c r="O100" s="70"/>
      <c r="P100" s="70"/>
      <c r="Q100" s="70"/>
      <c r="R100" s="70"/>
      <c r="S100" s="70"/>
      <c r="T100" s="70"/>
      <c r="U100" s="70"/>
      <c r="V100" s="70"/>
      <c r="W100" s="70"/>
      <c r="X100" s="70"/>
      <c r="Y100" s="70"/>
      <c r="Z100" s="70"/>
      <c r="AA100" s="70"/>
      <c r="AB100" s="70"/>
      <c r="AC100" s="70"/>
      <c r="AD100" s="70"/>
      <c r="AE100" s="70"/>
      <c r="AF100" s="70"/>
    </row>
    <row r="101" spans="3:32" x14ac:dyDescent="0.2">
      <c r="C101" s="70"/>
      <c r="D101" s="70"/>
      <c r="E101" s="70"/>
      <c r="F101" s="70"/>
      <c r="G101" s="70"/>
      <c r="H101" s="70"/>
      <c r="I101" s="70"/>
      <c r="J101" s="70"/>
      <c r="K101" s="70"/>
      <c r="L101" s="70"/>
      <c r="M101" s="70"/>
      <c r="N101" s="70"/>
      <c r="O101" s="70"/>
      <c r="P101" s="70"/>
      <c r="Q101" s="70"/>
      <c r="R101" s="70"/>
      <c r="S101" s="70"/>
      <c r="T101" s="70"/>
      <c r="U101" s="70"/>
      <c r="V101" s="70"/>
      <c r="W101" s="70"/>
      <c r="X101" s="70"/>
      <c r="Y101" s="70"/>
      <c r="Z101" s="70"/>
      <c r="AA101" s="70"/>
      <c r="AB101" s="70"/>
      <c r="AC101" s="70"/>
      <c r="AD101" s="70"/>
      <c r="AE101" s="70"/>
      <c r="AF101" s="70"/>
    </row>
    <row r="102" spans="3:32" x14ac:dyDescent="0.2">
      <c r="C102" s="70"/>
      <c r="D102" s="70"/>
      <c r="E102" s="70"/>
      <c r="F102" s="70"/>
      <c r="G102" s="70"/>
      <c r="H102" s="70"/>
      <c r="I102" s="70"/>
      <c r="J102" s="70"/>
      <c r="K102" s="70"/>
      <c r="L102" s="70"/>
      <c r="M102" s="70"/>
      <c r="N102" s="70"/>
      <c r="O102" s="70"/>
      <c r="P102" s="70"/>
      <c r="Q102" s="70"/>
      <c r="R102" s="70"/>
      <c r="S102" s="70"/>
      <c r="T102" s="70"/>
      <c r="U102" s="70"/>
      <c r="V102" s="70"/>
      <c r="W102" s="70"/>
      <c r="X102" s="70"/>
      <c r="Y102" s="70"/>
      <c r="Z102" s="70"/>
      <c r="AA102" s="70"/>
      <c r="AB102" s="70"/>
      <c r="AC102" s="70"/>
      <c r="AD102" s="70"/>
      <c r="AE102" s="70"/>
      <c r="AF102" s="70"/>
    </row>
    <row r="103" spans="3:32" x14ac:dyDescent="0.2">
      <c r="C103" s="70"/>
      <c r="D103" s="70"/>
      <c r="E103" s="70"/>
      <c r="F103" s="70"/>
      <c r="G103" s="70"/>
      <c r="H103" s="70"/>
      <c r="I103" s="70"/>
      <c r="J103" s="70"/>
      <c r="K103" s="70"/>
      <c r="L103" s="70"/>
      <c r="M103" s="70"/>
      <c r="N103" s="70"/>
      <c r="O103" s="70"/>
      <c r="P103" s="70"/>
      <c r="Q103" s="70"/>
      <c r="R103" s="70"/>
      <c r="S103" s="70"/>
      <c r="T103" s="70"/>
      <c r="U103" s="70"/>
      <c r="V103" s="70"/>
      <c r="W103" s="70"/>
      <c r="X103" s="70"/>
      <c r="Y103" s="70"/>
      <c r="Z103" s="70"/>
      <c r="AA103" s="70"/>
      <c r="AB103" s="70"/>
      <c r="AC103" s="70"/>
      <c r="AD103" s="70"/>
      <c r="AE103" s="70"/>
      <c r="AF103" s="70"/>
    </row>
    <row r="104" spans="3:32" x14ac:dyDescent="0.2">
      <c r="C104" s="70"/>
      <c r="D104" s="70"/>
      <c r="E104" s="70"/>
      <c r="F104" s="70"/>
      <c r="G104" s="70"/>
      <c r="H104" s="70"/>
      <c r="I104" s="70"/>
      <c r="J104" s="70"/>
      <c r="K104" s="70"/>
      <c r="L104" s="70"/>
      <c r="M104" s="70"/>
      <c r="N104" s="70"/>
      <c r="O104" s="70"/>
      <c r="P104" s="70"/>
      <c r="Q104" s="70"/>
      <c r="R104" s="70"/>
      <c r="S104" s="70"/>
      <c r="T104" s="70"/>
      <c r="U104" s="70"/>
      <c r="V104" s="70"/>
      <c r="W104" s="70"/>
      <c r="X104" s="70"/>
      <c r="Y104" s="70"/>
      <c r="Z104" s="70"/>
      <c r="AA104" s="70"/>
      <c r="AB104" s="70"/>
      <c r="AC104" s="70"/>
      <c r="AD104" s="70"/>
      <c r="AE104" s="70"/>
      <c r="AF104" s="70"/>
    </row>
    <row r="105" spans="3:32" x14ac:dyDescent="0.2">
      <c r="C105" s="70"/>
      <c r="D105" s="70"/>
      <c r="E105" s="70"/>
      <c r="F105" s="70"/>
      <c r="G105" s="70"/>
      <c r="H105" s="70"/>
      <c r="I105" s="70"/>
      <c r="J105" s="70"/>
      <c r="K105" s="70"/>
      <c r="L105" s="70"/>
      <c r="M105" s="70"/>
      <c r="N105" s="70"/>
      <c r="O105" s="70"/>
      <c r="P105" s="70"/>
      <c r="Q105" s="70"/>
      <c r="R105" s="70"/>
      <c r="S105" s="70"/>
      <c r="T105" s="70"/>
      <c r="U105" s="70"/>
      <c r="V105" s="70"/>
      <c r="W105" s="70"/>
      <c r="X105" s="70"/>
      <c r="Y105" s="70"/>
      <c r="Z105" s="70"/>
      <c r="AA105" s="70"/>
      <c r="AB105" s="70"/>
      <c r="AC105" s="70"/>
      <c r="AD105" s="70"/>
      <c r="AE105" s="70"/>
      <c r="AF105" s="70"/>
    </row>
    <row r="106" spans="3:32" x14ac:dyDescent="0.2">
      <c r="C106" s="70"/>
      <c r="D106" s="70"/>
      <c r="E106" s="70"/>
      <c r="F106" s="70"/>
      <c r="G106" s="70"/>
      <c r="H106" s="70"/>
      <c r="I106" s="70"/>
      <c r="J106" s="70"/>
      <c r="K106" s="70"/>
      <c r="L106" s="70"/>
      <c r="M106" s="70"/>
      <c r="N106" s="70"/>
      <c r="O106" s="70"/>
      <c r="P106" s="70"/>
      <c r="Q106" s="70"/>
      <c r="R106" s="70"/>
      <c r="S106" s="70"/>
      <c r="T106" s="70"/>
      <c r="U106" s="70"/>
      <c r="V106" s="70"/>
      <c r="W106" s="70"/>
      <c r="X106" s="70"/>
      <c r="Y106" s="70"/>
      <c r="Z106" s="70"/>
      <c r="AA106" s="70"/>
      <c r="AB106" s="70"/>
      <c r="AC106" s="70"/>
      <c r="AD106" s="70"/>
      <c r="AE106" s="70"/>
      <c r="AF106" s="70"/>
    </row>
    <row r="107" spans="3:32" x14ac:dyDescent="0.2">
      <c r="C107" s="70"/>
      <c r="D107" s="70"/>
      <c r="E107" s="70"/>
      <c r="F107" s="70"/>
      <c r="G107" s="70"/>
      <c r="H107" s="70"/>
      <c r="I107" s="70"/>
      <c r="J107" s="70"/>
      <c r="K107" s="70"/>
      <c r="L107" s="70"/>
      <c r="M107" s="70"/>
      <c r="N107" s="70"/>
      <c r="O107" s="70"/>
      <c r="P107" s="70"/>
      <c r="Q107" s="70"/>
      <c r="R107" s="70"/>
      <c r="S107" s="70"/>
      <c r="T107" s="70"/>
      <c r="U107" s="70"/>
      <c r="V107" s="70"/>
      <c r="W107" s="70"/>
      <c r="X107" s="70"/>
      <c r="Y107" s="70"/>
      <c r="Z107" s="70"/>
      <c r="AA107" s="70"/>
      <c r="AB107" s="70"/>
      <c r="AC107" s="70"/>
      <c r="AD107" s="70"/>
      <c r="AE107" s="70"/>
      <c r="AF107" s="70"/>
    </row>
    <row r="108" spans="3:32" x14ac:dyDescent="0.2">
      <c r="C108" s="70"/>
      <c r="D108" s="70"/>
      <c r="E108" s="70"/>
      <c r="F108" s="70"/>
      <c r="G108" s="70"/>
      <c r="H108" s="70"/>
      <c r="I108" s="70"/>
      <c r="J108" s="70"/>
      <c r="K108" s="70"/>
      <c r="L108" s="70"/>
      <c r="M108" s="70"/>
      <c r="N108" s="70"/>
      <c r="O108" s="70"/>
      <c r="P108" s="70"/>
      <c r="Q108" s="70"/>
      <c r="R108" s="70"/>
      <c r="S108" s="70"/>
      <c r="T108" s="70"/>
      <c r="U108" s="70"/>
      <c r="V108" s="70"/>
      <c r="W108" s="70"/>
      <c r="X108" s="70"/>
      <c r="Y108" s="70"/>
      <c r="Z108" s="70"/>
      <c r="AA108" s="70"/>
      <c r="AB108" s="70"/>
      <c r="AC108" s="70"/>
      <c r="AD108" s="70"/>
      <c r="AE108" s="70"/>
      <c r="AF108" s="70"/>
    </row>
    <row r="109" spans="3:32" x14ac:dyDescent="0.2">
      <c r="C109" s="70"/>
      <c r="D109" s="70"/>
      <c r="E109" s="70"/>
      <c r="F109" s="70"/>
      <c r="G109" s="70"/>
      <c r="H109" s="70"/>
      <c r="I109" s="70"/>
      <c r="J109" s="70"/>
      <c r="K109" s="70"/>
      <c r="L109" s="70"/>
      <c r="M109" s="70"/>
      <c r="N109" s="70"/>
      <c r="O109" s="70"/>
      <c r="P109" s="70"/>
      <c r="Q109" s="70"/>
      <c r="R109" s="70"/>
      <c r="S109" s="70"/>
      <c r="T109" s="70"/>
      <c r="U109" s="70"/>
      <c r="V109" s="70"/>
      <c r="W109" s="70"/>
      <c r="X109" s="70"/>
      <c r="Y109" s="70"/>
      <c r="Z109" s="70"/>
      <c r="AA109" s="70"/>
      <c r="AB109" s="70"/>
      <c r="AC109" s="70"/>
      <c r="AD109" s="70"/>
      <c r="AE109" s="70"/>
      <c r="AF109" s="70"/>
    </row>
    <row r="110" spans="3:32" x14ac:dyDescent="0.2">
      <c r="C110" s="70"/>
      <c r="D110" s="70"/>
      <c r="E110" s="70"/>
      <c r="F110" s="70"/>
      <c r="G110" s="70"/>
      <c r="H110" s="70"/>
      <c r="I110" s="70"/>
      <c r="J110" s="70"/>
      <c r="K110" s="70"/>
      <c r="L110" s="70"/>
      <c r="M110" s="70"/>
      <c r="N110" s="70"/>
      <c r="O110" s="70"/>
      <c r="P110" s="70"/>
      <c r="Q110" s="70"/>
      <c r="R110" s="70"/>
      <c r="S110" s="70"/>
      <c r="T110" s="70"/>
      <c r="U110" s="70"/>
      <c r="V110" s="70"/>
      <c r="W110" s="70"/>
      <c r="X110" s="70"/>
      <c r="Y110" s="70"/>
      <c r="Z110" s="70"/>
      <c r="AA110" s="70"/>
      <c r="AB110" s="70"/>
      <c r="AC110" s="70"/>
      <c r="AD110" s="70"/>
      <c r="AE110" s="70"/>
      <c r="AF110" s="70"/>
    </row>
    <row r="111" spans="3:32" x14ac:dyDescent="0.2">
      <c r="C111" s="70"/>
      <c r="D111" s="70"/>
      <c r="E111" s="70"/>
      <c r="F111" s="70"/>
      <c r="G111" s="70"/>
      <c r="H111" s="70"/>
      <c r="I111" s="70"/>
      <c r="J111" s="70"/>
      <c r="K111" s="70"/>
      <c r="L111" s="70"/>
      <c r="M111" s="70"/>
      <c r="N111" s="70"/>
      <c r="O111" s="70"/>
      <c r="P111" s="70"/>
      <c r="Q111" s="70"/>
      <c r="R111" s="70"/>
      <c r="S111" s="70"/>
      <c r="T111" s="70"/>
      <c r="U111" s="70"/>
      <c r="V111" s="70"/>
      <c r="W111" s="70"/>
      <c r="X111" s="70"/>
      <c r="Y111" s="70"/>
      <c r="Z111" s="70"/>
      <c r="AA111" s="70"/>
      <c r="AB111" s="70"/>
      <c r="AC111" s="70"/>
      <c r="AD111" s="70"/>
      <c r="AE111" s="70"/>
      <c r="AF111" s="70"/>
    </row>
    <row r="112" spans="3:32" x14ac:dyDescent="0.2">
      <c r="C112" s="70"/>
      <c r="D112" s="70"/>
      <c r="E112" s="70"/>
      <c r="F112" s="70"/>
      <c r="G112" s="70"/>
      <c r="H112" s="70"/>
      <c r="I112" s="70"/>
      <c r="J112" s="70"/>
      <c r="K112" s="70"/>
      <c r="L112" s="70"/>
      <c r="M112" s="70"/>
      <c r="N112" s="70"/>
      <c r="O112" s="70"/>
      <c r="P112" s="70"/>
      <c r="Q112" s="70"/>
      <c r="R112" s="70"/>
      <c r="S112" s="70"/>
      <c r="T112" s="70"/>
      <c r="U112" s="70"/>
      <c r="V112" s="70"/>
      <c r="W112" s="70"/>
      <c r="X112" s="70"/>
      <c r="Y112" s="70"/>
      <c r="Z112" s="70"/>
      <c r="AA112" s="70"/>
      <c r="AB112" s="70"/>
      <c r="AC112" s="70"/>
      <c r="AD112" s="70"/>
      <c r="AE112" s="70"/>
      <c r="AF112" s="70"/>
    </row>
    <row r="113" spans="3:32" x14ac:dyDescent="0.2">
      <c r="C113" s="70"/>
      <c r="D113" s="70"/>
      <c r="E113" s="70"/>
      <c r="F113" s="70"/>
      <c r="G113" s="70"/>
      <c r="H113" s="70"/>
      <c r="I113" s="70"/>
      <c r="J113" s="70"/>
      <c r="K113" s="70"/>
      <c r="L113" s="70"/>
      <c r="M113" s="70"/>
      <c r="N113" s="70"/>
      <c r="O113" s="70"/>
      <c r="P113" s="70"/>
      <c r="Q113" s="70"/>
      <c r="R113" s="70"/>
      <c r="S113" s="70"/>
      <c r="T113" s="70"/>
      <c r="U113" s="70"/>
      <c r="V113" s="70"/>
      <c r="W113" s="70"/>
      <c r="X113" s="70"/>
      <c r="Y113" s="70"/>
      <c r="Z113" s="70"/>
      <c r="AA113" s="70"/>
      <c r="AB113" s="70"/>
      <c r="AC113" s="70"/>
      <c r="AD113" s="70"/>
      <c r="AE113" s="70"/>
      <c r="AF113" s="70"/>
    </row>
    <row r="114" spans="3:32" x14ac:dyDescent="0.2">
      <c r="C114" s="70"/>
      <c r="D114" s="70"/>
      <c r="E114" s="70"/>
      <c r="F114" s="70"/>
      <c r="G114" s="70"/>
      <c r="H114" s="70"/>
      <c r="I114" s="70"/>
      <c r="J114" s="70"/>
      <c r="K114" s="70"/>
      <c r="L114" s="70"/>
      <c r="M114" s="70"/>
      <c r="N114" s="70"/>
      <c r="O114" s="70"/>
      <c r="P114" s="70"/>
      <c r="Q114" s="70"/>
      <c r="R114" s="70"/>
      <c r="S114" s="70"/>
      <c r="T114" s="70"/>
      <c r="U114" s="70"/>
      <c r="V114" s="70"/>
      <c r="W114" s="70"/>
      <c r="X114" s="70"/>
      <c r="Y114" s="70"/>
      <c r="Z114" s="70"/>
      <c r="AA114" s="70"/>
      <c r="AB114" s="70"/>
      <c r="AC114" s="70"/>
      <c r="AD114" s="70"/>
      <c r="AE114" s="70"/>
      <c r="AF114" s="70"/>
    </row>
    <row r="115" spans="3:32" x14ac:dyDescent="0.2">
      <c r="C115" s="70"/>
      <c r="D115" s="70"/>
      <c r="E115" s="70"/>
      <c r="F115" s="70"/>
      <c r="G115" s="70"/>
      <c r="H115" s="70"/>
      <c r="I115" s="70"/>
      <c r="J115" s="70"/>
      <c r="K115" s="70"/>
      <c r="L115" s="70"/>
      <c r="M115" s="70"/>
      <c r="N115" s="70"/>
      <c r="O115" s="70"/>
      <c r="P115" s="70"/>
      <c r="Q115" s="70"/>
      <c r="R115" s="70"/>
      <c r="S115" s="70"/>
      <c r="T115" s="70"/>
      <c r="U115" s="70"/>
      <c r="V115" s="70"/>
      <c r="W115" s="70"/>
      <c r="X115" s="70"/>
      <c r="Y115" s="70"/>
      <c r="Z115" s="70"/>
      <c r="AA115" s="70"/>
      <c r="AB115" s="70"/>
      <c r="AC115" s="70"/>
      <c r="AD115" s="70"/>
      <c r="AE115" s="70"/>
      <c r="AF115" s="70"/>
    </row>
    <row r="116" spans="3:32" x14ac:dyDescent="0.2">
      <c r="C116" s="70"/>
      <c r="D116" s="70"/>
      <c r="E116" s="70"/>
      <c r="F116" s="70"/>
      <c r="G116" s="70"/>
      <c r="H116" s="70"/>
      <c r="I116" s="70"/>
      <c r="J116" s="70"/>
      <c r="K116" s="70"/>
      <c r="L116" s="70"/>
      <c r="M116" s="70"/>
      <c r="N116" s="70"/>
      <c r="O116" s="70"/>
      <c r="P116" s="70"/>
      <c r="Q116" s="70"/>
      <c r="R116" s="70"/>
      <c r="S116" s="70"/>
      <c r="T116" s="70"/>
      <c r="U116" s="70"/>
      <c r="V116" s="70"/>
      <c r="W116" s="70"/>
      <c r="X116" s="70"/>
      <c r="Y116" s="70"/>
      <c r="Z116" s="70"/>
      <c r="AA116" s="70"/>
      <c r="AB116" s="70"/>
      <c r="AC116" s="70"/>
      <c r="AD116" s="70"/>
      <c r="AE116" s="70"/>
      <c r="AF116" s="70"/>
    </row>
    <row r="117" spans="3:32" x14ac:dyDescent="0.2">
      <c r="C117" s="70"/>
      <c r="D117" s="70"/>
      <c r="E117" s="70"/>
      <c r="F117" s="70"/>
      <c r="G117" s="70"/>
      <c r="H117" s="70"/>
      <c r="I117" s="70"/>
      <c r="J117" s="70"/>
      <c r="K117" s="70"/>
      <c r="L117" s="70"/>
      <c r="M117" s="70"/>
      <c r="N117" s="70"/>
      <c r="O117" s="70"/>
      <c r="P117" s="70"/>
      <c r="Q117" s="70"/>
      <c r="R117" s="70"/>
      <c r="S117" s="70"/>
      <c r="T117" s="70"/>
      <c r="U117" s="70"/>
      <c r="V117" s="70"/>
      <c r="W117" s="70"/>
      <c r="X117" s="70"/>
      <c r="Y117" s="70"/>
      <c r="Z117" s="70"/>
      <c r="AA117" s="70"/>
      <c r="AB117" s="70"/>
      <c r="AC117" s="70"/>
      <c r="AD117" s="70"/>
      <c r="AE117" s="70"/>
      <c r="AF117" s="70"/>
    </row>
    <row r="118" spans="3:32" x14ac:dyDescent="0.2">
      <c r="C118" s="70"/>
      <c r="D118" s="70"/>
      <c r="E118" s="70"/>
      <c r="F118" s="70"/>
      <c r="G118" s="70"/>
      <c r="H118" s="70"/>
      <c r="I118" s="70"/>
      <c r="J118" s="70"/>
      <c r="K118" s="70"/>
      <c r="L118" s="70"/>
      <c r="M118" s="70"/>
      <c r="N118" s="70"/>
      <c r="O118" s="70"/>
      <c r="P118" s="70"/>
      <c r="Q118" s="70"/>
      <c r="R118" s="70"/>
      <c r="S118" s="70"/>
      <c r="T118" s="70"/>
      <c r="U118" s="70"/>
      <c r="V118" s="70"/>
      <c r="W118" s="70"/>
      <c r="X118" s="70"/>
      <c r="Y118" s="70"/>
      <c r="Z118" s="70"/>
      <c r="AA118" s="70"/>
      <c r="AB118" s="70"/>
      <c r="AC118" s="70"/>
      <c r="AD118" s="70"/>
      <c r="AE118" s="70"/>
      <c r="AF118" s="70"/>
    </row>
    <row r="119" spans="3:32" x14ac:dyDescent="0.2">
      <c r="C119" s="70"/>
      <c r="D119" s="70"/>
      <c r="E119" s="70"/>
      <c r="F119" s="70"/>
      <c r="G119" s="70"/>
      <c r="H119" s="70"/>
      <c r="I119" s="70"/>
      <c r="J119" s="70"/>
      <c r="K119" s="70"/>
      <c r="L119" s="70"/>
      <c r="M119" s="70"/>
      <c r="N119" s="70"/>
      <c r="O119" s="70"/>
      <c r="P119" s="70"/>
      <c r="Q119" s="70"/>
      <c r="R119" s="70"/>
      <c r="S119" s="70"/>
      <c r="T119" s="70"/>
      <c r="U119" s="70"/>
      <c r="V119" s="70"/>
      <c r="W119" s="70"/>
      <c r="X119" s="70"/>
      <c r="Y119" s="70"/>
      <c r="Z119" s="70"/>
      <c r="AA119" s="70"/>
      <c r="AB119" s="70"/>
      <c r="AC119" s="70"/>
      <c r="AD119" s="70"/>
      <c r="AE119" s="70"/>
      <c r="AF119" s="70"/>
    </row>
    <row r="120" spans="3:32" x14ac:dyDescent="0.2">
      <c r="C120" s="70"/>
      <c r="D120" s="70"/>
      <c r="E120" s="70"/>
      <c r="F120" s="70"/>
      <c r="G120" s="70"/>
      <c r="H120" s="70"/>
      <c r="I120" s="70"/>
      <c r="J120" s="70"/>
      <c r="K120" s="70"/>
      <c r="L120" s="70"/>
      <c r="M120" s="70"/>
      <c r="N120" s="70"/>
      <c r="O120" s="70"/>
      <c r="P120" s="70"/>
      <c r="Q120" s="70"/>
      <c r="R120" s="70"/>
      <c r="S120" s="70"/>
      <c r="T120" s="70"/>
      <c r="U120" s="70"/>
      <c r="V120" s="70"/>
      <c r="W120" s="70"/>
      <c r="X120" s="70"/>
      <c r="Y120" s="70"/>
      <c r="Z120" s="70"/>
      <c r="AA120" s="70"/>
      <c r="AB120" s="70"/>
      <c r="AC120" s="70"/>
      <c r="AD120" s="70"/>
      <c r="AE120" s="70"/>
      <c r="AF120" s="70"/>
    </row>
    <row r="121" spans="3:32" x14ac:dyDescent="0.2">
      <c r="C121" s="70"/>
      <c r="D121" s="70"/>
      <c r="E121" s="70"/>
      <c r="F121" s="70"/>
      <c r="G121" s="70"/>
      <c r="H121" s="70"/>
      <c r="I121" s="70"/>
      <c r="J121" s="70"/>
      <c r="K121" s="70"/>
      <c r="L121" s="70"/>
      <c r="M121" s="70"/>
      <c r="N121" s="70"/>
      <c r="O121" s="70"/>
      <c r="P121" s="70"/>
      <c r="Q121" s="70"/>
      <c r="R121" s="70"/>
      <c r="S121" s="70"/>
      <c r="T121" s="70"/>
      <c r="U121" s="70"/>
      <c r="V121" s="70"/>
      <c r="W121" s="70"/>
      <c r="X121" s="70"/>
      <c r="Y121" s="70"/>
      <c r="Z121" s="70"/>
      <c r="AA121" s="70"/>
      <c r="AB121" s="70"/>
      <c r="AC121" s="70"/>
      <c r="AD121" s="70"/>
      <c r="AE121" s="70"/>
      <c r="AF121" s="70"/>
    </row>
    <row r="122" spans="3:32" x14ac:dyDescent="0.2">
      <c r="C122" s="70"/>
      <c r="D122" s="70"/>
      <c r="E122" s="70"/>
      <c r="F122" s="70"/>
      <c r="G122" s="70"/>
      <c r="H122" s="70"/>
      <c r="I122" s="70"/>
      <c r="J122" s="70"/>
      <c r="K122" s="70"/>
      <c r="L122" s="70"/>
      <c r="M122" s="70"/>
      <c r="N122" s="70"/>
      <c r="O122" s="70"/>
      <c r="P122" s="70"/>
      <c r="Q122" s="70"/>
      <c r="R122" s="70"/>
      <c r="S122" s="70"/>
      <c r="T122" s="70"/>
      <c r="U122" s="70"/>
      <c r="V122" s="70"/>
      <c r="W122" s="70"/>
      <c r="X122" s="70"/>
      <c r="Y122" s="70"/>
      <c r="Z122" s="70"/>
      <c r="AA122" s="70"/>
      <c r="AB122" s="70"/>
      <c r="AC122" s="70"/>
      <c r="AD122" s="70"/>
      <c r="AE122" s="70"/>
      <c r="AF122" s="70"/>
    </row>
    <row r="123" spans="3:32" x14ac:dyDescent="0.2">
      <c r="C123" s="70"/>
      <c r="D123" s="70"/>
      <c r="E123" s="70"/>
      <c r="F123" s="70"/>
      <c r="G123" s="70"/>
      <c r="H123" s="70"/>
      <c r="I123" s="70"/>
      <c r="J123" s="70"/>
      <c r="K123" s="70"/>
      <c r="L123" s="70"/>
      <c r="M123" s="70"/>
      <c r="N123" s="70"/>
      <c r="O123" s="70"/>
      <c r="P123" s="70"/>
      <c r="Q123" s="70"/>
      <c r="R123" s="70"/>
      <c r="S123" s="70"/>
      <c r="T123" s="70"/>
      <c r="U123" s="70"/>
      <c r="V123" s="70"/>
      <c r="W123" s="70"/>
      <c r="X123" s="70"/>
      <c r="Y123" s="70"/>
      <c r="Z123" s="70"/>
      <c r="AA123" s="70"/>
      <c r="AB123" s="70"/>
      <c r="AC123" s="70"/>
      <c r="AD123" s="70"/>
      <c r="AE123" s="70"/>
      <c r="AF123" s="70"/>
    </row>
    <row r="124" spans="3:32" x14ac:dyDescent="0.2">
      <c r="C124" s="70"/>
      <c r="D124" s="70"/>
      <c r="E124" s="70"/>
      <c r="F124" s="70"/>
      <c r="G124" s="70"/>
      <c r="H124" s="70"/>
      <c r="I124" s="70"/>
      <c r="J124" s="70"/>
      <c r="K124" s="70"/>
      <c r="L124" s="70"/>
      <c r="M124" s="70"/>
      <c r="N124" s="70"/>
      <c r="O124" s="70"/>
      <c r="P124" s="70"/>
      <c r="Q124" s="70"/>
      <c r="R124" s="70"/>
      <c r="S124" s="70"/>
      <c r="T124" s="70"/>
      <c r="U124" s="70"/>
      <c r="V124" s="70"/>
      <c r="W124" s="70"/>
      <c r="X124" s="70"/>
      <c r="Y124" s="70"/>
      <c r="Z124" s="70"/>
      <c r="AA124" s="70"/>
      <c r="AB124" s="70"/>
      <c r="AC124" s="70"/>
      <c r="AD124" s="70"/>
      <c r="AE124" s="70"/>
      <c r="AF124" s="70"/>
    </row>
    <row r="125" spans="3:32" x14ac:dyDescent="0.2">
      <c r="C125" s="70"/>
      <c r="D125" s="70"/>
      <c r="E125" s="70"/>
      <c r="F125" s="70"/>
      <c r="G125" s="70"/>
      <c r="H125" s="70"/>
      <c r="I125" s="70"/>
      <c r="J125" s="70"/>
      <c r="K125" s="70"/>
      <c r="L125" s="70"/>
      <c r="M125" s="70"/>
      <c r="N125" s="70"/>
      <c r="O125" s="70"/>
      <c r="P125" s="70"/>
      <c r="Q125" s="70"/>
      <c r="R125" s="70"/>
      <c r="S125" s="70"/>
      <c r="T125" s="70"/>
      <c r="U125" s="70"/>
      <c r="V125" s="70"/>
      <c r="W125" s="70"/>
      <c r="X125" s="70"/>
      <c r="Y125" s="70"/>
      <c r="Z125" s="70"/>
      <c r="AA125" s="70"/>
      <c r="AB125" s="70"/>
      <c r="AC125" s="70"/>
      <c r="AD125" s="70"/>
      <c r="AE125" s="70"/>
      <c r="AF125" s="70"/>
    </row>
    <row r="126" spans="3:32" x14ac:dyDescent="0.2">
      <c r="C126" s="70"/>
      <c r="D126" s="70"/>
      <c r="E126" s="70"/>
      <c r="F126" s="70"/>
      <c r="G126" s="70"/>
      <c r="H126" s="70"/>
      <c r="I126" s="70"/>
      <c r="J126" s="70"/>
      <c r="K126" s="70"/>
      <c r="L126" s="70"/>
      <c r="M126" s="70"/>
      <c r="N126" s="70"/>
      <c r="O126" s="70"/>
      <c r="P126" s="70"/>
      <c r="Q126" s="70"/>
      <c r="R126" s="70"/>
      <c r="S126" s="70"/>
      <c r="T126" s="70"/>
      <c r="U126" s="70"/>
      <c r="V126" s="70"/>
      <c r="W126" s="70"/>
      <c r="X126" s="70"/>
      <c r="Y126" s="70"/>
      <c r="Z126" s="70"/>
      <c r="AA126" s="70"/>
      <c r="AB126" s="70"/>
      <c r="AC126" s="70"/>
      <c r="AD126" s="70"/>
      <c r="AE126" s="70"/>
      <c r="AF126" s="70"/>
    </row>
    <row r="127" spans="3:32" x14ac:dyDescent="0.2">
      <c r="C127" s="70"/>
      <c r="D127" s="70"/>
      <c r="E127" s="70"/>
      <c r="F127" s="70"/>
      <c r="G127" s="70"/>
      <c r="H127" s="70"/>
      <c r="I127" s="70"/>
      <c r="J127" s="70"/>
      <c r="K127" s="70"/>
      <c r="L127" s="70"/>
      <c r="M127" s="70"/>
      <c r="N127" s="70"/>
      <c r="O127" s="70"/>
      <c r="P127" s="70"/>
      <c r="Q127" s="70"/>
      <c r="R127" s="70"/>
      <c r="S127" s="70"/>
      <c r="T127" s="70"/>
      <c r="U127" s="70"/>
      <c r="V127" s="70"/>
      <c r="W127" s="70"/>
      <c r="X127" s="70"/>
      <c r="Y127" s="70"/>
      <c r="Z127" s="70"/>
      <c r="AA127" s="70"/>
      <c r="AB127" s="70"/>
      <c r="AC127" s="70"/>
      <c r="AD127" s="70"/>
      <c r="AE127" s="70"/>
      <c r="AF127" s="70"/>
    </row>
    <row r="128" spans="3:32" x14ac:dyDescent="0.2">
      <c r="C128" s="70"/>
      <c r="D128" s="70"/>
      <c r="E128" s="70"/>
      <c r="F128" s="70"/>
      <c r="G128" s="70"/>
      <c r="H128" s="70"/>
      <c r="I128" s="70"/>
      <c r="J128" s="70"/>
      <c r="K128" s="70"/>
      <c r="L128" s="70"/>
      <c r="M128" s="70"/>
      <c r="N128" s="70"/>
      <c r="O128" s="70"/>
      <c r="P128" s="70"/>
      <c r="Q128" s="70"/>
      <c r="R128" s="70"/>
      <c r="S128" s="70"/>
      <c r="T128" s="70"/>
      <c r="U128" s="70"/>
      <c r="V128" s="70"/>
      <c r="W128" s="70"/>
      <c r="X128" s="70"/>
      <c r="Y128" s="70"/>
      <c r="Z128" s="70"/>
      <c r="AA128" s="70"/>
      <c r="AB128" s="70"/>
      <c r="AC128" s="70"/>
      <c r="AD128" s="70"/>
      <c r="AE128" s="70"/>
      <c r="AF128" s="70"/>
    </row>
    <row r="129" spans="3:32" x14ac:dyDescent="0.2">
      <c r="C129" s="70"/>
      <c r="D129" s="70"/>
      <c r="E129" s="70"/>
      <c r="F129" s="70"/>
      <c r="G129" s="70"/>
      <c r="H129" s="70"/>
      <c r="I129" s="70"/>
      <c r="J129" s="70"/>
      <c r="K129" s="70"/>
      <c r="L129" s="70"/>
      <c r="M129" s="70"/>
      <c r="N129" s="70"/>
      <c r="O129" s="70"/>
      <c r="P129" s="70"/>
      <c r="Q129" s="70"/>
      <c r="R129" s="70"/>
      <c r="S129" s="70"/>
      <c r="T129" s="70"/>
      <c r="U129" s="70"/>
      <c r="V129" s="70"/>
      <c r="W129" s="70"/>
      <c r="X129" s="70"/>
      <c r="Y129" s="70"/>
      <c r="Z129" s="70"/>
      <c r="AA129" s="70"/>
      <c r="AB129" s="70"/>
      <c r="AC129" s="70"/>
      <c r="AD129" s="70"/>
      <c r="AE129" s="70"/>
      <c r="AF129" s="70"/>
    </row>
    <row r="130" spans="3:32" x14ac:dyDescent="0.2">
      <c r="C130" s="70"/>
      <c r="D130" s="70"/>
      <c r="E130" s="70"/>
      <c r="F130" s="70"/>
      <c r="G130" s="70"/>
      <c r="H130" s="70"/>
      <c r="I130" s="70"/>
      <c r="J130" s="70"/>
      <c r="K130" s="70"/>
      <c r="L130" s="70"/>
      <c r="M130" s="70"/>
      <c r="N130" s="70"/>
      <c r="O130" s="70"/>
      <c r="P130" s="70"/>
      <c r="Q130" s="70"/>
      <c r="R130" s="70"/>
      <c r="S130" s="70"/>
      <c r="T130" s="70"/>
      <c r="U130" s="70"/>
      <c r="V130" s="70"/>
      <c r="W130" s="70"/>
      <c r="X130" s="70"/>
      <c r="Y130" s="70"/>
      <c r="Z130" s="70"/>
      <c r="AA130" s="70"/>
      <c r="AB130" s="70"/>
      <c r="AC130" s="70"/>
      <c r="AD130" s="70"/>
      <c r="AE130" s="70"/>
      <c r="AF130" s="70"/>
    </row>
    <row r="131" spans="3:32" x14ac:dyDescent="0.2">
      <c r="C131" s="70"/>
      <c r="D131" s="70"/>
      <c r="E131" s="70"/>
      <c r="F131" s="70"/>
      <c r="G131" s="70"/>
      <c r="H131" s="70"/>
      <c r="I131" s="70"/>
      <c r="J131" s="70"/>
      <c r="K131" s="70"/>
      <c r="L131" s="70"/>
      <c r="M131" s="70"/>
      <c r="N131" s="70"/>
      <c r="O131" s="70"/>
      <c r="P131" s="70"/>
      <c r="Q131" s="70"/>
      <c r="R131" s="70"/>
      <c r="S131" s="70"/>
      <c r="T131" s="70"/>
      <c r="U131" s="70"/>
      <c r="V131" s="70"/>
      <c r="W131" s="70"/>
      <c r="X131" s="70"/>
      <c r="Y131" s="70"/>
      <c r="Z131" s="70"/>
      <c r="AA131" s="70"/>
      <c r="AB131" s="70"/>
      <c r="AC131" s="70"/>
      <c r="AD131" s="70"/>
      <c r="AE131" s="70"/>
      <c r="AF131" s="70"/>
    </row>
    <row r="132" spans="3:32" x14ac:dyDescent="0.2">
      <c r="C132" s="70"/>
      <c r="D132" s="70"/>
      <c r="E132" s="70"/>
      <c r="F132" s="70"/>
      <c r="G132" s="70"/>
      <c r="H132" s="70"/>
      <c r="I132" s="70"/>
      <c r="J132" s="70"/>
      <c r="K132" s="70"/>
      <c r="L132" s="70"/>
      <c r="M132" s="70"/>
      <c r="N132" s="70"/>
      <c r="O132" s="70"/>
      <c r="P132" s="70"/>
      <c r="Q132" s="70"/>
      <c r="R132" s="70"/>
      <c r="S132" s="70"/>
      <c r="T132" s="70"/>
      <c r="U132" s="70"/>
      <c r="V132" s="70"/>
      <c r="W132" s="70"/>
      <c r="X132" s="70"/>
      <c r="Y132" s="70"/>
      <c r="Z132" s="70"/>
      <c r="AA132" s="70"/>
      <c r="AB132" s="70"/>
      <c r="AC132" s="70"/>
      <c r="AD132" s="70"/>
      <c r="AE132" s="70"/>
      <c r="AF132" s="70"/>
    </row>
    <row r="133" spans="3:32" x14ac:dyDescent="0.2">
      <c r="C133" s="70"/>
      <c r="D133" s="70"/>
      <c r="E133" s="70"/>
      <c r="F133" s="70"/>
      <c r="G133" s="70"/>
      <c r="H133" s="70"/>
      <c r="I133" s="70"/>
      <c r="J133" s="70"/>
      <c r="K133" s="70"/>
      <c r="L133" s="70"/>
      <c r="M133" s="70"/>
      <c r="N133" s="70"/>
      <c r="O133" s="70"/>
      <c r="P133" s="70"/>
      <c r="Q133" s="70"/>
      <c r="R133" s="70"/>
      <c r="S133" s="70"/>
      <c r="T133" s="70"/>
      <c r="U133" s="70"/>
      <c r="V133" s="70"/>
      <c r="W133" s="70"/>
      <c r="X133" s="70"/>
      <c r="Y133" s="70"/>
      <c r="Z133" s="70"/>
      <c r="AA133" s="70"/>
      <c r="AB133" s="70"/>
      <c r="AC133" s="70"/>
      <c r="AD133" s="70"/>
      <c r="AE133" s="70"/>
      <c r="AF133" s="70"/>
    </row>
    <row r="134" spans="3:32" x14ac:dyDescent="0.2">
      <c r="C134" s="70"/>
      <c r="D134" s="70"/>
      <c r="E134" s="70"/>
      <c r="F134" s="70"/>
      <c r="G134" s="70"/>
      <c r="H134" s="70"/>
      <c r="I134" s="70"/>
      <c r="J134" s="70"/>
      <c r="K134" s="70"/>
      <c r="L134" s="70"/>
      <c r="M134" s="70"/>
      <c r="N134" s="70"/>
      <c r="O134" s="70"/>
      <c r="P134" s="70"/>
      <c r="Q134" s="70"/>
      <c r="R134" s="70"/>
      <c r="S134" s="70"/>
      <c r="T134" s="70"/>
      <c r="U134" s="70"/>
      <c r="V134" s="70"/>
      <c r="W134" s="70"/>
      <c r="X134" s="70"/>
      <c r="Y134" s="70"/>
      <c r="Z134" s="70"/>
      <c r="AA134" s="70"/>
      <c r="AB134" s="70"/>
      <c r="AC134" s="70"/>
      <c r="AD134" s="70"/>
      <c r="AE134" s="70"/>
      <c r="AF134" s="70"/>
    </row>
    <row r="135" spans="3:32" x14ac:dyDescent="0.2">
      <c r="C135" s="70"/>
      <c r="D135" s="70"/>
      <c r="E135" s="70"/>
      <c r="F135" s="70"/>
      <c r="G135" s="70"/>
      <c r="H135" s="70"/>
      <c r="I135" s="70"/>
      <c r="J135" s="70"/>
      <c r="K135" s="70"/>
      <c r="L135" s="70"/>
      <c r="M135" s="70"/>
      <c r="N135" s="70"/>
      <c r="O135" s="70"/>
      <c r="P135" s="70"/>
      <c r="Q135" s="70"/>
      <c r="R135" s="70"/>
      <c r="S135" s="70"/>
      <c r="T135" s="70"/>
      <c r="U135" s="70"/>
      <c r="V135" s="70"/>
      <c r="W135" s="70"/>
      <c r="X135" s="70"/>
      <c r="Y135" s="70"/>
      <c r="Z135" s="70"/>
      <c r="AA135" s="70"/>
      <c r="AB135" s="70"/>
      <c r="AC135" s="70"/>
      <c r="AD135" s="70"/>
      <c r="AE135" s="70"/>
      <c r="AF135" s="70"/>
    </row>
    <row r="136" spans="3:32" x14ac:dyDescent="0.2">
      <c r="C136" s="70"/>
      <c r="D136" s="70"/>
      <c r="E136" s="70"/>
      <c r="F136" s="70"/>
      <c r="G136" s="70"/>
      <c r="H136" s="70"/>
      <c r="I136" s="70"/>
      <c r="J136" s="70"/>
      <c r="K136" s="70"/>
      <c r="L136" s="70"/>
      <c r="M136" s="70"/>
      <c r="N136" s="70"/>
      <c r="O136" s="70"/>
      <c r="P136" s="70"/>
      <c r="Q136" s="70"/>
      <c r="R136" s="70"/>
      <c r="S136" s="70"/>
      <c r="T136" s="70"/>
      <c r="U136" s="70"/>
      <c r="V136" s="70"/>
      <c r="W136" s="70"/>
      <c r="X136" s="70"/>
      <c r="Y136" s="70"/>
      <c r="Z136" s="70"/>
      <c r="AA136" s="70"/>
      <c r="AB136" s="70"/>
      <c r="AC136" s="70"/>
      <c r="AD136" s="70"/>
      <c r="AE136" s="70"/>
      <c r="AF136" s="70"/>
    </row>
    <row r="137" spans="3:32" x14ac:dyDescent="0.2">
      <c r="C137" s="70"/>
      <c r="D137" s="70"/>
      <c r="E137" s="70"/>
      <c r="F137" s="70"/>
      <c r="G137" s="70"/>
      <c r="H137" s="70"/>
      <c r="I137" s="70"/>
      <c r="J137" s="70"/>
      <c r="K137" s="70"/>
      <c r="L137" s="70"/>
      <c r="M137" s="70"/>
      <c r="N137" s="70"/>
      <c r="O137" s="70"/>
      <c r="P137" s="70"/>
      <c r="Q137" s="70"/>
      <c r="R137" s="70"/>
      <c r="S137" s="70"/>
      <c r="T137" s="70"/>
      <c r="U137" s="70"/>
      <c r="V137" s="70"/>
      <c r="W137" s="70"/>
      <c r="X137" s="70"/>
      <c r="Y137" s="70"/>
      <c r="Z137" s="70"/>
      <c r="AA137" s="70"/>
      <c r="AB137" s="70"/>
      <c r="AC137" s="70"/>
      <c r="AD137" s="70"/>
      <c r="AE137" s="70"/>
      <c r="AF137" s="70"/>
    </row>
    <row r="138" spans="3:32" x14ac:dyDescent="0.2">
      <c r="C138" s="70"/>
      <c r="D138" s="70"/>
      <c r="E138" s="70"/>
      <c r="F138" s="70"/>
      <c r="G138" s="70"/>
      <c r="H138" s="70"/>
      <c r="I138" s="70"/>
      <c r="J138" s="70"/>
      <c r="K138" s="70"/>
      <c r="L138" s="70"/>
      <c r="M138" s="70"/>
      <c r="N138" s="70"/>
      <c r="O138" s="70"/>
      <c r="P138" s="70"/>
      <c r="Q138" s="70"/>
      <c r="R138" s="70"/>
      <c r="S138" s="70"/>
      <c r="T138" s="70"/>
      <c r="U138" s="70"/>
      <c r="V138" s="70"/>
      <c r="W138" s="70"/>
      <c r="X138" s="70"/>
      <c r="Y138" s="70"/>
      <c r="Z138" s="70"/>
      <c r="AA138" s="70"/>
      <c r="AB138" s="70"/>
      <c r="AC138" s="70"/>
      <c r="AD138" s="70"/>
      <c r="AE138" s="70"/>
      <c r="AF138" s="70"/>
    </row>
    <row r="139" spans="3:32" x14ac:dyDescent="0.2">
      <c r="C139" s="70"/>
      <c r="D139" s="70"/>
      <c r="E139" s="70"/>
      <c r="F139" s="70"/>
      <c r="G139" s="70"/>
      <c r="H139" s="70"/>
      <c r="I139" s="70"/>
      <c r="J139" s="70"/>
      <c r="K139" s="70"/>
      <c r="L139" s="70"/>
      <c r="M139" s="70"/>
      <c r="N139" s="70"/>
      <c r="O139" s="70"/>
      <c r="P139" s="70"/>
      <c r="Q139" s="70"/>
      <c r="R139" s="70"/>
      <c r="S139" s="70"/>
      <c r="T139" s="70"/>
      <c r="U139" s="70"/>
      <c r="V139" s="70"/>
      <c r="W139" s="70"/>
      <c r="X139" s="70"/>
      <c r="Y139" s="70"/>
      <c r="Z139" s="70"/>
      <c r="AA139" s="70"/>
      <c r="AB139" s="70"/>
      <c r="AC139" s="70"/>
      <c r="AD139" s="70"/>
      <c r="AE139" s="70"/>
      <c r="AF139" s="70"/>
    </row>
    <row r="140" spans="3:32" x14ac:dyDescent="0.2">
      <c r="C140" s="70"/>
      <c r="D140" s="70"/>
      <c r="E140" s="70"/>
      <c r="F140" s="70"/>
      <c r="G140" s="70"/>
      <c r="H140" s="70"/>
      <c r="I140" s="70"/>
      <c r="J140" s="70"/>
      <c r="K140" s="70"/>
      <c r="L140" s="70"/>
      <c r="M140" s="70"/>
      <c r="N140" s="70"/>
      <c r="O140" s="70"/>
      <c r="P140" s="70"/>
      <c r="Q140" s="70"/>
      <c r="R140" s="70"/>
      <c r="S140" s="70"/>
      <c r="T140" s="70"/>
      <c r="U140" s="70"/>
      <c r="V140" s="70"/>
      <c r="W140" s="70"/>
      <c r="X140" s="70"/>
      <c r="Y140" s="70"/>
      <c r="Z140" s="70"/>
      <c r="AA140" s="70"/>
      <c r="AB140" s="70"/>
      <c r="AC140" s="70"/>
      <c r="AD140" s="70"/>
      <c r="AE140" s="70"/>
      <c r="AF140" s="70"/>
    </row>
    <row r="141" spans="3:32" x14ac:dyDescent="0.2">
      <c r="C141" s="70"/>
      <c r="D141" s="70"/>
      <c r="E141" s="70"/>
      <c r="F141" s="70"/>
      <c r="G141" s="70"/>
      <c r="H141" s="70"/>
      <c r="I141" s="70"/>
      <c r="J141" s="70"/>
      <c r="K141" s="70"/>
      <c r="L141" s="70"/>
      <c r="M141" s="70"/>
      <c r="N141" s="70"/>
      <c r="O141" s="70"/>
      <c r="P141" s="70"/>
      <c r="Q141" s="70"/>
      <c r="R141" s="70"/>
      <c r="S141" s="70"/>
      <c r="T141" s="70"/>
      <c r="U141" s="70"/>
      <c r="V141" s="70"/>
      <c r="W141" s="70"/>
      <c r="X141" s="70"/>
      <c r="Y141" s="70"/>
      <c r="Z141" s="70"/>
      <c r="AA141" s="70"/>
      <c r="AB141" s="70"/>
      <c r="AC141" s="70"/>
      <c r="AD141" s="70"/>
      <c r="AE141" s="70"/>
      <c r="AF141" s="70"/>
    </row>
    <row r="142" spans="3:32" x14ac:dyDescent="0.2">
      <c r="C142" s="70"/>
      <c r="D142" s="70"/>
      <c r="E142" s="70"/>
      <c r="F142" s="70"/>
      <c r="G142" s="70"/>
      <c r="H142" s="70"/>
      <c r="I142" s="70"/>
      <c r="J142" s="70"/>
      <c r="K142" s="70"/>
      <c r="L142" s="70"/>
      <c r="M142" s="70"/>
      <c r="N142" s="70"/>
      <c r="O142" s="70"/>
      <c r="P142" s="70"/>
      <c r="Q142" s="70"/>
      <c r="R142" s="70"/>
      <c r="S142" s="70"/>
      <c r="T142" s="70"/>
      <c r="U142" s="70"/>
      <c r="V142" s="70"/>
      <c r="W142" s="70"/>
      <c r="X142" s="70"/>
      <c r="Y142" s="70"/>
      <c r="Z142" s="70"/>
      <c r="AA142" s="70"/>
      <c r="AB142" s="70"/>
      <c r="AC142" s="70"/>
      <c r="AD142" s="70"/>
      <c r="AE142" s="70"/>
      <c r="AF142" s="70"/>
    </row>
    <row r="143" spans="3:32" x14ac:dyDescent="0.2">
      <c r="C143" s="70"/>
      <c r="D143" s="70"/>
      <c r="E143" s="70"/>
      <c r="F143" s="70"/>
      <c r="G143" s="70"/>
      <c r="H143" s="70"/>
      <c r="I143" s="70"/>
      <c r="J143" s="70"/>
      <c r="K143" s="70"/>
      <c r="L143" s="70"/>
      <c r="M143" s="70"/>
      <c r="N143" s="70"/>
      <c r="O143" s="70"/>
      <c r="P143" s="70"/>
      <c r="Q143" s="70"/>
      <c r="R143" s="70"/>
      <c r="S143" s="70"/>
      <c r="T143" s="70"/>
      <c r="U143" s="70"/>
      <c r="V143" s="70"/>
      <c r="W143" s="70"/>
      <c r="X143" s="70"/>
      <c r="Y143" s="70"/>
      <c r="Z143" s="70"/>
      <c r="AA143" s="70"/>
      <c r="AB143" s="70"/>
      <c r="AC143" s="70"/>
      <c r="AD143" s="70"/>
      <c r="AE143" s="70"/>
      <c r="AF143" s="70"/>
    </row>
    <row r="144" spans="3:32" x14ac:dyDescent="0.2">
      <c r="C144" s="70"/>
      <c r="D144" s="70"/>
      <c r="E144" s="70"/>
      <c r="F144" s="70"/>
      <c r="G144" s="70"/>
      <c r="H144" s="70"/>
      <c r="I144" s="70"/>
      <c r="J144" s="70"/>
      <c r="K144" s="70"/>
      <c r="L144" s="70"/>
      <c r="M144" s="70"/>
      <c r="N144" s="70"/>
      <c r="O144" s="70"/>
      <c r="P144" s="70"/>
      <c r="Q144" s="70"/>
      <c r="R144" s="70"/>
      <c r="S144" s="70"/>
      <c r="T144" s="70"/>
      <c r="U144" s="70"/>
      <c r="V144" s="70"/>
      <c r="W144" s="70"/>
      <c r="X144" s="70"/>
      <c r="Y144" s="70"/>
      <c r="Z144" s="70"/>
      <c r="AA144" s="70"/>
      <c r="AB144" s="70"/>
      <c r="AC144" s="70"/>
      <c r="AD144" s="70"/>
      <c r="AE144" s="70"/>
      <c r="AF144" s="70"/>
    </row>
    <row r="145" spans="3:32" x14ac:dyDescent="0.2">
      <c r="C145" s="70"/>
      <c r="D145" s="70"/>
      <c r="E145" s="70"/>
      <c r="F145" s="70"/>
      <c r="G145" s="70"/>
      <c r="H145" s="70"/>
      <c r="I145" s="70"/>
      <c r="J145" s="70"/>
      <c r="K145" s="70"/>
      <c r="L145" s="70"/>
      <c r="M145" s="70"/>
      <c r="N145" s="70"/>
      <c r="O145" s="70"/>
      <c r="P145" s="70"/>
      <c r="Q145" s="70"/>
      <c r="R145" s="70"/>
      <c r="S145" s="70"/>
      <c r="T145" s="70"/>
      <c r="U145" s="70"/>
      <c r="V145" s="70"/>
      <c r="W145" s="70"/>
      <c r="X145" s="70"/>
      <c r="Y145" s="70"/>
      <c r="Z145" s="70"/>
      <c r="AA145" s="70"/>
      <c r="AB145" s="70"/>
      <c r="AC145" s="70"/>
      <c r="AD145" s="70"/>
      <c r="AE145" s="70"/>
      <c r="AF145" s="70"/>
    </row>
    <row r="146" spans="3:32" x14ac:dyDescent="0.2">
      <c r="C146" s="70"/>
      <c r="D146" s="70"/>
      <c r="E146" s="70"/>
      <c r="F146" s="70"/>
      <c r="G146" s="70"/>
      <c r="H146" s="70"/>
      <c r="I146" s="70"/>
      <c r="J146" s="70"/>
      <c r="K146" s="70"/>
      <c r="L146" s="70"/>
      <c r="M146" s="70"/>
      <c r="N146" s="70"/>
      <c r="O146" s="70"/>
      <c r="P146" s="70"/>
      <c r="Q146" s="70"/>
      <c r="R146" s="70"/>
      <c r="S146" s="70"/>
      <c r="T146" s="70"/>
      <c r="U146" s="70"/>
      <c r="V146" s="70"/>
      <c r="W146" s="70"/>
      <c r="X146" s="70"/>
      <c r="Y146" s="70"/>
      <c r="Z146" s="70"/>
      <c r="AA146" s="70"/>
      <c r="AB146" s="70"/>
      <c r="AC146" s="70"/>
      <c r="AD146" s="70"/>
      <c r="AE146" s="70"/>
      <c r="AF146" s="70"/>
    </row>
    <row r="147" spans="3:32" x14ac:dyDescent="0.2">
      <c r="C147" s="70"/>
      <c r="D147" s="70"/>
      <c r="E147" s="70"/>
      <c r="F147" s="70"/>
      <c r="G147" s="70"/>
      <c r="H147" s="70"/>
      <c r="I147" s="70"/>
      <c r="J147" s="70"/>
      <c r="K147" s="70"/>
      <c r="L147" s="70"/>
      <c r="M147" s="70"/>
      <c r="N147" s="70"/>
      <c r="O147" s="70"/>
      <c r="P147" s="70"/>
      <c r="Q147" s="70"/>
      <c r="R147" s="70"/>
      <c r="S147" s="70"/>
      <c r="T147" s="70"/>
      <c r="U147" s="70"/>
      <c r="V147" s="70"/>
      <c r="W147" s="70"/>
      <c r="X147" s="70"/>
      <c r="Y147" s="70"/>
      <c r="Z147" s="70"/>
      <c r="AA147" s="70"/>
      <c r="AB147" s="70"/>
      <c r="AC147" s="70"/>
      <c r="AD147" s="70"/>
      <c r="AE147" s="70"/>
      <c r="AF147" s="70"/>
    </row>
    <row r="148" spans="3:32" x14ac:dyDescent="0.2">
      <c r="C148" s="70"/>
      <c r="D148" s="70"/>
      <c r="E148" s="70"/>
      <c r="F148" s="70"/>
      <c r="G148" s="70"/>
      <c r="H148" s="70"/>
      <c r="I148" s="70"/>
      <c r="J148" s="70"/>
      <c r="K148" s="70"/>
      <c r="L148" s="70"/>
      <c r="M148" s="70"/>
      <c r="N148" s="70"/>
      <c r="O148" s="70"/>
      <c r="P148" s="70"/>
      <c r="Q148" s="70"/>
      <c r="R148" s="70"/>
      <c r="S148" s="70"/>
      <c r="T148" s="70"/>
      <c r="U148" s="70"/>
      <c r="V148" s="70"/>
      <c r="W148" s="70"/>
      <c r="X148" s="70"/>
      <c r="Y148" s="70"/>
      <c r="Z148" s="70"/>
      <c r="AA148" s="70"/>
      <c r="AB148" s="70"/>
      <c r="AC148" s="70"/>
      <c r="AD148" s="70"/>
      <c r="AE148" s="70"/>
      <c r="AF148" s="70"/>
    </row>
    <row r="149" spans="3:32" x14ac:dyDescent="0.2">
      <c r="C149" s="70"/>
      <c r="D149" s="70"/>
      <c r="E149" s="70"/>
      <c r="F149" s="70"/>
      <c r="G149" s="70"/>
      <c r="H149" s="70"/>
      <c r="I149" s="70"/>
      <c r="J149" s="70"/>
      <c r="K149" s="70"/>
      <c r="L149" s="70"/>
      <c r="M149" s="70"/>
      <c r="N149" s="70"/>
      <c r="O149" s="70"/>
      <c r="P149" s="70"/>
      <c r="Q149" s="70"/>
      <c r="R149" s="70"/>
      <c r="S149" s="70"/>
      <c r="T149" s="70"/>
      <c r="U149" s="70"/>
      <c r="V149" s="70"/>
      <c r="W149" s="70"/>
      <c r="X149" s="70"/>
      <c r="Y149" s="70"/>
      <c r="Z149" s="70"/>
      <c r="AA149" s="70"/>
      <c r="AB149" s="70"/>
      <c r="AC149" s="70"/>
      <c r="AD149" s="70"/>
      <c r="AE149" s="70"/>
      <c r="AF149" s="70"/>
    </row>
    <row r="150" spans="3:32" x14ac:dyDescent="0.2">
      <c r="C150" s="70"/>
      <c r="D150" s="70"/>
      <c r="E150" s="70"/>
      <c r="F150" s="70"/>
      <c r="G150" s="70"/>
      <c r="H150" s="70"/>
      <c r="I150" s="70"/>
      <c r="J150" s="70"/>
      <c r="K150" s="70"/>
      <c r="L150" s="70"/>
      <c r="M150" s="70"/>
      <c r="N150" s="70"/>
      <c r="O150" s="70"/>
      <c r="P150" s="70"/>
      <c r="Q150" s="70"/>
      <c r="R150" s="70"/>
      <c r="S150" s="70"/>
      <c r="T150" s="70"/>
      <c r="U150" s="70"/>
      <c r="V150" s="70"/>
      <c r="W150" s="70"/>
      <c r="X150" s="70"/>
      <c r="Y150" s="70"/>
      <c r="Z150" s="70"/>
      <c r="AA150" s="70"/>
      <c r="AB150" s="70"/>
      <c r="AC150" s="70"/>
      <c r="AD150" s="70"/>
      <c r="AE150" s="70"/>
      <c r="AF150" s="70"/>
    </row>
    <row r="151" spans="3:32" x14ac:dyDescent="0.2">
      <c r="C151" s="70"/>
      <c r="D151" s="70"/>
      <c r="E151" s="70"/>
      <c r="F151" s="70"/>
      <c r="G151" s="70"/>
      <c r="H151" s="70"/>
      <c r="I151" s="70"/>
      <c r="J151" s="70"/>
      <c r="K151" s="70"/>
      <c r="L151" s="70"/>
      <c r="M151" s="70"/>
      <c r="N151" s="70"/>
      <c r="O151" s="70"/>
      <c r="P151" s="70"/>
      <c r="Q151" s="70"/>
      <c r="R151" s="70"/>
      <c r="S151" s="70"/>
      <c r="T151" s="70"/>
      <c r="U151" s="70"/>
      <c r="V151" s="70"/>
      <c r="W151" s="70"/>
      <c r="X151" s="70"/>
      <c r="Y151" s="70"/>
      <c r="Z151" s="70"/>
      <c r="AA151" s="70"/>
      <c r="AB151" s="70"/>
      <c r="AC151" s="70"/>
      <c r="AD151" s="70"/>
      <c r="AE151" s="70"/>
      <c r="AF151" s="70"/>
    </row>
    <row r="152" spans="3:32" x14ac:dyDescent="0.2">
      <c r="C152" s="70"/>
      <c r="D152" s="70"/>
      <c r="E152" s="70"/>
      <c r="F152" s="70"/>
      <c r="G152" s="70"/>
      <c r="H152" s="70"/>
      <c r="I152" s="70"/>
      <c r="J152" s="70"/>
      <c r="K152" s="70"/>
      <c r="L152" s="70"/>
      <c r="M152" s="70"/>
      <c r="N152" s="70"/>
      <c r="O152" s="70"/>
      <c r="P152" s="70"/>
      <c r="Q152" s="70"/>
      <c r="R152" s="70"/>
      <c r="S152" s="70"/>
      <c r="T152" s="70"/>
      <c r="U152" s="70"/>
      <c r="V152" s="70"/>
      <c r="W152" s="70"/>
      <c r="X152" s="70"/>
      <c r="Y152" s="70"/>
      <c r="Z152" s="70"/>
      <c r="AA152" s="70"/>
      <c r="AB152" s="70"/>
      <c r="AC152" s="70"/>
      <c r="AD152" s="70"/>
      <c r="AE152" s="70"/>
      <c r="AF152" s="70"/>
    </row>
    <row r="153" spans="3:32" x14ac:dyDescent="0.2">
      <c r="C153" s="70"/>
      <c r="D153" s="70"/>
      <c r="E153" s="70"/>
      <c r="F153" s="70"/>
      <c r="G153" s="70"/>
      <c r="H153" s="70"/>
      <c r="I153" s="70"/>
      <c r="J153" s="70"/>
      <c r="K153" s="70"/>
      <c r="L153" s="70"/>
      <c r="M153" s="70"/>
      <c r="N153" s="70"/>
      <c r="O153" s="70"/>
      <c r="P153" s="70"/>
      <c r="Q153" s="70"/>
      <c r="R153" s="70"/>
      <c r="S153" s="70"/>
      <c r="T153" s="70"/>
      <c r="U153" s="70"/>
      <c r="V153" s="70"/>
      <c r="W153" s="70"/>
      <c r="X153" s="70"/>
      <c r="Y153" s="70"/>
      <c r="Z153" s="70"/>
      <c r="AA153" s="70"/>
      <c r="AB153" s="70"/>
      <c r="AC153" s="70"/>
      <c r="AD153" s="70"/>
      <c r="AE153" s="70"/>
      <c r="AF153" s="70"/>
    </row>
    <row r="154" spans="3:32" x14ac:dyDescent="0.2">
      <c r="C154" s="70"/>
      <c r="D154" s="70"/>
      <c r="E154" s="70"/>
      <c r="F154" s="70"/>
      <c r="G154" s="70"/>
      <c r="H154" s="70"/>
      <c r="I154" s="70"/>
      <c r="J154" s="70"/>
      <c r="K154" s="70"/>
      <c r="L154" s="70"/>
      <c r="M154" s="70"/>
      <c r="N154" s="70"/>
      <c r="O154" s="70"/>
      <c r="P154" s="70"/>
      <c r="Q154" s="70"/>
      <c r="R154" s="70"/>
      <c r="S154" s="70"/>
      <c r="T154" s="70"/>
      <c r="U154" s="70"/>
      <c r="V154" s="70"/>
      <c r="W154" s="70"/>
      <c r="X154" s="70"/>
      <c r="Y154" s="70"/>
      <c r="Z154" s="70"/>
      <c r="AA154" s="70"/>
      <c r="AB154" s="70"/>
      <c r="AC154" s="70"/>
      <c r="AD154" s="70"/>
      <c r="AE154" s="70"/>
      <c r="AF154" s="70"/>
    </row>
    <row r="155" spans="3:32" x14ac:dyDescent="0.2">
      <c r="C155" s="70"/>
      <c r="D155" s="70"/>
      <c r="E155" s="70"/>
      <c r="F155" s="70"/>
      <c r="G155" s="70"/>
      <c r="H155" s="70"/>
      <c r="I155" s="70"/>
      <c r="J155" s="70"/>
      <c r="K155" s="70"/>
      <c r="L155" s="70"/>
      <c r="M155" s="70"/>
      <c r="N155" s="70"/>
      <c r="O155" s="70"/>
      <c r="P155" s="70"/>
      <c r="Q155" s="70"/>
      <c r="R155" s="70"/>
      <c r="S155" s="70"/>
      <c r="T155" s="70"/>
      <c r="U155" s="70"/>
      <c r="V155" s="70"/>
      <c r="W155" s="70"/>
      <c r="X155" s="70"/>
      <c r="Y155" s="70"/>
      <c r="Z155" s="70"/>
      <c r="AA155" s="70"/>
      <c r="AB155" s="70"/>
      <c r="AC155" s="70"/>
      <c r="AD155" s="70"/>
      <c r="AE155" s="70"/>
      <c r="AF155" s="70"/>
    </row>
    <row r="156" spans="3:32" x14ac:dyDescent="0.2">
      <c r="C156" s="70"/>
      <c r="D156" s="70"/>
      <c r="E156" s="70"/>
      <c r="F156" s="70"/>
      <c r="G156" s="70"/>
      <c r="H156" s="70"/>
      <c r="I156" s="70"/>
      <c r="J156" s="70"/>
      <c r="K156" s="70"/>
      <c r="L156" s="70"/>
      <c r="M156" s="70"/>
      <c r="N156" s="70"/>
      <c r="O156" s="70"/>
      <c r="P156" s="70"/>
      <c r="Q156" s="70"/>
      <c r="R156" s="70"/>
      <c r="S156" s="70"/>
      <c r="T156" s="70"/>
      <c r="U156" s="70"/>
      <c r="V156" s="70"/>
      <c r="W156" s="70"/>
      <c r="X156" s="70"/>
      <c r="Y156" s="70"/>
      <c r="Z156" s="70"/>
      <c r="AA156" s="70"/>
      <c r="AB156" s="70"/>
      <c r="AC156" s="70"/>
      <c r="AD156" s="70"/>
      <c r="AE156" s="70"/>
      <c r="AF156" s="70"/>
    </row>
    <row r="157" spans="3:32" x14ac:dyDescent="0.2">
      <c r="C157" s="70"/>
      <c r="D157" s="70"/>
      <c r="E157" s="70"/>
      <c r="F157" s="70"/>
      <c r="G157" s="70"/>
      <c r="H157" s="70"/>
      <c r="I157" s="70"/>
      <c r="J157" s="70"/>
      <c r="K157" s="70"/>
      <c r="L157" s="70"/>
      <c r="M157" s="70"/>
      <c r="N157" s="70"/>
      <c r="O157" s="70"/>
      <c r="P157" s="70"/>
      <c r="Q157" s="70"/>
      <c r="R157" s="70"/>
      <c r="S157" s="70"/>
      <c r="T157" s="70"/>
      <c r="U157" s="70"/>
      <c r="V157" s="70"/>
      <c r="W157" s="70"/>
      <c r="X157" s="70"/>
      <c r="Y157" s="70"/>
      <c r="Z157" s="70"/>
      <c r="AA157" s="70"/>
      <c r="AB157" s="70"/>
      <c r="AC157" s="70"/>
      <c r="AD157" s="70"/>
      <c r="AE157" s="70"/>
      <c r="AF157" s="70"/>
    </row>
    <row r="158" spans="3:32" x14ac:dyDescent="0.2">
      <c r="C158" s="70"/>
      <c r="D158" s="70"/>
      <c r="E158" s="70"/>
      <c r="F158" s="70"/>
      <c r="G158" s="70"/>
      <c r="H158" s="70"/>
      <c r="I158" s="70"/>
      <c r="J158" s="70"/>
      <c r="K158" s="70"/>
      <c r="L158" s="70"/>
      <c r="M158" s="70"/>
      <c r="N158" s="70"/>
      <c r="O158" s="70"/>
      <c r="P158" s="70"/>
      <c r="Q158" s="70"/>
      <c r="R158" s="70"/>
      <c r="S158" s="70"/>
      <c r="T158" s="70"/>
      <c r="U158" s="70"/>
      <c r="V158" s="70"/>
      <c r="W158" s="70"/>
      <c r="X158" s="70"/>
      <c r="Y158" s="70"/>
      <c r="Z158" s="70"/>
      <c r="AA158" s="70"/>
      <c r="AB158" s="70"/>
      <c r="AC158" s="70"/>
      <c r="AD158" s="70"/>
      <c r="AE158" s="70"/>
      <c r="AF158" s="70"/>
    </row>
    <row r="159" spans="3:32" x14ac:dyDescent="0.2">
      <c r="C159" s="70"/>
      <c r="D159" s="70"/>
      <c r="E159" s="70"/>
      <c r="F159" s="70"/>
      <c r="G159" s="70"/>
      <c r="H159" s="70"/>
      <c r="I159" s="70"/>
      <c r="J159" s="70"/>
      <c r="K159" s="70"/>
      <c r="L159" s="70"/>
      <c r="M159" s="70"/>
      <c r="N159" s="70"/>
      <c r="O159" s="70"/>
      <c r="P159" s="70"/>
      <c r="Q159" s="70"/>
      <c r="R159" s="70"/>
      <c r="S159" s="70"/>
      <c r="T159" s="70"/>
      <c r="U159" s="70"/>
      <c r="V159" s="70"/>
      <c r="W159" s="70"/>
      <c r="X159" s="70"/>
      <c r="Y159" s="70"/>
      <c r="Z159" s="70"/>
      <c r="AA159" s="70"/>
      <c r="AB159" s="70"/>
      <c r="AC159" s="70"/>
      <c r="AD159" s="70"/>
      <c r="AE159" s="70"/>
      <c r="AF159" s="70"/>
    </row>
    <row r="160" spans="3:32" x14ac:dyDescent="0.2">
      <c r="C160" s="70"/>
      <c r="D160" s="70"/>
      <c r="E160" s="70"/>
      <c r="F160" s="70"/>
      <c r="G160" s="70"/>
      <c r="H160" s="70"/>
      <c r="I160" s="70"/>
      <c r="J160" s="70"/>
      <c r="K160" s="70"/>
      <c r="L160" s="70"/>
      <c r="M160" s="70"/>
      <c r="N160" s="70"/>
      <c r="O160" s="70"/>
      <c r="P160" s="70"/>
      <c r="Q160" s="70"/>
      <c r="R160" s="70"/>
      <c r="S160" s="70"/>
      <c r="T160" s="70"/>
      <c r="U160" s="70"/>
      <c r="V160" s="70"/>
      <c r="W160" s="70"/>
      <c r="X160" s="70"/>
      <c r="Y160" s="70"/>
      <c r="Z160" s="70"/>
      <c r="AA160" s="70"/>
      <c r="AB160" s="70"/>
      <c r="AC160" s="70"/>
      <c r="AD160" s="70"/>
      <c r="AE160" s="70"/>
      <c r="AF160" s="70"/>
    </row>
    <row r="161" spans="3:32" x14ac:dyDescent="0.2">
      <c r="C161" s="70"/>
      <c r="D161" s="70"/>
      <c r="E161" s="70"/>
      <c r="F161" s="70"/>
      <c r="G161" s="70"/>
      <c r="H161" s="70"/>
      <c r="I161" s="70"/>
      <c r="J161" s="70"/>
      <c r="K161" s="70"/>
      <c r="L161" s="70"/>
      <c r="M161" s="70"/>
      <c r="N161" s="70"/>
      <c r="O161" s="70"/>
      <c r="P161" s="70"/>
      <c r="Q161" s="70"/>
      <c r="R161" s="70"/>
      <c r="S161" s="70"/>
      <c r="T161" s="70"/>
      <c r="U161" s="70"/>
      <c r="V161" s="70"/>
      <c r="W161" s="70"/>
      <c r="X161" s="70"/>
      <c r="Y161" s="70"/>
      <c r="Z161" s="70"/>
      <c r="AA161" s="70"/>
      <c r="AB161" s="70"/>
      <c r="AC161" s="70"/>
      <c r="AD161" s="70"/>
      <c r="AE161" s="70"/>
      <c r="AF161" s="70"/>
    </row>
    <row r="162" spans="3:32" x14ac:dyDescent="0.2">
      <c r="C162" s="70"/>
      <c r="D162" s="70"/>
      <c r="E162" s="70"/>
      <c r="F162" s="70"/>
      <c r="G162" s="70"/>
      <c r="H162" s="70"/>
      <c r="I162" s="70"/>
      <c r="J162" s="70"/>
      <c r="K162" s="70"/>
      <c r="L162" s="70"/>
      <c r="M162" s="70"/>
      <c r="N162" s="70"/>
      <c r="O162" s="70"/>
      <c r="P162" s="70"/>
      <c r="Q162" s="70"/>
      <c r="R162" s="70"/>
      <c r="S162" s="70"/>
      <c r="T162" s="70"/>
      <c r="U162" s="70"/>
      <c r="V162" s="70"/>
      <c r="W162" s="70"/>
      <c r="X162" s="70"/>
      <c r="Y162" s="70"/>
      <c r="Z162" s="70"/>
      <c r="AA162" s="70"/>
      <c r="AB162" s="70"/>
      <c r="AC162" s="70"/>
      <c r="AD162" s="70"/>
      <c r="AE162" s="70"/>
      <c r="AF162" s="70"/>
    </row>
    <row r="163" spans="3:32" x14ac:dyDescent="0.2">
      <c r="C163" s="70"/>
      <c r="D163" s="70"/>
      <c r="E163" s="70"/>
      <c r="F163" s="70"/>
      <c r="G163" s="70"/>
      <c r="H163" s="70"/>
      <c r="I163" s="70"/>
      <c r="J163" s="70"/>
      <c r="K163" s="70"/>
      <c r="L163" s="70"/>
      <c r="M163" s="70"/>
      <c r="N163" s="70"/>
      <c r="O163" s="70"/>
      <c r="P163" s="70"/>
      <c r="Q163" s="70"/>
      <c r="R163" s="70"/>
      <c r="S163" s="70"/>
      <c r="T163" s="70"/>
      <c r="U163" s="70"/>
      <c r="V163" s="70"/>
      <c r="W163" s="70"/>
      <c r="X163" s="70"/>
      <c r="Y163" s="70"/>
      <c r="Z163" s="70"/>
      <c r="AA163" s="70"/>
      <c r="AB163" s="70"/>
      <c r="AC163" s="70"/>
      <c r="AD163" s="70"/>
      <c r="AE163" s="70"/>
      <c r="AF163" s="70"/>
    </row>
    <row r="164" spans="3:32" x14ac:dyDescent="0.2">
      <c r="C164" s="70"/>
      <c r="D164" s="70"/>
      <c r="E164" s="70"/>
      <c r="F164" s="70"/>
      <c r="G164" s="70"/>
      <c r="H164" s="70"/>
      <c r="I164" s="70"/>
      <c r="J164" s="70"/>
      <c r="K164" s="70"/>
      <c r="L164" s="70"/>
      <c r="M164" s="70"/>
      <c r="N164" s="70"/>
      <c r="O164" s="70"/>
      <c r="P164" s="70"/>
      <c r="Q164" s="70"/>
      <c r="R164" s="70"/>
      <c r="S164" s="70"/>
      <c r="T164" s="70"/>
      <c r="U164" s="70"/>
      <c r="V164" s="70"/>
      <c r="W164" s="70"/>
      <c r="X164" s="70"/>
      <c r="Y164" s="70"/>
      <c r="Z164" s="70"/>
      <c r="AA164" s="70"/>
      <c r="AB164" s="70"/>
      <c r="AC164" s="70"/>
      <c r="AD164" s="70"/>
      <c r="AE164" s="70"/>
      <c r="AF164" s="70"/>
    </row>
    <row r="165" spans="3:32" x14ac:dyDescent="0.2">
      <c r="C165" s="70"/>
      <c r="D165" s="70"/>
      <c r="E165" s="70"/>
      <c r="F165" s="70"/>
      <c r="G165" s="70"/>
      <c r="H165" s="70"/>
      <c r="I165" s="70"/>
      <c r="J165" s="70"/>
      <c r="K165" s="70"/>
      <c r="L165" s="70"/>
      <c r="M165" s="70"/>
      <c r="N165" s="70"/>
      <c r="O165" s="70"/>
      <c r="P165" s="70"/>
      <c r="Q165" s="70"/>
      <c r="R165" s="70"/>
      <c r="S165" s="70"/>
      <c r="T165" s="70"/>
      <c r="U165" s="70"/>
      <c r="V165" s="70"/>
      <c r="W165" s="70"/>
      <c r="X165" s="70"/>
      <c r="Y165" s="70"/>
      <c r="Z165" s="70"/>
      <c r="AA165" s="70"/>
      <c r="AB165" s="70"/>
      <c r="AC165" s="70"/>
      <c r="AD165" s="70"/>
      <c r="AE165" s="70"/>
      <c r="AF165" s="70"/>
    </row>
    <row r="166" spans="3:32" x14ac:dyDescent="0.2">
      <c r="C166" s="70"/>
      <c r="D166" s="70"/>
      <c r="E166" s="70"/>
      <c r="F166" s="70"/>
      <c r="G166" s="70"/>
      <c r="H166" s="70"/>
      <c r="I166" s="70"/>
      <c r="J166" s="70"/>
      <c r="K166" s="70"/>
      <c r="L166" s="70"/>
      <c r="M166" s="70"/>
      <c r="N166" s="70"/>
      <c r="O166" s="70"/>
      <c r="P166" s="70"/>
      <c r="Q166" s="70"/>
      <c r="R166" s="70"/>
      <c r="S166" s="70"/>
      <c r="T166" s="70"/>
      <c r="U166" s="70"/>
      <c r="V166" s="70"/>
      <c r="W166" s="70"/>
      <c r="X166" s="70"/>
      <c r="Y166" s="70"/>
      <c r="Z166" s="70"/>
      <c r="AA166" s="70"/>
      <c r="AB166" s="70"/>
      <c r="AC166" s="70"/>
      <c r="AD166" s="70"/>
      <c r="AE166" s="70"/>
      <c r="AF166" s="70"/>
    </row>
    <row r="167" spans="3:32" x14ac:dyDescent="0.2">
      <c r="C167" s="70"/>
      <c r="D167" s="70"/>
      <c r="E167" s="70"/>
      <c r="F167" s="70"/>
      <c r="G167" s="70"/>
      <c r="H167" s="70"/>
      <c r="I167" s="70"/>
      <c r="J167" s="70"/>
      <c r="K167" s="70"/>
      <c r="L167" s="70"/>
      <c r="M167" s="70"/>
      <c r="N167" s="70"/>
      <c r="O167" s="70"/>
      <c r="P167" s="70"/>
      <c r="Q167" s="70"/>
      <c r="R167" s="70"/>
      <c r="S167" s="70"/>
      <c r="T167" s="70"/>
      <c r="U167" s="70"/>
      <c r="V167" s="70"/>
      <c r="W167" s="70"/>
      <c r="X167" s="70"/>
      <c r="Y167" s="70"/>
      <c r="Z167" s="70"/>
      <c r="AA167" s="70"/>
      <c r="AB167" s="70"/>
      <c r="AC167" s="70"/>
      <c r="AD167" s="70"/>
      <c r="AE167" s="70"/>
      <c r="AF167" s="70"/>
    </row>
    <row r="168" spans="3:32" x14ac:dyDescent="0.2">
      <c r="C168" s="70"/>
      <c r="D168" s="70"/>
      <c r="E168" s="70"/>
      <c r="F168" s="70"/>
      <c r="G168" s="70"/>
      <c r="H168" s="70"/>
      <c r="I168" s="70"/>
      <c r="J168" s="70"/>
      <c r="K168" s="70"/>
      <c r="L168" s="70"/>
      <c r="M168" s="70"/>
      <c r="N168" s="70"/>
      <c r="O168" s="70"/>
      <c r="P168" s="70"/>
      <c r="Q168" s="70"/>
      <c r="R168" s="70"/>
      <c r="S168" s="70"/>
      <c r="T168" s="70"/>
      <c r="U168" s="70"/>
      <c r="V168" s="70"/>
      <c r="W168" s="70"/>
      <c r="X168" s="70"/>
      <c r="Y168" s="70"/>
      <c r="Z168" s="70"/>
      <c r="AA168" s="70"/>
      <c r="AB168" s="70"/>
      <c r="AC168" s="70"/>
      <c r="AD168" s="70"/>
      <c r="AE168" s="70"/>
      <c r="AF168" s="70"/>
    </row>
    <row r="169" spans="3:32" x14ac:dyDescent="0.2">
      <c r="C169" s="70"/>
      <c r="D169" s="70"/>
      <c r="E169" s="70"/>
      <c r="F169" s="70"/>
      <c r="G169" s="70"/>
      <c r="H169" s="70"/>
      <c r="I169" s="70"/>
      <c r="J169" s="70"/>
      <c r="K169" s="70"/>
      <c r="L169" s="70"/>
      <c r="M169" s="70"/>
      <c r="N169" s="70"/>
      <c r="O169" s="70"/>
      <c r="P169" s="70"/>
      <c r="Q169" s="70"/>
      <c r="R169" s="70"/>
      <c r="S169" s="70"/>
      <c r="T169" s="70"/>
      <c r="U169" s="70"/>
      <c r="V169" s="70"/>
      <c r="W169" s="70"/>
      <c r="X169" s="70"/>
      <c r="Y169" s="70"/>
      <c r="Z169" s="70"/>
      <c r="AA169" s="70"/>
      <c r="AB169" s="70"/>
      <c r="AC169" s="70"/>
      <c r="AD169" s="70"/>
      <c r="AE169" s="70"/>
      <c r="AF169" s="70"/>
    </row>
    <row r="170" spans="3:32" x14ac:dyDescent="0.2">
      <c r="C170" s="70"/>
      <c r="D170" s="70"/>
      <c r="E170" s="70"/>
      <c r="F170" s="70"/>
      <c r="G170" s="70"/>
      <c r="H170" s="70"/>
      <c r="I170" s="70"/>
      <c r="J170" s="70"/>
      <c r="K170" s="70"/>
      <c r="L170" s="70"/>
      <c r="M170" s="70"/>
      <c r="N170" s="70"/>
      <c r="O170" s="70"/>
      <c r="P170" s="70"/>
      <c r="Q170" s="70"/>
      <c r="R170" s="70"/>
      <c r="S170" s="70"/>
      <c r="T170" s="70"/>
      <c r="U170" s="70"/>
      <c r="V170" s="70"/>
      <c r="W170" s="70"/>
      <c r="X170" s="70"/>
      <c r="Y170" s="70"/>
      <c r="Z170" s="70"/>
      <c r="AA170" s="70"/>
      <c r="AB170" s="70"/>
      <c r="AC170" s="70"/>
      <c r="AD170" s="70"/>
      <c r="AE170" s="70"/>
      <c r="AF170" s="70"/>
    </row>
    <row r="171" spans="3:32" x14ac:dyDescent="0.2">
      <c r="C171" s="70"/>
      <c r="D171" s="70"/>
      <c r="E171" s="70"/>
      <c r="F171" s="70"/>
      <c r="G171" s="70"/>
      <c r="H171" s="70"/>
      <c r="I171" s="70"/>
      <c r="J171" s="70"/>
      <c r="K171" s="70"/>
      <c r="L171" s="70"/>
      <c r="M171" s="70"/>
      <c r="N171" s="70"/>
      <c r="O171" s="70"/>
      <c r="P171" s="70"/>
      <c r="Q171" s="70"/>
      <c r="R171" s="70"/>
      <c r="S171" s="70"/>
      <c r="T171" s="70"/>
      <c r="U171" s="70"/>
      <c r="V171" s="70"/>
      <c r="W171" s="70"/>
      <c r="X171" s="70"/>
      <c r="Y171" s="70"/>
      <c r="Z171" s="70"/>
      <c r="AA171" s="70"/>
      <c r="AB171" s="70"/>
      <c r="AC171" s="70"/>
      <c r="AD171" s="70"/>
      <c r="AE171" s="70"/>
      <c r="AF171" s="70"/>
    </row>
    <row r="172" spans="3:32" x14ac:dyDescent="0.2">
      <c r="C172" s="70"/>
      <c r="D172" s="70"/>
      <c r="E172" s="70"/>
      <c r="F172" s="70"/>
      <c r="G172" s="70"/>
      <c r="H172" s="70"/>
      <c r="I172" s="70"/>
      <c r="J172" s="70"/>
      <c r="K172" s="70"/>
      <c r="L172" s="70"/>
      <c r="M172" s="70"/>
      <c r="N172" s="70"/>
      <c r="O172" s="70"/>
      <c r="P172" s="70"/>
      <c r="Q172" s="70"/>
      <c r="R172" s="70"/>
      <c r="S172" s="70"/>
      <c r="T172" s="70"/>
      <c r="U172" s="70"/>
      <c r="V172" s="70"/>
      <c r="W172" s="70"/>
      <c r="X172" s="70"/>
      <c r="Y172" s="70"/>
      <c r="Z172" s="70"/>
      <c r="AA172" s="70"/>
      <c r="AB172" s="70"/>
      <c r="AC172" s="70"/>
      <c r="AD172" s="70"/>
      <c r="AE172" s="70"/>
      <c r="AF172" s="70"/>
    </row>
    <row r="173" spans="3:32" x14ac:dyDescent="0.2">
      <c r="C173" s="70"/>
      <c r="D173" s="70"/>
      <c r="E173" s="70"/>
      <c r="F173" s="70"/>
      <c r="G173" s="70"/>
      <c r="H173" s="70"/>
      <c r="I173" s="70"/>
      <c r="J173" s="70"/>
      <c r="K173" s="70"/>
      <c r="L173" s="70"/>
      <c r="M173" s="70"/>
      <c r="N173" s="70"/>
      <c r="O173" s="70"/>
      <c r="P173" s="70"/>
      <c r="Q173" s="70"/>
      <c r="R173" s="70"/>
      <c r="S173" s="70"/>
      <c r="T173" s="70"/>
      <c r="U173" s="70"/>
      <c r="V173" s="70"/>
      <c r="W173" s="70"/>
      <c r="X173" s="70"/>
      <c r="Y173" s="70"/>
      <c r="Z173" s="70"/>
      <c r="AA173" s="70"/>
      <c r="AB173" s="70"/>
      <c r="AC173" s="70"/>
      <c r="AD173" s="70"/>
      <c r="AE173" s="70"/>
      <c r="AF173" s="70"/>
    </row>
    <row r="174" spans="3:32" x14ac:dyDescent="0.2">
      <c r="C174" s="70"/>
      <c r="D174" s="70"/>
      <c r="E174" s="70"/>
      <c r="F174" s="70"/>
      <c r="G174" s="70"/>
      <c r="H174" s="70"/>
      <c r="I174" s="70"/>
      <c r="J174" s="70"/>
      <c r="K174" s="70"/>
      <c r="L174" s="70"/>
      <c r="M174" s="70"/>
      <c r="N174" s="70"/>
      <c r="O174" s="70"/>
      <c r="P174" s="70"/>
      <c r="Q174" s="70"/>
      <c r="R174" s="70"/>
      <c r="S174" s="70"/>
      <c r="T174" s="70"/>
      <c r="U174" s="70"/>
      <c r="V174" s="70"/>
      <c r="W174" s="70"/>
      <c r="X174" s="70"/>
      <c r="Y174" s="70"/>
      <c r="Z174" s="70"/>
      <c r="AA174" s="70"/>
      <c r="AB174" s="70"/>
      <c r="AC174" s="70"/>
      <c r="AD174" s="70"/>
      <c r="AE174" s="70"/>
      <c r="AF174" s="70"/>
    </row>
    <row r="175" spans="3:32" x14ac:dyDescent="0.2">
      <c r="C175" s="70"/>
      <c r="D175" s="70"/>
      <c r="E175" s="70"/>
      <c r="F175" s="70"/>
      <c r="G175" s="70"/>
      <c r="H175" s="70"/>
      <c r="I175" s="70"/>
      <c r="J175" s="70"/>
      <c r="K175" s="70"/>
      <c r="L175" s="70"/>
      <c r="M175" s="70"/>
      <c r="N175" s="70"/>
      <c r="O175" s="70"/>
      <c r="P175" s="70"/>
      <c r="Q175" s="70"/>
      <c r="R175" s="70"/>
      <c r="S175" s="70"/>
      <c r="T175" s="70"/>
      <c r="U175" s="70"/>
      <c r="V175" s="70"/>
      <c r="W175" s="70"/>
      <c r="X175" s="70"/>
      <c r="Y175" s="70"/>
      <c r="Z175" s="70"/>
      <c r="AA175" s="70"/>
      <c r="AB175" s="70"/>
      <c r="AC175" s="70"/>
      <c r="AD175" s="70"/>
      <c r="AE175" s="70"/>
      <c r="AF175" s="70"/>
    </row>
    <row r="176" spans="3:32" x14ac:dyDescent="0.2">
      <c r="C176" s="70"/>
      <c r="D176" s="70"/>
      <c r="E176" s="70"/>
      <c r="F176" s="70"/>
      <c r="G176" s="70"/>
      <c r="H176" s="70"/>
      <c r="I176" s="70"/>
      <c r="J176" s="70"/>
      <c r="K176" s="70"/>
      <c r="L176" s="70"/>
      <c r="M176" s="70"/>
      <c r="N176" s="70"/>
      <c r="O176" s="70"/>
      <c r="P176" s="70"/>
      <c r="Q176" s="70"/>
      <c r="R176" s="70"/>
      <c r="S176" s="70"/>
      <c r="T176" s="70"/>
      <c r="U176" s="70"/>
      <c r="V176" s="70"/>
      <c r="W176" s="70"/>
      <c r="X176" s="70"/>
      <c r="Y176" s="70"/>
      <c r="Z176" s="70"/>
      <c r="AA176" s="70"/>
      <c r="AB176" s="70"/>
      <c r="AC176" s="70"/>
      <c r="AD176" s="70"/>
      <c r="AE176" s="70"/>
      <c r="AF176" s="70"/>
    </row>
    <row r="177" spans="3:32" x14ac:dyDescent="0.2">
      <c r="C177" s="70"/>
      <c r="D177" s="70"/>
      <c r="E177" s="70"/>
      <c r="F177" s="70"/>
      <c r="G177" s="70"/>
      <c r="H177" s="70"/>
      <c r="I177" s="70"/>
      <c r="J177" s="70"/>
      <c r="K177" s="70"/>
      <c r="L177" s="70"/>
      <c r="M177" s="70"/>
      <c r="N177" s="70"/>
      <c r="O177" s="70"/>
      <c r="P177" s="70"/>
      <c r="Q177" s="70"/>
      <c r="R177" s="70"/>
      <c r="S177" s="70"/>
      <c r="T177" s="70"/>
      <c r="U177" s="70"/>
      <c r="V177" s="70"/>
      <c r="W177" s="70"/>
      <c r="X177" s="70"/>
      <c r="Y177" s="70"/>
      <c r="Z177" s="70"/>
      <c r="AA177" s="70"/>
      <c r="AB177" s="70"/>
      <c r="AC177" s="70"/>
      <c r="AD177" s="70"/>
      <c r="AE177" s="70"/>
      <c r="AF177" s="70"/>
    </row>
    <row r="178" spans="3:32" x14ac:dyDescent="0.2">
      <c r="C178" s="70"/>
      <c r="D178" s="70"/>
      <c r="E178" s="70"/>
      <c r="F178" s="70"/>
      <c r="G178" s="70"/>
      <c r="H178" s="70"/>
      <c r="I178" s="70"/>
      <c r="J178" s="70"/>
      <c r="K178" s="70"/>
      <c r="L178" s="70"/>
      <c r="M178" s="70"/>
      <c r="N178" s="70"/>
      <c r="O178" s="70"/>
      <c r="P178" s="70"/>
      <c r="Q178" s="70"/>
      <c r="R178" s="70"/>
      <c r="S178" s="70"/>
      <c r="T178" s="70"/>
      <c r="U178" s="70"/>
      <c r="V178" s="70"/>
      <c r="W178" s="70"/>
      <c r="X178" s="70"/>
      <c r="Y178" s="70"/>
      <c r="Z178" s="70"/>
      <c r="AA178" s="70"/>
      <c r="AB178" s="70"/>
      <c r="AC178" s="70"/>
      <c r="AD178" s="70"/>
      <c r="AE178" s="70"/>
      <c r="AF178" s="70"/>
    </row>
    <row r="179" spans="3:32" x14ac:dyDescent="0.2">
      <c r="C179" s="70"/>
      <c r="D179" s="70"/>
      <c r="E179" s="70"/>
      <c r="F179" s="70"/>
      <c r="G179" s="70"/>
      <c r="H179" s="70"/>
      <c r="I179" s="70"/>
      <c r="J179" s="70"/>
      <c r="K179" s="70"/>
      <c r="L179" s="70"/>
      <c r="M179" s="70"/>
      <c r="N179" s="70"/>
      <c r="O179" s="70"/>
      <c r="P179" s="70"/>
      <c r="Q179" s="70"/>
      <c r="R179" s="70"/>
      <c r="S179" s="70"/>
      <c r="T179" s="70"/>
      <c r="U179" s="70"/>
      <c r="V179" s="70"/>
      <c r="W179" s="70"/>
      <c r="X179" s="70"/>
      <c r="Y179" s="70"/>
      <c r="Z179" s="70"/>
      <c r="AA179" s="70"/>
      <c r="AB179" s="70"/>
      <c r="AC179" s="70"/>
      <c r="AD179" s="70"/>
      <c r="AE179" s="70"/>
      <c r="AF179" s="70"/>
    </row>
    <row r="180" spans="3:32" x14ac:dyDescent="0.2">
      <c r="C180" s="70"/>
      <c r="D180" s="70"/>
      <c r="E180" s="70"/>
      <c r="F180" s="70"/>
      <c r="G180" s="70"/>
      <c r="H180" s="70"/>
      <c r="I180" s="70"/>
      <c r="J180" s="70"/>
      <c r="K180" s="70"/>
      <c r="L180" s="70"/>
      <c r="M180" s="70"/>
      <c r="N180" s="70"/>
      <c r="O180" s="70"/>
      <c r="P180" s="70"/>
      <c r="Q180" s="70"/>
      <c r="R180" s="70"/>
      <c r="S180" s="70"/>
      <c r="T180" s="70"/>
      <c r="U180" s="70"/>
      <c r="V180" s="70"/>
      <c r="W180" s="70"/>
      <c r="X180" s="70"/>
      <c r="Y180" s="70"/>
      <c r="Z180" s="70"/>
      <c r="AA180" s="70"/>
      <c r="AB180" s="70"/>
      <c r="AC180" s="70"/>
      <c r="AD180" s="70"/>
      <c r="AE180" s="70"/>
      <c r="AF180" s="70"/>
    </row>
    <row r="181" spans="3:32" x14ac:dyDescent="0.2">
      <c r="C181" s="70"/>
      <c r="D181" s="70"/>
      <c r="E181" s="70"/>
      <c r="F181" s="70"/>
      <c r="G181" s="70"/>
      <c r="H181" s="70"/>
      <c r="I181" s="70"/>
      <c r="J181" s="70"/>
      <c r="K181" s="70"/>
      <c r="L181" s="70"/>
      <c r="M181" s="70"/>
      <c r="N181" s="70"/>
      <c r="O181" s="70"/>
      <c r="P181" s="70"/>
      <c r="Q181" s="70"/>
      <c r="R181" s="70"/>
      <c r="S181" s="70"/>
      <c r="T181" s="70"/>
      <c r="U181" s="70"/>
      <c r="V181" s="70"/>
      <c r="W181" s="70"/>
      <c r="X181" s="70"/>
      <c r="Y181" s="70"/>
      <c r="Z181" s="70"/>
      <c r="AA181" s="70"/>
      <c r="AB181" s="70"/>
      <c r="AC181" s="70"/>
      <c r="AD181" s="70"/>
      <c r="AE181" s="70"/>
      <c r="AF181" s="70"/>
    </row>
    <row r="182" spans="3:32" x14ac:dyDescent="0.2">
      <c r="C182" s="70"/>
      <c r="D182" s="70"/>
      <c r="E182" s="70"/>
      <c r="F182" s="70"/>
      <c r="G182" s="70"/>
      <c r="H182" s="70"/>
      <c r="I182" s="70"/>
      <c r="J182" s="70"/>
      <c r="K182" s="70"/>
      <c r="L182" s="70"/>
      <c r="M182" s="70"/>
      <c r="N182" s="70"/>
      <c r="O182" s="70"/>
      <c r="P182" s="70"/>
      <c r="Q182" s="70"/>
      <c r="R182" s="70"/>
      <c r="S182" s="70"/>
      <c r="T182" s="70"/>
      <c r="U182" s="70"/>
      <c r="V182" s="70"/>
      <c r="W182" s="70"/>
      <c r="X182" s="70"/>
      <c r="Y182" s="70"/>
      <c r="Z182" s="70"/>
      <c r="AA182" s="70"/>
      <c r="AB182" s="70"/>
      <c r="AC182" s="70"/>
      <c r="AD182" s="70"/>
      <c r="AE182" s="70"/>
      <c r="AF182" s="70"/>
    </row>
    <row r="183" spans="3:32" x14ac:dyDescent="0.2">
      <c r="C183" s="70"/>
      <c r="D183" s="70"/>
      <c r="E183" s="70"/>
      <c r="F183" s="70"/>
      <c r="G183" s="70"/>
      <c r="H183" s="70"/>
      <c r="I183" s="70"/>
      <c r="J183" s="70"/>
      <c r="K183" s="70"/>
      <c r="L183" s="70"/>
      <c r="M183" s="70"/>
      <c r="N183" s="70"/>
      <c r="O183" s="70"/>
      <c r="P183" s="70"/>
      <c r="Q183" s="70"/>
      <c r="R183" s="70"/>
      <c r="S183" s="70"/>
      <c r="T183" s="70"/>
      <c r="U183" s="70"/>
      <c r="V183" s="70"/>
      <c r="W183" s="70"/>
      <c r="X183" s="70"/>
      <c r="Y183" s="70"/>
      <c r="Z183" s="70"/>
      <c r="AA183" s="70"/>
      <c r="AB183" s="70"/>
      <c r="AC183" s="70"/>
      <c r="AD183" s="70"/>
      <c r="AE183" s="70"/>
      <c r="AF183" s="70"/>
    </row>
    <row r="184" spans="3:32" x14ac:dyDescent="0.2">
      <c r="C184" s="70"/>
      <c r="D184" s="70"/>
      <c r="E184" s="70"/>
      <c r="F184" s="70"/>
      <c r="G184" s="70"/>
      <c r="H184" s="70"/>
      <c r="I184" s="70"/>
      <c r="J184" s="70"/>
      <c r="K184" s="70"/>
      <c r="L184" s="70"/>
      <c r="M184" s="70"/>
      <c r="N184" s="70"/>
      <c r="O184" s="70"/>
      <c r="P184" s="70"/>
      <c r="Q184" s="70"/>
      <c r="R184" s="70"/>
      <c r="S184" s="70"/>
      <c r="T184" s="70"/>
      <c r="U184" s="70"/>
      <c r="V184" s="70"/>
      <c r="W184" s="70"/>
      <c r="X184" s="70"/>
      <c r="Y184" s="70"/>
      <c r="Z184" s="70"/>
      <c r="AA184" s="70"/>
      <c r="AB184" s="70"/>
      <c r="AC184" s="70"/>
      <c r="AD184" s="70"/>
      <c r="AE184" s="70"/>
      <c r="AF184" s="70"/>
    </row>
    <row r="185" spans="3:32" x14ac:dyDescent="0.2">
      <c r="C185" s="70"/>
      <c r="D185" s="70"/>
      <c r="E185" s="70"/>
      <c r="F185" s="70"/>
      <c r="G185" s="70"/>
      <c r="H185" s="70"/>
      <c r="I185" s="70"/>
      <c r="J185" s="70"/>
      <c r="K185" s="70"/>
      <c r="L185" s="70"/>
      <c r="M185" s="70"/>
      <c r="N185" s="70"/>
      <c r="O185" s="70"/>
      <c r="P185" s="70"/>
      <c r="Q185" s="70"/>
      <c r="R185" s="70"/>
      <c r="S185" s="70"/>
      <c r="T185" s="70"/>
      <c r="U185" s="70"/>
      <c r="V185" s="70"/>
      <c r="W185" s="70"/>
      <c r="X185" s="70"/>
      <c r="Y185" s="70"/>
      <c r="Z185" s="70"/>
      <c r="AA185" s="70"/>
      <c r="AB185" s="70"/>
      <c r="AC185" s="70"/>
      <c r="AD185" s="70"/>
      <c r="AE185" s="70"/>
      <c r="AF185" s="70"/>
    </row>
    <row r="186" spans="3:32" x14ac:dyDescent="0.2">
      <c r="C186" s="70"/>
      <c r="D186" s="70"/>
      <c r="E186" s="70"/>
      <c r="F186" s="70"/>
      <c r="G186" s="70"/>
      <c r="H186" s="70"/>
      <c r="I186" s="70"/>
      <c r="J186" s="70"/>
      <c r="K186" s="70"/>
      <c r="L186" s="70"/>
      <c r="M186" s="70"/>
      <c r="N186" s="70"/>
      <c r="O186" s="70"/>
      <c r="P186" s="70"/>
      <c r="Q186" s="70"/>
      <c r="R186" s="70"/>
      <c r="S186" s="70"/>
      <c r="T186" s="70"/>
      <c r="U186" s="70"/>
      <c r="V186" s="70"/>
      <c r="W186" s="70"/>
      <c r="X186" s="70"/>
      <c r="Y186" s="70"/>
      <c r="Z186" s="70"/>
      <c r="AA186" s="70"/>
      <c r="AB186" s="70"/>
      <c r="AC186" s="70"/>
      <c r="AD186" s="70"/>
      <c r="AE186" s="70"/>
      <c r="AF186" s="70"/>
    </row>
    <row r="187" spans="3:32" x14ac:dyDescent="0.2">
      <c r="C187" s="70"/>
      <c r="D187" s="70"/>
      <c r="E187" s="70"/>
      <c r="F187" s="70"/>
      <c r="G187" s="70"/>
      <c r="H187" s="70"/>
      <c r="I187" s="70"/>
      <c r="J187" s="70"/>
      <c r="K187" s="70"/>
      <c r="L187" s="70"/>
      <c r="M187" s="70"/>
      <c r="N187" s="70"/>
      <c r="O187" s="70"/>
      <c r="P187" s="70"/>
      <c r="Q187" s="70"/>
      <c r="R187" s="70"/>
      <c r="S187" s="70"/>
      <c r="T187" s="70"/>
      <c r="U187" s="70"/>
      <c r="V187" s="70"/>
      <c r="W187" s="70"/>
      <c r="X187" s="70"/>
      <c r="Y187" s="70"/>
      <c r="Z187" s="70"/>
      <c r="AA187" s="70"/>
      <c r="AB187" s="70"/>
      <c r="AC187" s="70"/>
      <c r="AD187" s="70"/>
      <c r="AE187" s="70"/>
      <c r="AF187" s="70"/>
    </row>
    <row r="188" spans="3:32" x14ac:dyDescent="0.2">
      <c r="C188" s="70"/>
      <c r="D188" s="70"/>
      <c r="E188" s="70"/>
      <c r="F188" s="70"/>
      <c r="G188" s="70"/>
      <c r="H188" s="70"/>
      <c r="I188" s="70"/>
      <c r="J188" s="70"/>
      <c r="K188" s="70"/>
      <c r="L188" s="70"/>
      <c r="M188" s="70"/>
      <c r="N188" s="70"/>
      <c r="O188" s="70"/>
      <c r="P188" s="70"/>
      <c r="Q188" s="70"/>
      <c r="R188" s="70"/>
      <c r="S188" s="70"/>
      <c r="T188" s="70"/>
      <c r="U188" s="70"/>
      <c r="V188" s="70"/>
      <c r="W188" s="70"/>
      <c r="X188" s="70"/>
      <c r="Y188" s="70"/>
      <c r="Z188" s="70"/>
      <c r="AA188" s="70"/>
      <c r="AB188" s="70"/>
      <c r="AC188" s="70"/>
      <c r="AD188" s="70"/>
      <c r="AE188" s="70"/>
      <c r="AF188" s="70"/>
    </row>
    <row r="189" spans="3:32" x14ac:dyDescent="0.2">
      <c r="C189" s="70"/>
      <c r="D189" s="70"/>
      <c r="E189" s="70"/>
      <c r="F189" s="70"/>
      <c r="G189" s="70"/>
      <c r="H189" s="70"/>
      <c r="I189" s="70"/>
      <c r="J189" s="70"/>
      <c r="K189" s="70"/>
      <c r="L189" s="70"/>
      <c r="M189" s="70"/>
      <c r="N189" s="70"/>
      <c r="O189" s="70"/>
      <c r="P189" s="70"/>
      <c r="Q189" s="70"/>
      <c r="R189" s="70"/>
      <c r="S189" s="70"/>
      <c r="T189" s="70"/>
      <c r="U189" s="70"/>
      <c r="V189" s="70"/>
      <c r="W189" s="70"/>
      <c r="X189" s="70"/>
      <c r="Y189" s="70"/>
      <c r="Z189" s="70"/>
      <c r="AA189" s="70"/>
      <c r="AB189" s="70"/>
      <c r="AC189" s="70"/>
      <c r="AD189" s="70"/>
      <c r="AE189" s="70"/>
      <c r="AF189" s="70"/>
    </row>
    <row r="190" spans="3:32" x14ac:dyDescent="0.2">
      <c r="C190" s="70"/>
      <c r="D190" s="70"/>
      <c r="E190" s="70"/>
      <c r="F190" s="70"/>
      <c r="G190" s="70"/>
      <c r="H190" s="70"/>
      <c r="I190" s="70"/>
      <c r="J190" s="70"/>
      <c r="K190" s="70"/>
      <c r="L190" s="70"/>
      <c r="M190" s="70"/>
      <c r="N190" s="70"/>
      <c r="O190" s="70"/>
      <c r="P190" s="70"/>
      <c r="Q190" s="70"/>
      <c r="R190" s="70"/>
      <c r="S190" s="70"/>
      <c r="T190" s="70"/>
      <c r="U190" s="70"/>
      <c r="V190" s="70"/>
      <c r="W190" s="70"/>
      <c r="X190" s="70"/>
      <c r="Y190" s="70"/>
      <c r="Z190" s="70"/>
      <c r="AA190" s="70"/>
      <c r="AB190" s="70"/>
      <c r="AC190" s="70"/>
      <c r="AD190" s="70"/>
      <c r="AE190" s="70"/>
      <c r="AF190" s="70"/>
    </row>
    <row r="191" spans="3:32" x14ac:dyDescent="0.2">
      <c r="C191" s="70"/>
      <c r="D191" s="70"/>
      <c r="E191" s="70"/>
      <c r="F191" s="70"/>
      <c r="G191" s="70"/>
      <c r="H191" s="70"/>
      <c r="I191" s="70"/>
      <c r="J191" s="70"/>
      <c r="K191" s="70"/>
      <c r="L191" s="70"/>
      <c r="M191" s="70"/>
      <c r="N191" s="70"/>
      <c r="O191" s="70"/>
      <c r="P191" s="70"/>
      <c r="Q191" s="70"/>
      <c r="R191" s="70"/>
      <c r="S191" s="70"/>
      <c r="T191" s="70"/>
      <c r="U191" s="70"/>
      <c r="V191" s="70"/>
      <c r="W191" s="70"/>
      <c r="X191" s="70"/>
      <c r="Y191" s="70"/>
      <c r="Z191" s="70"/>
      <c r="AA191" s="70"/>
      <c r="AB191" s="70"/>
      <c r="AC191" s="70"/>
      <c r="AD191" s="70"/>
      <c r="AE191" s="70"/>
      <c r="AF191" s="70"/>
    </row>
    <row r="192" spans="3:32" x14ac:dyDescent="0.2">
      <c r="C192" s="70"/>
      <c r="D192" s="70"/>
      <c r="E192" s="70"/>
      <c r="F192" s="70"/>
      <c r="G192" s="70"/>
      <c r="H192" s="70"/>
      <c r="I192" s="70"/>
      <c r="J192" s="70"/>
      <c r="K192" s="70"/>
      <c r="L192" s="70"/>
      <c r="M192" s="70"/>
      <c r="N192" s="70"/>
      <c r="O192" s="70"/>
      <c r="P192" s="70"/>
      <c r="Q192" s="70"/>
      <c r="R192" s="70"/>
      <c r="S192" s="70"/>
      <c r="T192" s="70"/>
      <c r="U192" s="70"/>
      <c r="V192" s="70"/>
      <c r="W192" s="70"/>
      <c r="X192" s="70"/>
      <c r="Y192" s="70"/>
      <c r="Z192" s="70"/>
      <c r="AA192" s="70"/>
      <c r="AB192" s="70"/>
      <c r="AC192" s="70"/>
      <c r="AD192" s="70"/>
      <c r="AE192" s="70"/>
      <c r="AF192" s="70"/>
    </row>
    <row r="193" spans="3:32" x14ac:dyDescent="0.2">
      <c r="C193" s="70"/>
      <c r="D193" s="70"/>
      <c r="E193" s="70"/>
      <c r="F193" s="70"/>
      <c r="G193" s="70"/>
      <c r="H193" s="70"/>
      <c r="I193" s="70"/>
      <c r="J193" s="70"/>
      <c r="K193" s="70"/>
      <c r="L193" s="70"/>
      <c r="M193" s="70"/>
      <c r="N193" s="70"/>
      <c r="O193" s="70"/>
      <c r="P193" s="70"/>
      <c r="Q193" s="70"/>
      <c r="R193" s="70"/>
      <c r="S193" s="70"/>
      <c r="T193" s="70"/>
      <c r="U193" s="70"/>
      <c r="V193" s="70"/>
      <c r="W193" s="70"/>
      <c r="X193" s="70"/>
      <c r="Y193" s="70"/>
      <c r="Z193" s="70"/>
      <c r="AA193" s="70"/>
      <c r="AB193" s="70"/>
      <c r="AC193" s="70"/>
      <c r="AD193" s="70"/>
      <c r="AE193" s="70"/>
      <c r="AF193" s="70"/>
    </row>
    <row r="194" spans="3:32" x14ac:dyDescent="0.2">
      <c r="C194" s="70"/>
      <c r="D194" s="70"/>
      <c r="E194" s="70"/>
      <c r="F194" s="70"/>
      <c r="G194" s="70"/>
      <c r="H194" s="70"/>
      <c r="I194" s="70"/>
      <c r="J194" s="70"/>
      <c r="K194" s="70"/>
      <c r="L194" s="70"/>
      <c r="M194" s="70"/>
      <c r="N194" s="70"/>
      <c r="O194" s="70"/>
      <c r="P194" s="70"/>
      <c r="Q194" s="70"/>
      <c r="R194" s="70"/>
      <c r="S194" s="70"/>
      <c r="T194" s="70"/>
      <c r="U194" s="70"/>
      <c r="V194" s="70"/>
      <c r="W194" s="70"/>
      <c r="X194" s="70"/>
      <c r="Y194" s="70"/>
      <c r="Z194" s="70"/>
      <c r="AA194" s="70"/>
      <c r="AB194" s="70"/>
      <c r="AC194" s="70"/>
      <c r="AD194" s="70"/>
      <c r="AE194" s="70"/>
      <c r="AF194" s="70"/>
    </row>
    <row r="195" spans="3:32" x14ac:dyDescent="0.2">
      <c r="C195" s="70"/>
      <c r="D195" s="70"/>
      <c r="E195" s="70"/>
      <c r="F195" s="70"/>
      <c r="G195" s="70"/>
      <c r="H195" s="70"/>
      <c r="I195" s="70"/>
      <c r="J195" s="70"/>
      <c r="K195" s="70"/>
      <c r="L195" s="70"/>
      <c r="M195" s="70"/>
      <c r="N195" s="70"/>
      <c r="O195" s="70"/>
      <c r="P195" s="70"/>
      <c r="Q195" s="70"/>
      <c r="R195" s="70"/>
      <c r="S195" s="70"/>
      <c r="T195" s="70"/>
      <c r="U195" s="70"/>
      <c r="V195" s="70"/>
      <c r="W195" s="70"/>
      <c r="X195" s="70"/>
      <c r="Y195" s="70"/>
      <c r="Z195" s="70"/>
      <c r="AA195" s="70"/>
      <c r="AB195" s="70"/>
      <c r="AC195" s="70"/>
      <c r="AD195" s="70"/>
      <c r="AE195" s="70"/>
      <c r="AF195" s="70"/>
    </row>
    <row r="196" spans="3:32" x14ac:dyDescent="0.2">
      <c r="C196" s="70"/>
      <c r="D196" s="70"/>
      <c r="E196" s="70"/>
      <c r="F196" s="70"/>
      <c r="G196" s="70"/>
      <c r="H196" s="70"/>
      <c r="I196" s="70"/>
      <c r="J196" s="70"/>
      <c r="K196" s="70"/>
      <c r="L196" s="70"/>
      <c r="M196" s="70"/>
      <c r="N196" s="70"/>
      <c r="O196" s="70"/>
      <c r="P196" s="70"/>
      <c r="Q196" s="70"/>
      <c r="R196" s="70"/>
      <c r="S196" s="70"/>
      <c r="T196" s="70"/>
      <c r="U196" s="70"/>
      <c r="V196" s="70"/>
      <c r="W196" s="70"/>
      <c r="X196" s="70"/>
      <c r="Y196" s="70"/>
      <c r="Z196" s="70"/>
      <c r="AA196" s="70"/>
      <c r="AB196" s="70"/>
      <c r="AC196" s="70"/>
      <c r="AD196" s="70"/>
      <c r="AE196" s="70"/>
      <c r="AF196" s="70"/>
    </row>
    <row r="197" spans="3:32" x14ac:dyDescent="0.2">
      <c r="C197" s="70"/>
      <c r="D197" s="70"/>
      <c r="E197" s="70"/>
      <c r="F197" s="70"/>
      <c r="G197" s="70"/>
      <c r="H197" s="70"/>
      <c r="I197" s="70"/>
      <c r="J197" s="70"/>
      <c r="K197" s="70"/>
      <c r="L197" s="70"/>
      <c r="M197" s="70"/>
      <c r="N197" s="70"/>
      <c r="O197" s="70"/>
      <c r="P197" s="70"/>
      <c r="Q197" s="70"/>
      <c r="R197" s="70"/>
      <c r="S197" s="70"/>
      <c r="T197" s="70"/>
      <c r="U197" s="70"/>
      <c r="V197" s="70"/>
      <c r="W197" s="70"/>
      <c r="X197" s="70"/>
      <c r="Y197" s="70"/>
      <c r="Z197" s="70"/>
      <c r="AA197" s="70"/>
      <c r="AB197" s="70"/>
      <c r="AC197" s="70"/>
      <c r="AD197" s="70"/>
      <c r="AE197" s="70"/>
      <c r="AF197" s="70"/>
    </row>
    <row r="198" spans="3:32" x14ac:dyDescent="0.2">
      <c r="C198" s="70"/>
      <c r="D198" s="70"/>
      <c r="E198" s="70"/>
      <c r="F198" s="70"/>
      <c r="G198" s="70"/>
      <c r="H198" s="70"/>
      <c r="I198" s="70"/>
      <c r="J198" s="70"/>
      <c r="K198" s="70"/>
      <c r="L198" s="70"/>
      <c r="M198" s="70"/>
      <c r="N198" s="70"/>
      <c r="O198" s="70"/>
      <c r="P198" s="70"/>
      <c r="Q198" s="70"/>
      <c r="R198" s="70"/>
      <c r="S198" s="70"/>
      <c r="T198" s="70"/>
      <c r="U198" s="70"/>
      <c r="V198" s="70"/>
      <c r="W198" s="70"/>
      <c r="X198" s="70"/>
      <c r="Y198" s="70"/>
      <c r="Z198" s="70"/>
      <c r="AA198" s="70"/>
      <c r="AB198" s="70"/>
      <c r="AC198" s="70"/>
      <c r="AD198" s="70"/>
      <c r="AE198" s="70"/>
      <c r="AF198" s="70"/>
    </row>
    <row r="199" spans="3:32" x14ac:dyDescent="0.2">
      <c r="C199" s="70"/>
      <c r="D199" s="70"/>
      <c r="E199" s="70"/>
      <c r="F199" s="70"/>
      <c r="G199" s="70"/>
      <c r="H199" s="70"/>
      <c r="I199" s="70"/>
      <c r="J199" s="70"/>
      <c r="K199" s="70"/>
      <c r="L199" s="70"/>
      <c r="M199" s="70"/>
      <c r="N199" s="70"/>
      <c r="O199" s="70"/>
      <c r="P199" s="70"/>
      <c r="Q199" s="70"/>
      <c r="R199" s="70"/>
      <c r="S199" s="70"/>
      <c r="T199" s="70"/>
      <c r="U199" s="70"/>
      <c r="V199" s="70"/>
      <c r="W199" s="70"/>
      <c r="X199" s="70"/>
      <c r="Y199" s="70"/>
      <c r="Z199" s="70"/>
      <c r="AA199" s="70"/>
      <c r="AB199" s="70"/>
      <c r="AC199" s="70"/>
      <c r="AD199" s="70"/>
      <c r="AE199" s="70"/>
      <c r="AF199" s="70"/>
    </row>
    <row r="200" spans="3:32" x14ac:dyDescent="0.2">
      <c r="C200" s="70"/>
      <c r="D200" s="70"/>
      <c r="E200" s="70"/>
      <c r="F200" s="70"/>
      <c r="G200" s="70"/>
      <c r="H200" s="70"/>
      <c r="I200" s="70"/>
      <c r="J200" s="70"/>
      <c r="K200" s="70"/>
      <c r="L200" s="70"/>
      <c r="M200" s="70"/>
      <c r="N200" s="70"/>
      <c r="O200" s="70"/>
      <c r="P200" s="70"/>
      <c r="Q200" s="70"/>
      <c r="R200" s="70"/>
      <c r="S200" s="70"/>
      <c r="T200" s="70"/>
      <c r="U200" s="70"/>
      <c r="V200" s="70"/>
      <c r="W200" s="70"/>
      <c r="X200" s="70"/>
      <c r="Y200" s="70"/>
      <c r="Z200" s="70"/>
      <c r="AA200" s="70"/>
      <c r="AB200" s="70"/>
      <c r="AC200" s="70"/>
      <c r="AD200" s="70"/>
      <c r="AE200" s="70"/>
      <c r="AF200" s="70"/>
    </row>
    <row r="201" spans="3:32" x14ac:dyDescent="0.2">
      <c r="C201" s="70"/>
      <c r="D201" s="70"/>
      <c r="E201" s="70"/>
      <c r="F201" s="70"/>
      <c r="G201" s="70"/>
      <c r="H201" s="70"/>
      <c r="I201" s="70"/>
      <c r="J201" s="70"/>
      <c r="K201" s="70"/>
      <c r="L201" s="70"/>
      <c r="M201" s="70"/>
      <c r="N201" s="70"/>
      <c r="O201" s="70"/>
      <c r="P201" s="70"/>
      <c r="Q201" s="70"/>
      <c r="R201" s="70"/>
      <c r="S201" s="70"/>
      <c r="T201" s="70"/>
      <c r="U201" s="70"/>
      <c r="V201" s="70"/>
      <c r="W201" s="70"/>
      <c r="X201" s="70"/>
      <c r="Y201" s="70"/>
      <c r="Z201" s="70"/>
      <c r="AA201" s="70"/>
      <c r="AB201" s="70"/>
      <c r="AC201" s="70"/>
      <c r="AD201" s="70"/>
      <c r="AE201" s="70"/>
      <c r="AF201" s="70"/>
    </row>
    <row r="202" spans="3:32" x14ac:dyDescent="0.2">
      <c r="C202" s="70"/>
      <c r="D202" s="70"/>
      <c r="E202" s="70"/>
      <c r="F202" s="70"/>
      <c r="G202" s="70"/>
      <c r="H202" s="70"/>
      <c r="I202" s="70"/>
      <c r="J202" s="70"/>
      <c r="K202" s="70"/>
      <c r="L202" s="70"/>
      <c r="M202" s="70"/>
      <c r="N202" s="70"/>
      <c r="O202" s="70"/>
      <c r="P202" s="70"/>
      <c r="Q202" s="70"/>
      <c r="R202" s="70"/>
      <c r="S202" s="70"/>
      <c r="T202" s="70"/>
      <c r="U202" s="70"/>
      <c r="V202" s="70"/>
      <c r="W202" s="70"/>
      <c r="X202" s="70"/>
      <c r="Y202" s="70"/>
      <c r="Z202" s="70"/>
      <c r="AA202" s="70"/>
      <c r="AB202" s="70"/>
      <c r="AC202" s="70"/>
      <c r="AD202" s="70"/>
      <c r="AE202" s="70"/>
      <c r="AF202" s="70"/>
    </row>
    <row r="203" spans="3:32" x14ac:dyDescent="0.2">
      <c r="C203" s="70"/>
      <c r="D203" s="70"/>
      <c r="E203" s="70"/>
      <c r="F203" s="70"/>
      <c r="G203" s="70"/>
      <c r="H203" s="70"/>
      <c r="I203" s="70"/>
      <c r="J203" s="70"/>
      <c r="K203" s="70"/>
      <c r="L203" s="70"/>
      <c r="M203" s="70"/>
      <c r="N203" s="70"/>
      <c r="O203" s="70"/>
      <c r="P203" s="70"/>
      <c r="Q203" s="70"/>
      <c r="R203" s="70"/>
      <c r="S203" s="70"/>
      <c r="T203" s="70"/>
      <c r="U203" s="70"/>
      <c r="V203" s="70"/>
      <c r="W203" s="70"/>
      <c r="X203" s="70"/>
      <c r="Y203" s="70"/>
      <c r="Z203" s="70"/>
      <c r="AA203" s="70"/>
      <c r="AB203" s="70"/>
      <c r="AC203" s="70"/>
      <c r="AD203" s="70"/>
      <c r="AE203" s="70"/>
      <c r="AF203" s="70"/>
    </row>
    <row r="204" spans="3:32" x14ac:dyDescent="0.2">
      <c r="C204" s="70"/>
      <c r="D204" s="70"/>
      <c r="E204" s="70"/>
      <c r="F204" s="70"/>
      <c r="G204" s="70"/>
      <c r="H204" s="70"/>
      <c r="I204" s="70"/>
      <c r="J204" s="70"/>
      <c r="K204" s="70"/>
      <c r="L204" s="70"/>
      <c r="M204" s="70"/>
      <c r="N204" s="70"/>
      <c r="O204" s="70"/>
      <c r="P204" s="70"/>
      <c r="Q204" s="70"/>
      <c r="R204" s="70"/>
      <c r="S204" s="70"/>
      <c r="T204" s="70"/>
      <c r="U204" s="70"/>
      <c r="V204" s="70"/>
      <c r="W204" s="70"/>
      <c r="X204" s="70"/>
      <c r="Y204" s="70"/>
      <c r="Z204" s="70"/>
      <c r="AA204" s="70"/>
      <c r="AB204" s="70"/>
      <c r="AC204" s="70"/>
      <c r="AD204" s="70"/>
      <c r="AE204" s="70"/>
      <c r="AF204" s="70"/>
    </row>
    <row r="205" spans="3:32" x14ac:dyDescent="0.2">
      <c r="C205" s="70"/>
      <c r="D205" s="70"/>
      <c r="E205" s="70"/>
      <c r="F205" s="70"/>
      <c r="G205" s="70"/>
      <c r="H205" s="70"/>
      <c r="I205" s="70"/>
      <c r="J205" s="70"/>
      <c r="K205" s="70"/>
      <c r="L205" s="70"/>
      <c r="M205" s="70"/>
      <c r="N205" s="70"/>
      <c r="O205" s="70"/>
      <c r="P205" s="70"/>
      <c r="Q205" s="70"/>
      <c r="R205" s="70"/>
      <c r="S205" s="70"/>
      <c r="T205" s="70"/>
      <c r="U205" s="70"/>
      <c r="V205" s="70"/>
      <c r="W205" s="70"/>
      <c r="X205" s="70"/>
      <c r="Y205" s="70"/>
      <c r="Z205" s="70"/>
      <c r="AA205" s="70"/>
      <c r="AB205" s="70"/>
      <c r="AC205" s="70"/>
      <c r="AD205" s="70"/>
      <c r="AE205" s="70"/>
      <c r="AF205" s="70"/>
    </row>
    <row r="206" spans="3:32" x14ac:dyDescent="0.2">
      <c r="C206" s="70"/>
      <c r="D206" s="70"/>
      <c r="E206" s="70"/>
      <c r="F206" s="70"/>
      <c r="G206" s="70"/>
      <c r="H206" s="70"/>
      <c r="I206" s="70"/>
      <c r="J206" s="70"/>
      <c r="K206" s="70"/>
      <c r="L206" s="70"/>
      <c r="M206" s="70"/>
      <c r="N206" s="70"/>
      <c r="O206" s="70"/>
      <c r="P206" s="70"/>
      <c r="Q206" s="70"/>
      <c r="R206" s="70"/>
      <c r="S206" s="70"/>
      <c r="T206" s="70"/>
      <c r="U206" s="70"/>
      <c r="V206" s="70"/>
      <c r="W206" s="70"/>
      <c r="X206" s="70"/>
      <c r="Y206" s="70"/>
      <c r="Z206" s="70"/>
      <c r="AA206" s="70"/>
      <c r="AB206" s="70"/>
      <c r="AC206" s="70"/>
      <c r="AD206" s="70"/>
      <c r="AE206" s="70"/>
      <c r="AF206" s="70"/>
    </row>
    <row r="207" spans="3:32" x14ac:dyDescent="0.2">
      <c r="C207" s="70"/>
      <c r="D207" s="70"/>
      <c r="E207" s="70"/>
      <c r="F207" s="70"/>
      <c r="G207" s="70"/>
      <c r="H207" s="70"/>
      <c r="I207" s="70"/>
      <c r="J207" s="70"/>
      <c r="K207" s="70"/>
      <c r="L207" s="70"/>
      <c r="M207" s="70"/>
      <c r="N207" s="70"/>
      <c r="O207" s="70"/>
      <c r="P207" s="70"/>
      <c r="Q207" s="70"/>
      <c r="R207" s="70"/>
      <c r="S207" s="70"/>
      <c r="T207" s="70"/>
      <c r="U207" s="70"/>
      <c r="V207" s="70"/>
      <c r="W207" s="70"/>
      <c r="X207" s="70"/>
      <c r="Y207" s="70"/>
      <c r="Z207" s="70"/>
      <c r="AA207" s="70"/>
      <c r="AB207" s="70"/>
      <c r="AC207" s="70"/>
      <c r="AD207" s="70"/>
      <c r="AE207" s="70"/>
      <c r="AF207" s="70"/>
    </row>
    <row r="208" spans="3:32" x14ac:dyDescent="0.2">
      <c r="C208" s="70"/>
      <c r="D208" s="70"/>
      <c r="E208" s="70"/>
      <c r="F208" s="70"/>
      <c r="G208" s="70"/>
      <c r="H208" s="70"/>
      <c r="I208" s="70"/>
      <c r="J208" s="70"/>
      <c r="K208" s="70"/>
      <c r="L208" s="70"/>
      <c r="M208" s="70"/>
      <c r="N208" s="70"/>
      <c r="O208" s="70"/>
      <c r="P208" s="70"/>
      <c r="Q208" s="70"/>
      <c r="R208" s="70"/>
      <c r="S208" s="70"/>
      <c r="T208" s="70"/>
      <c r="U208" s="70"/>
      <c r="V208" s="70"/>
      <c r="W208" s="70"/>
      <c r="X208" s="70"/>
      <c r="Y208" s="70"/>
      <c r="Z208" s="70"/>
      <c r="AA208" s="70"/>
      <c r="AB208" s="70"/>
      <c r="AC208" s="70"/>
      <c r="AD208" s="70"/>
      <c r="AE208" s="70"/>
      <c r="AF208" s="70"/>
    </row>
    <row r="209" spans="3:32" x14ac:dyDescent="0.2">
      <c r="C209" s="70"/>
      <c r="D209" s="70"/>
      <c r="E209" s="70"/>
      <c r="F209" s="70"/>
      <c r="G209" s="70"/>
      <c r="H209" s="70"/>
      <c r="I209" s="70"/>
      <c r="J209" s="70"/>
      <c r="K209" s="70"/>
      <c r="L209" s="70"/>
      <c r="M209" s="70"/>
      <c r="N209" s="70"/>
      <c r="O209" s="70"/>
      <c r="P209" s="70"/>
      <c r="Q209" s="70"/>
      <c r="R209" s="70"/>
      <c r="S209" s="70"/>
      <c r="T209" s="70"/>
      <c r="U209" s="70"/>
      <c r="V209" s="70"/>
      <c r="W209" s="70"/>
      <c r="X209" s="70"/>
      <c r="Y209" s="70"/>
      <c r="Z209" s="70"/>
      <c r="AA209" s="70"/>
      <c r="AB209" s="70"/>
      <c r="AC209" s="70"/>
      <c r="AD209" s="70"/>
      <c r="AE209" s="70"/>
      <c r="AF209" s="70"/>
    </row>
    <row r="210" spans="3:32" x14ac:dyDescent="0.2">
      <c r="C210" s="70"/>
      <c r="D210" s="70"/>
      <c r="E210" s="70"/>
      <c r="F210" s="70"/>
      <c r="G210" s="70"/>
      <c r="H210" s="70"/>
      <c r="I210" s="70"/>
      <c r="J210" s="70"/>
      <c r="K210" s="70"/>
      <c r="L210" s="70"/>
      <c r="M210" s="70"/>
      <c r="N210" s="70"/>
      <c r="O210" s="70"/>
      <c r="P210" s="70"/>
      <c r="Q210" s="70"/>
      <c r="R210" s="70"/>
      <c r="S210" s="70"/>
      <c r="T210" s="70"/>
      <c r="U210" s="70"/>
      <c r="V210" s="70"/>
      <c r="W210" s="70"/>
      <c r="X210" s="70"/>
      <c r="Y210" s="70"/>
      <c r="Z210" s="70"/>
      <c r="AA210" s="70"/>
      <c r="AB210" s="70"/>
      <c r="AC210" s="70"/>
      <c r="AD210" s="70"/>
      <c r="AE210" s="70"/>
      <c r="AF210" s="70"/>
    </row>
    <row r="211" spans="3:32" x14ac:dyDescent="0.2">
      <c r="C211" s="70"/>
      <c r="D211" s="70"/>
      <c r="E211" s="70"/>
      <c r="F211" s="70"/>
      <c r="G211" s="70"/>
      <c r="H211" s="70"/>
      <c r="I211" s="70"/>
      <c r="J211" s="70"/>
      <c r="K211" s="70"/>
      <c r="L211" s="70"/>
      <c r="M211" s="70"/>
      <c r="N211" s="70"/>
      <c r="O211" s="70"/>
      <c r="P211" s="70"/>
      <c r="Q211" s="70"/>
      <c r="R211" s="70"/>
      <c r="S211" s="70"/>
      <c r="T211" s="70"/>
      <c r="U211" s="70"/>
      <c r="V211" s="70"/>
      <c r="W211" s="70"/>
      <c r="X211" s="70"/>
      <c r="Y211" s="70"/>
      <c r="Z211" s="70"/>
      <c r="AA211" s="70"/>
      <c r="AB211" s="70"/>
      <c r="AC211" s="70"/>
      <c r="AD211" s="70"/>
      <c r="AE211" s="70"/>
      <c r="AF211" s="70"/>
    </row>
    <row r="212" spans="3:32" x14ac:dyDescent="0.2">
      <c r="C212" s="70"/>
      <c r="D212" s="70"/>
      <c r="E212" s="70"/>
      <c r="F212" s="70"/>
      <c r="G212" s="70"/>
      <c r="H212" s="70"/>
      <c r="I212" s="70"/>
      <c r="J212" s="70"/>
      <c r="K212" s="70"/>
      <c r="L212" s="70"/>
      <c r="M212" s="70"/>
      <c r="N212" s="70"/>
      <c r="O212" s="70"/>
      <c r="P212" s="70"/>
      <c r="Q212" s="70"/>
      <c r="R212" s="70"/>
      <c r="S212" s="70"/>
      <c r="T212" s="70"/>
      <c r="U212" s="70"/>
      <c r="V212" s="70"/>
      <c r="W212" s="70"/>
      <c r="X212" s="70"/>
      <c r="Y212" s="70"/>
      <c r="Z212" s="70"/>
      <c r="AA212" s="70"/>
      <c r="AB212" s="70"/>
      <c r="AC212" s="70"/>
      <c r="AD212" s="70"/>
      <c r="AE212" s="70"/>
      <c r="AF212" s="70"/>
    </row>
    <row r="213" spans="3:32" x14ac:dyDescent="0.2">
      <c r="C213" s="70"/>
      <c r="D213" s="70"/>
      <c r="E213" s="70"/>
      <c r="F213" s="70"/>
      <c r="G213" s="70"/>
      <c r="H213" s="70"/>
      <c r="I213" s="70"/>
      <c r="J213" s="70"/>
      <c r="K213" s="70"/>
      <c r="L213" s="70"/>
      <c r="M213" s="70"/>
      <c r="N213" s="70"/>
      <c r="O213" s="70"/>
      <c r="P213" s="70"/>
      <c r="Q213" s="70"/>
      <c r="R213" s="70"/>
      <c r="S213" s="70"/>
      <c r="T213" s="70"/>
      <c r="U213" s="70"/>
      <c r="V213" s="70"/>
      <c r="W213" s="70"/>
      <c r="X213" s="70"/>
      <c r="Y213" s="70"/>
      <c r="Z213" s="70"/>
      <c r="AA213" s="70"/>
      <c r="AB213" s="70"/>
      <c r="AC213" s="70"/>
      <c r="AD213" s="70"/>
      <c r="AE213" s="70"/>
      <c r="AF213" s="70"/>
    </row>
    <row r="214" spans="3:32" x14ac:dyDescent="0.2">
      <c r="C214" s="70"/>
      <c r="D214" s="70"/>
      <c r="E214" s="70"/>
      <c r="F214" s="70"/>
      <c r="G214" s="70"/>
      <c r="H214" s="70"/>
      <c r="I214" s="70"/>
      <c r="J214" s="70"/>
      <c r="K214" s="70"/>
      <c r="L214" s="70"/>
      <c r="M214" s="70"/>
      <c r="N214" s="70"/>
      <c r="O214" s="70"/>
      <c r="P214" s="70"/>
      <c r="Q214" s="70"/>
      <c r="R214" s="70"/>
      <c r="S214" s="70"/>
      <c r="T214" s="70"/>
      <c r="U214" s="70"/>
      <c r="V214" s="70"/>
      <c r="W214" s="70"/>
      <c r="X214" s="70"/>
      <c r="Y214" s="70"/>
      <c r="Z214" s="70"/>
      <c r="AA214" s="70"/>
      <c r="AB214" s="70"/>
      <c r="AC214" s="70"/>
      <c r="AD214" s="70"/>
      <c r="AE214" s="70"/>
      <c r="AF214" s="70"/>
    </row>
    <row r="215" spans="3:32" x14ac:dyDescent="0.2">
      <c r="C215" s="70"/>
      <c r="D215" s="70"/>
      <c r="E215" s="70"/>
      <c r="F215" s="70"/>
      <c r="G215" s="70"/>
      <c r="H215" s="70"/>
      <c r="I215" s="70"/>
      <c r="J215" s="70"/>
      <c r="K215" s="70"/>
      <c r="L215" s="70"/>
      <c r="M215" s="70"/>
      <c r="N215" s="70"/>
      <c r="O215" s="70"/>
      <c r="P215" s="70"/>
      <c r="Q215" s="70"/>
      <c r="R215" s="70"/>
      <c r="S215" s="70"/>
      <c r="T215" s="70"/>
      <c r="U215" s="70"/>
      <c r="V215" s="70"/>
      <c r="W215" s="70"/>
      <c r="X215" s="70"/>
      <c r="Y215" s="70"/>
      <c r="Z215" s="70"/>
      <c r="AA215" s="70"/>
      <c r="AB215" s="70"/>
      <c r="AC215" s="70"/>
      <c r="AD215" s="70"/>
      <c r="AE215" s="70"/>
      <c r="AF215" s="70"/>
    </row>
    <row r="216" spans="3:32" x14ac:dyDescent="0.2">
      <c r="C216" s="70"/>
      <c r="D216" s="70"/>
      <c r="E216" s="70"/>
      <c r="F216" s="70"/>
      <c r="G216" s="70"/>
      <c r="H216" s="70"/>
      <c r="I216" s="70"/>
      <c r="J216" s="70"/>
      <c r="K216" s="70"/>
      <c r="L216" s="70"/>
      <c r="M216" s="70"/>
      <c r="N216" s="70"/>
      <c r="O216" s="70"/>
      <c r="P216" s="70"/>
      <c r="Q216" s="70"/>
      <c r="R216" s="70"/>
      <c r="S216" s="70"/>
      <c r="T216" s="70"/>
      <c r="U216" s="70"/>
      <c r="V216" s="70"/>
      <c r="W216" s="70"/>
      <c r="X216" s="70"/>
      <c r="Y216" s="70"/>
      <c r="Z216" s="70"/>
      <c r="AA216" s="70"/>
      <c r="AB216" s="70"/>
      <c r="AC216" s="70"/>
      <c r="AD216" s="70"/>
      <c r="AE216" s="70"/>
      <c r="AF216" s="70"/>
    </row>
    <row r="217" spans="3:32" x14ac:dyDescent="0.2">
      <c r="C217" s="70"/>
      <c r="D217" s="70"/>
      <c r="E217" s="70"/>
      <c r="F217" s="70"/>
      <c r="G217" s="70"/>
      <c r="H217" s="70"/>
      <c r="I217" s="70"/>
      <c r="J217" s="70"/>
      <c r="K217" s="70"/>
      <c r="L217" s="70"/>
      <c r="M217" s="70"/>
      <c r="N217" s="70"/>
      <c r="O217" s="70"/>
      <c r="P217" s="70"/>
      <c r="Q217" s="70"/>
      <c r="R217" s="70"/>
      <c r="S217" s="70"/>
      <c r="T217" s="70"/>
      <c r="U217" s="70"/>
      <c r="V217" s="70"/>
      <c r="W217" s="70"/>
      <c r="X217" s="70"/>
      <c r="Y217" s="70"/>
      <c r="Z217" s="70"/>
      <c r="AA217" s="70"/>
      <c r="AB217" s="70"/>
      <c r="AC217" s="70"/>
      <c r="AD217" s="70"/>
      <c r="AE217" s="70"/>
      <c r="AF217" s="70"/>
    </row>
    <row r="218" spans="3:32" x14ac:dyDescent="0.2">
      <c r="C218" s="70"/>
      <c r="D218" s="70"/>
      <c r="E218" s="70"/>
      <c r="F218" s="70"/>
      <c r="G218" s="70"/>
      <c r="H218" s="70"/>
      <c r="I218" s="70"/>
      <c r="J218" s="70"/>
      <c r="K218" s="70"/>
      <c r="L218" s="70"/>
      <c r="M218" s="70"/>
      <c r="N218" s="70"/>
      <c r="O218" s="70"/>
      <c r="P218" s="70"/>
      <c r="Q218" s="70"/>
      <c r="R218" s="70"/>
      <c r="S218" s="70"/>
      <c r="T218" s="70"/>
      <c r="U218" s="70"/>
      <c r="V218" s="70"/>
      <c r="W218" s="70"/>
      <c r="X218" s="70"/>
      <c r="Y218" s="70"/>
      <c r="Z218" s="70"/>
      <c r="AA218" s="70"/>
      <c r="AB218" s="70"/>
      <c r="AC218" s="70"/>
      <c r="AD218" s="70"/>
      <c r="AE218" s="70"/>
      <c r="AF218" s="70"/>
    </row>
    <row r="219" spans="3:32" x14ac:dyDescent="0.2">
      <c r="C219" s="70"/>
      <c r="D219" s="70"/>
      <c r="E219" s="70"/>
      <c r="F219" s="70"/>
      <c r="G219" s="70"/>
      <c r="H219" s="70"/>
      <c r="I219" s="70"/>
      <c r="J219" s="70"/>
      <c r="K219" s="70"/>
      <c r="L219" s="70"/>
      <c r="M219" s="70"/>
      <c r="N219" s="70"/>
      <c r="O219" s="70"/>
      <c r="P219" s="70"/>
      <c r="Q219" s="70"/>
      <c r="R219" s="70"/>
      <c r="S219" s="70"/>
      <c r="T219" s="70"/>
      <c r="U219" s="70"/>
      <c r="V219" s="70"/>
      <c r="W219" s="70"/>
      <c r="X219" s="70"/>
      <c r="Y219" s="70"/>
      <c r="Z219" s="70"/>
      <c r="AA219" s="70"/>
      <c r="AB219" s="70"/>
      <c r="AC219" s="70"/>
      <c r="AD219" s="70"/>
      <c r="AE219" s="70"/>
      <c r="AF219" s="70"/>
    </row>
  </sheetData>
  <mergeCells count="59">
    <mergeCell ref="F1:G1"/>
    <mergeCell ref="I1:J1"/>
    <mergeCell ref="B3:B5"/>
    <mergeCell ref="C3:AF3"/>
    <mergeCell ref="AG3:BJ3"/>
    <mergeCell ref="AG5:AI5"/>
    <mergeCell ref="AJ5:AO5"/>
    <mergeCell ref="AP5:AP6"/>
    <mergeCell ref="AQ5:AS5"/>
    <mergeCell ref="AT5:AY5"/>
    <mergeCell ref="AZ5:AZ6"/>
    <mergeCell ref="C5:E5"/>
    <mergeCell ref="F5:K5"/>
    <mergeCell ref="L5:L6"/>
    <mergeCell ref="M5:O5"/>
    <mergeCell ref="P5:U5"/>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W5:Y5"/>
    <mergeCell ref="Z5:AE5"/>
    <mergeCell ref="AF5:AF6"/>
    <mergeCell ref="BN5:BS5"/>
    <mergeCell ref="BT5:BT6"/>
    <mergeCell ref="BU5:BW5"/>
    <mergeCell ref="BX5:CC5"/>
    <mergeCell ref="BA5:BC5"/>
    <mergeCell ref="BD5:BI5"/>
    <mergeCell ref="BJ5:BJ6"/>
    <mergeCell ref="BK5:BM5"/>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5" width="7.88671875" style="70" customWidth="1"/>
    <col min="6" max="6" width="8.109375" style="70" customWidth="1"/>
    <col min="7"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102" width="9" style="70"/>
    <col min="103" max="148" width="9" style="71"/>
    <col min="149" max="149" width="7.77734375" style="71" customWidth="1"/>
    <col min="150" max="159" width="9" style="71"/>
    <col min="160" max="160" width="8.109375" style="71" customWidth="1"/>
    <col min="161" max="16384" width="9" style="71"/>
  </cols>
  <sheetData>
    <row r="1" spans="2:299" ht="24" customHeight="1" x14ac:dyDescent="0.2">
      <c r="B1" s="9" t="s">
        <v>119</v>
      </c>
      <c r="F1" s="441">
        <f>第１表!F2</f>
        <v>6</v>
      </c>
      <c r="G1" s="441"/>
      <c r="H1" s="18">
        <f>第１表!G2</f>
        <v>9</v>
      </c>
      <c r="I1" s="440">
        <f>H1</f>
        <v>9</v>
      </c>
      <c r="J1" s="440"/>
    </row>
    <row r="2" spans="2:299" ht="24" customHeight="1" thickBot="1" x14ac:dyDescent="0.25">
      <c r="B2" s="10" t="s">
        <v>127</v>
      </c>
    </row>
    <row r="3" spans="2:299" ht="21" customHeight="1" thickBot="1" x14ac:dyDescent="0.25">
      <c r="B3" s="427" t="s">
        <v>38</v>
      </c>
      <c r="C3" s="422" t="s">
        <v>96</v>
      </c>
      <c r="D3" s="422"/>
      <c r="E3" s="422"/>
      <c r="F3" s="422"/>
      <c r="G3" s="422"/>
      <c r="H3" s="422"/>
      <c r="I3" s="422"/>
      <c r="J3" s="422"/>
      <c r="K3" s="422"/>
      <c r="L3" s="422"/>
      <c r="M3" s="422"/>
      <c r="N3" s="422"/>
      <c r="O3" s="422"/>
      <c r="P3" s="422"/>
      <c r="Q3" s="422"/>
      <c r="R3" s="422"/>
      <c r="S3" s="422"/>
      <c r="T3" s="422"/>
      <c r="U3" s="422"/>
      <c r="V3" s="422"/>
      <c r="W3" s="422"/>
      <c r="X3" s="422"/>
      <c r="Y3" s="422"/>
      <c r="Z3" s="422"/>
      <c r="AA3" s="422"/>
      <c r="AB3" s="422"/>
      <c r="AC3" s="422"/>
      <c r="AD3" s="422"/>
      <c r="AE3" s="422"/>
      <c r="AF3" s="422"/>
      <c r="AG3" s="422"/>
      <c r="AH3" s="422"/>
      <c r="AI3" s="422"/>
      <c r="AJ3" s="422"/>
      <c r="AK3" s="422"/>
      <c r="AL3" s="422"/>
      <c r="AM3" s="422"/>
      <c r="AN3" s="422"/>
      <c r="AO3" s="422"/>
      <c r="AP3" s="422"/>
      <c r="AQ3" s="422"/>
      <c r="AR3" s="422"/>
      <c r="AS3" s="422"/>
      <c r="AT3" s="422"/>
      <c r="AU3" s="422"/>
      <c r="AV3" s="422"/>
      <c r="AW3" s="422"/>
      <c r="AX3" s="422"/>
      <c r="AY3" s="422"/>
      <c r="AZ3" s="422"/>
      <c r="BA3" s="422"/>
      <c r="BB3" s="422"/>
      <c r="BC3" s="422"/>
      <c r="BD3" s="422"/>
      <c r="BE3" s="422"/>
      <c r="BF3" s="422"/>
      <c r="BG3" s="422"/>
      <c r="BH3" s="422"/>
      <c r="BI3" s="422"/>
      <c r="BJ3" s="422"/>
      <c r="BK3" s="422"/>
      <c r="BL3" s="422"/>
      <c r="BM3" s="422"/>
      <c r="BN3" s="422"/>
      <c r="BO3" s="422"/>
      <c r="BP3" s="422"/>
      <c r="BQ3" s="422"/>
      <c r="BR3" s="422"/>
      <c r="BS3" s="422"/>
      <c r="BT3" s="422"/>
      <c r="BU3" s="422"/>
      <c r="BV3" s="422"/>
      <c r="BW3" s="422"/>
      <c r="BX3" s="422"/>
      <c r="BY3" s="422"/>
      <c r="BZ3" s="422"/>
      <c r="CA3" s="422"/>
      <c r="CB3" s="422"/>
      <c r="CC3" s="422"/>
      <c r="CD3" s="422"/>
      <c r="CE3" s="422"/>
      <c r="CF3" s="422"/>
      <c r="CG3" s="422"/>
      <c r="CH3" s="422"/>
      <c r="CI3" s="422"/>
      <c r="CJ3" s="422"/>
      <c r="CK3" s="422"/>
      <c r="CL3" s="422"/>
      <c r="CM3" s="422"/>
      <c r="CN3" s="422"/>
      <c r="CO3" s="422"/>
      <c r="CP3" s="422"/>
      <c r="CQ3" s="422"/>
      <c r="CR3" s="422"/>
      <c r="CS3" s="422"/>
      <c r="CT3" s="422"/>
      <c r="CU3" s="422"/>
      <c r="CV3" s="422"/>
      <c r="CW3" s="423"/>
      <c r="CX3" s="422" t="s">
        <v>102</v>
      </c>
      <c r="CY3" s="422"/>
      <c r="CZ3" s="422"/>
      <c r="DA3" s="422"/>
      <c r="DB3" s="422"/>
      <c r="DC3" s="422"/>
      <c r="DD3" s="422"/>
      <c r="DE3" s="422"/>
      <c r="DF3" s="422"/>
      <c r="DG3" s="422"/>
      <c r="DH3" s="422"/>
      <c r="DI3" s="422"/>
      <c r="DJ3" s="422"/>
      <c r="DK3" s="422"/>
      <c r="DL3" s="422"/>
      <c r="DM3" s="422"/>
      <c r="DN3" s="422"/>
      <c r="DO3" s="422"/>
      <c r="DP3" s="422"/>
      <c r="DQ3" s="422"/>
      <c r="DR3" s="422"/>
      <c r="DS3" s="422"/>
      <c r="DT3" s="422"/>
      <c r="DU3" s="422"/>
      <c r="DV3" s="422"/>
      <c r="DW3" s="422"/>
      <c r="DX3" s="422"/>
      <c r="DY3" s="422"/>
      <c r="DZ3" s="422"/>
      <c r="EA3" s="422"/>
      <c r="EB3" s="422"/>
      <c r="EC3" s="422"/>
      <c r="ED3" s="422"/>
      <c r="EE3" s="422"/>
      <c r="EF3" s="422"/>
      <c r="EG3" s="422"/>
      <c r="EH3" s="422"/>
      <c r="EI3" s="422"/>
      <c r="EJ3" s="422"/>
      <c r="EK3" s="422"/>
      <c r="EL3" s="422"/>
      <c r="EM3" s="422"/>
      <c r="EN3" s="422"/>
      <c r="EO3" s="422"/>
      <c r="EP3" s="422"/>
      <c r="EQ3" s="422"/>
      <c r="ER3" s="422"/>
      <c r="ES3" s="422"/>
      <c r="ET3" s="422"/>
      <c r="EU3" s="422"/>
      <c r="EV3" s="422"/>
      <c r="EW3" s="422"/>
      <c r="EX3" s="422"/>
      <c r="EY3" s="422"/>
      <c r="EZ3" s="422"/>
      <c r="FA3" s="422"/>
      <c r="FB3" s="422"/>
      <c r="FC3" s="422"/>
      <c r="FD3" s="422"/>
      <c r="FE3" s="422"/>
      <c r="FF3" s="422"/>
      <c r="FG3" s="422"/>
      <c r="FH3" s="422"/>
      <c r="FI3" s="422"/>
      <c r="FJ3" s="422"/>
      <c r="FK3" s="422"/>
      <c r="FL3" s="422"/>
      <c r="FM3" s="422"/>
      <c r="FN3" s="422"/>
      <c r="FO3" s="422"/>
      <c r="FP3" s="422"/>
      <c r="FQ3" s="422"/>
      <c r="FR3" s="422"/>
      <c r="FS3" s="422"/>
      <c r="FT3" s="422"/>
      <c r="FU3" s="422"/>
      <c r="FV3" s="422"/>
      <c r="FW3" s="422"/>
      <c r="FX3" s="422"/>
      <c r="FY3" s="422"/>
      <c r="FZ3" s="422"/>
      <c r="GA3" s="422"/>
      <c r="GB3" s="422"/>
      <c r="GC3" s="422"/>
      <c r="GD3" s="422"/>
      <c r="GE3" s="422"/>
      <c r="GF3" s="422"/>
      <c r="GG3" s="422"/>
      <c r="GH3" s="422"/>
      <c r="GI3" s="422"/>
      <c r="GJ3" s="422"/>
      <c r="GK3" s="422"/>
      <c r="GL3" s="422"/>
      <c r="GM3" s="422"/>
      <c r="GN3" s="422"/>
      <c r="GO3" s="422"/>
      <c r="GP3" s="422"/>
      <c r="GQ3" s="422"/>
      <c r="GR3" s="423"/>
      <c r="GS3" s="422" t="s">
        <v>103</v>
      </c>
      <c r="GT3" s="422"/>
      <c r="GU3" s="422"/>
      <c r="GV3" s="422"/>
      <c r="GW3" s="422"/>
      <c r="GX3" s="422"/>
      <c r="GY3" s="422"/>
      <c r="GZ3" s="422"/>
      <c r="HA3" s="422"/>
      <c r="HB3" s="422"/>
      <c r="HC3" s="422"/>
      <c r="HD3" s="422"/>
      <c r="HE3" s="422"/>
      <c r="HF3" s="422"/>
      <c r="HG3" s="422"/>
      <c r="HH3" s="422"/>
      <c r="HI3" s="422"/>
      <c r="HJ3" s="422"/>
      <c r="HK3" s="422"/>
      <c r="HL3" s="422"/>
      <c r="HM3" s="422"/>
      <c r="HN3" s="422"/>
      <c r="HO3" s="422"/>
      <c r="HP3" s="422"/>
      <c r="HQ3" s="422"/>
      <c r="HR3" s="422"/>
      <c r="HS3" s="422"/>
      <c r="HT3" s="422"/>
      <c r="HU3" s="422"/>
      <c r="HV3" s="422"/>
      <c r="HW3" s="422"/>
      <c r="HX3" s="422"/>
      <c r="HY3" s="422"/>
      <c r="HZ3" s="422"/>
      <c r="IA3" s="422"/>
      <c r="IB3" s="422"/>
      <c r="IC3" s="422"/>
      <c r="ID3" s="422"/>
      <c r="IE3" s="422"/>
      <c r="IF3" s="422"/>
      <c r="IG3" s="422"/>
      <c r="IH3" s="422"/>
      <c r="II3" s="422"/>
      <c r="IJ3" s="422"/>
      <c r="IK3" s="422"/>
      <c r="IL3" s="422"/>
      <c r="IM3" s="422"/>
      <c r="IN3" s="422"/>
      <c r="IO3" s="422"/>
      <c r="IP3" s="422"/>
      <c r="IQ3" s="422"/>
      <c r="IR3" s="422"/>
      <c r="IS3" s="422"/>
      <c r="IT3" s="422"/>
      <c r="IU3" s="422"/>
      <c r="IV3" s="422"/>
      <c r="IW3" s="422"/>
      <c r="IX3" s="422"/>
      <c r="IY3" s="422"/>
      <c r="IZ3" s="422"/>
      <c r="JA3" s="422"/>
      <c r="JB3" s="422"/>
      <c r="JC3" s="422"/>
      <c r="JD3" s="422"/>
      <c r="JE3" s="422"/>
      <c r="JF3" s="422"/>
      <c r="JG3" s="422"/>
      <c r="JH3" s="422"/>
      <c r="JI3" s="422"/>
      <c r="JJ3" s="422"/>
      <c r="JK3" s="422"/>
      <c r="JL3" s="422"/>
      <c r="JM3" s="422"/>
      <c r="JN3" s="422"/>
      <c r="JO3" s="422"/>
      <c r="JP3" s="422"/>
      <c r="JQ3" s="422"/>
      <c r="JR3" s="422"/>
      <c r="JS3" s="422"/>
      <c r="JT3" s="422"/>
      <c r="JU3" s="422"/>
      <c r="JV3" s="422"/>
      <c r="JW3" s="422"/>
      <c r="JX3" s="422"/>
      <c r="JY3" s="422"/>
      <c r="JZ3" s="422"/>
      <c r="KA3" s="422"/>
      <c r="KB3" s="422"/>
      <c r="KC3" s="422"/>
      <c r="KD3" s="422"/>
      <c r="KE3" s="422"/>
      <c r="KF3" s="422"/>
      <c r="KG3" s="422"/>
      <c r="KH3" s="422"/>
      <c r="KI3" s="422"/>
      <c r="KJ3" s="422"/>
      <c r="KK3" s="422"/>
      <c r="KL3" s="422"/>
      <c r="KM3" s="423"/>
    </row>
    <row r="4" spans="2:299" ht="21" customHeight="1" thickBot="1" x14ac:dyDescent="0.25">
      <c r="B4" s="439"/>
      <c r="C4" s="424" t="s">
        <v>39</v>
      </c>
      <c r="D4" s="425"/>
      <c r="E4" s="425"/>
      <c r="F4" s="425"/>
      <c r="G4" s="425"/>
      <c r="H4" s="425"/>
      <c r="I4" s="425"/>
      <c r="J4" s="425"/>
      <c r="K4" s="425"/>
      <c r="L4" s="425"/>
      <c r="M4" s="425"/>
      <c r="N4" s="425"/>
      <c r="O4" s="425"/>
      <c r="P4" s="425"/>
      <c r="Q4" s="425"/>
      <c r="R4" s="425"/>
      <c r="S4" s="425"/>
      <c r="T4" s="425"/>
      <c r="U4" s="425"/>
      <c r="V4" s="425"/>
      <c r="W4" s="425"/>
      <c r="X4" s="425"/>
      <c r="Y4" s="425"/>
      <c r="Z4" s="425"/>
      <c r="AA4" s="425"/>
      <c r="AB4" s="425"/>
      <c r="AC4" s="425"/>
      <c r="AD4" s="425"/>
      <c r="AE4" s="425"/>
      <c r="AF4" s="425"/>
      <c r="AG4" s="425"/>
      <c r="AH4" s="425"/>
      <c r="AI4" s="425"/>
      <c r="AJ4" s="425"/>
      <c r="AK4" s="425"/>
      <c r="AL4" s="425"/>
      <c r="AM4" s="425"/>
      <c r="AN4" s="425"/>
      <c r="AO4" s="425"/>
      <c r="AP4" s="425"/>
      <c r="AQ4" s="425"/>
      <c r="AR4" s="425"/>
      <c r="AS4" s="425"/>
      <c r="AT4" s="425"/>
      <c r="AU4" s="425"/>
      <c r="AV4" s="425"/>
      <c r="AW4" s="425"/>
      <c r="AX4" s="425"/>
      <c r="AY4" s="425"/>
      <c r="AZ4" s="425"/>
      <c r="BA4" s="425"/>
      <c r="BB4" s="425"/>
      <c r="BC4" s="425"/>
      <c r="BD4" s="425"/>
      <c r="BE4" s="425"/>
      <c r="BF4" s="425"/>
      <c r="BG4" s="425"/>
      <c r="BH4" s="425"/>
      <c r="BI4" s="425"/>
      <c r="BJ4" s="425"/>
      <c r="BK4" s="425"/>
      <c r="BL4" s="425"/>
      <c r="BM4" s="425"/>
      <c r="BN4" s="425"/>
      <c r="BO4" s="425"/>
      <c r="BP4" s="425"/>
      <c r="BQ4" s="425"/>
      <c r="BR4" s="425"/>
      <c r="BS4" s="425"/>
      <c r="BT4" s="425"/>
      <c r="BU4" s="425"/>
      <c r="BV4" s="425"/>
      <c r="BW4" s="425"/>
      <c r="BX4" s="425"/>
      <c r="BY4" s="425"/>
      <c r="BZ4" s="425"/>
      <c r="CA4" s="426"/>
      <c r="CB4" s="427" t="s">
        <v>40</v>
      </c>
      <c r="CC4" s="428"/>
      <c r="CD4" s="428"/>
      <c r="CE4" s="428"/>
      <c r="CF4" s="428"/>
      <c r="CG4" s="428"/>
      <c r="CH4" s="428"/>
      <c r="CI4" s="428"/>
      <c r="CJ4" s="428"/>
      <c r="CK4" s="428"/>
      <c r="CL4" s="429"/>
      <c r="CM4" s="427" t="s">
        <v>41</v>
      </c>
      <c r="CN4" s="428"/>
      <c r="CO4" s="428"/>
      <c r="CP4" s="428"/>
      <c r="CQ4" s="428"/>
      <c r="CR4" s="428"/>
      <c r="CS4" s="428"/>
      <c r="CT4" s="428"/>
      <c r="CU4" s="428"/>
      <c r="CV4" s="428"/>
      <c r="CW4" s="429"/>
      <c r="CX4" s="424" t="s">
        <v>39</v>
      </c>
      <c r="CY4" s="425"/>
      <c r="CZ4" s="425"/>
      <c r="DA4" s="425"/>
      <c r="DB4" s="425"/>
      <c r="DC4" s="425"/>
      <c r="DD4" s="425"/>
      <c r="DE4" s="425"/>
      <c r="DF4" s="425"/>
      <c r="DG4" s="425"/>
      <c r="DH4" s="425"/>
      <c r="DI4" s="425"/>
      <c r="DJ4" s="425"/>
      <c r="DK4" s="425"/>
      <c r="DL4" s="425"/>
      <c r="DM4" s="425"/>
      <c r="DN4" s="425"/>
      <c r="DO4" s="425"/>
      <c r="DP4" s="425"/>
      <c r="DQ4" s="425"/>
      <c r="DR4" s="425"/>
      <c r="DS4" s="425"/>
      <c r="DT4" s="425"/>
      <c r="DU4" s="425"/>
      <c r="DV4" s="425"/>
      <c r="DW4" s="425"/>
      <c r="DX4" s="425"/>
      <c r="DY4" s="425"/>
      <c r="DZ4" s="425"/>
      <c r="EA4" s="425"/>
      <c r="EB4" s="425"/>
      <c r="EC4" s="425"/>
      <c r="ED4" s="425"/>
      <c r="EE4" s="425"/>
      <c r="EF4" s="425"/>
      <c r="EG4" s="425"/>
      <c r="EH4" s="425"/>
      <c r="EI4" s="425"/>
      <c r="EJ4" s="425"/>
      <c r="EK4" s="425"/>
      <c r="EL4" s="425"/>
      <c r="EM4" s="425"/>
      <c r="EN4" s="425"/>
      <c r="EO4" s="425"/>
      <c r="EP4" s="425"/>
      <c r="EQ4" s="425"/>
      <c r="ER4" s="425"/>
      <c r="ES4" s="425"/>
      <c r="ET4" s="425"/>
      <c r="EU4" s="425"/>
      <c r="EV4" s="425"/>
      <c r="EW4" s="425"/>
      <c r="EX4" s="425"/>
      <c r="EY4" s="425"/>
      <c r="EZ4" s="425"/>
      <c r="FA4" s="425"/>
      <c r="FB4" s="425"/>
      <c r="FC4" s="425"/>
      <c r="FD4" s="425"/>
      <c r="FE4" s="425"/>
      <c r="FF4" s="425"/>
      <c r="FG4" s="425"/>
      <c r="FH4" s="425"/>
      <c r="FI4" s="425"/>
      <c r="FJ4" s="425"/>
      <c r="FK4" s="425"/>
      <c r="FL4" s="425"/>
      <c r="FM4" s="425"/>
      <c r="FN4" s="425"/>
      <c r="FO4" s="425"/>
      <c r="FP4" s="425"/>
      <c r="FQ4" s="425"/>
      <c r="FR4" s="425"/>
      <c r="FS4" s="425"/>
      <c r="FT4" s="425"/>
      <c r="FU4" s="425"/>
      <c r="FV4" s="426"/>
      <c r="FW4" s="427" t="s">
        <v>40</v>
      </c>
      <c r="FX4" s="428"/>
      <c r="FY4" s="428"/>
      <c r="FZ4" s="428"/>
      <c r="GA4" s="428"/>
      <c r="GB4" s="428"/>
      <c r="GC4" s="428"/>
      <c r="GD4" s="428"/>
      <c r="GE4" s="428"/>
      <c r="GF4" s="428"/>
      <c r="GG4" s="429"/>
      <c r="GH4" s="427" t="s">
        <v>41</v>
      </c>
      <c r="GI4" s="428"/>
      <c r="GJ4" s="428"/>
      <c r="GK4" s="428"/>
      <c r="GL4" s="428"/>
      <c r="GM4" s="428"/>
      <c r="GN4" s="428"/>
      <c r="GO4" s="428"/>
      <c r="GP4" s="428"/>
      <c r="GQ4" s="428"/>
      <c r="GR4" s="429"/>
      <c r="GS4" s="424" t="s">
        <v>39</v>
      </c>
      <c r="GT4" s="425"/>
      <c r="GU4" s="425"/>
      <c r="GV4" s="425"/>
      <c r="GW4" s="425"/>
      <c r="GX4" s="425"/>
      <c r="GY4" s="425"/>
      <c r="GZ4" s="425"/>
      <c r="HA4" s="425"/>
      <c r="HB4" s="425"/>
      <c r="HC4" s="425"/>
      <c r="HD4" s="425"/>
      <c r="HE4" s="425"/>
      <c r="HF4" s="425"/>
      <c r="HG4" s="425"/>
      <c r="HH4" s="425"/>
      <c r="HI4" s="425"/>
      <c r="HJ4" s="425"/>
      <c r="HK4" s="425"/>
      <c r="HL4" s="425"/>
      <c r="HM4" s="425"/>
      <c r="HN4" s="425"/>
      <c r="HO4" s="425"/>
      <c r="HP4" s="425"/>
      <c r="HQ4" s="425"/>
      <c r="HR4" s="425"/>
      <c r="HS4" s="425"/>
      <c r="HT4" s="425"/>
      <c r="HU4" s="425"/>
      <c r="HV4" s="425"/>
      <c r="HW4" s="425"/>
      <c r="HX4" s="425"/>
      <c r="HY4" s="425"/>
      <c r="HZ4" s="425"/>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6"/>
      <c r="JR4" s="427" t="s">
        <v>40</v>
      </c>
      <c r="JS4" s="428"/>
      <c r="JT4" s="428"/>
      <c r="JU4" s="428"/>
      <c r="JV4" s="428"/>
      <c r="JW4" s="428"/>
      <c r="JX4" s="428"/>
      <c r="JY4" s="428"/>
      <c r="JZ4" s="428"/>
      <c r="KA4" s="428"/>
      <c r="KB4" s="429"/>
      <c r="KC4" s="427" t="s">
        <v>41</v>
      </c>
      <c r="KD4" s="428"/>
      <c r="KE4" s="428"/>
      <c r="KF4" s="428"/>
      <c r="KG4" s="428"/>
      <c r="KH4" s="428"/>
      <c r="KI4" s="428"/>
      <c r="KJ4" s="428"/>
      <c r="KK4" s="428"/>
      <c r="KL4" s="428"/>
      <c r="KM4" s="429"/>
    </row>
    <row r="5" spans="2:299" ht="21" customHeight="1" thickBot="1" x14ac:dyDescent="0.25">
      <c r="B5" s="433"/>
      <c r="C5" s="433"/>
      <c r="D5" s="434"/>
      <c r="E5" s="434"/>
      <c r="F5" s="434"/>
      <c r="G5" s="434"/>
      <c r="H5" s="434"/>
      <c r="I5" s="434"/>
      <c r="J5" s="434"/>
      <c r="K5" s="434"/>
      <c r="L5" s="434"/>
      <c r="M5" s="435"/>
      <c r="N5" s="436" t="s">
        <v>97</v>
      </c>
      <c r="O5" s="437"/>
      <c r="P5" s="437"/>
      <c r="Q5" s="437"/>
      <c r="R5" s="437"/>
      <c r="S5" s="437"/>
      <c r="T5" s="437"/>
      <c r="U5" s="437"/>
      <c r="V5" s="437"/>
      <c r="W5" s="437"/>
      <c r="X5" s="438"/>
      <c r="Y5" s="436" t="s">
        <v>98</v>
      </c>
      <c r="Z5" s="437"/>
      <c r="AA5" s="437"/>
      <c r="AB5" s="437"/>
      <c r="AC5" s="437"/>
      <c r="AD5" s="437"/>
      <c r="AE5" s="437"/>
      <c r="AF5" s="437"/>
      <c r="AG5" s="437"/>
      <c r="AH5" s="437"/>
      <c r="AI5" s="438"/>
      <c r="AJ5" s="436" t="s">
        <v>99</v>
      </c>
      <c r="AK5" s="437"/>
      <c r="AL5" s="437"/>
      <c r="AM5" s="437"/>
      <c r="AN5" s="437"/>
      <c r="AO5" s="437"/>
      <c r="AP5" s="437"/>
      <c r="AQ5" s="437"/>
      <c r="AR5" s="437"/>
      <c r="AS5" s="437"/>
      <c r="AT5" s="438"/>
      <c r="AU5" s="436" t="s">
        <v>100</v>
      </c>
      <c r="AV5" s="437"/>
      <c r="AW5" s="437"/>
      <c r="AX5" s="437"/>
      <c r="AY5" s="437"/>
      <c r="AZ5" s="437"/>
      <c r="BA5" s="437"/>
      <c r="BB5" s="437"/>
      <c r="BC5" s="437"/>
      <c r="BD5" s="437"/>
      <c r="BE5" s="438"/>
      <c r="BF5" s="436" t="s">
        <v>162</v>
      </c>
      <c r="BG5" s="437"/>
      <c r="BH5" s="437"/>
      <c r="BI5" s="437"/>
      <c r="BJ5" s="437"/>
      <c r="BK5" s="437"/>
      <c r="BL5" s="437"/>
      <c r="BM5" s="437"/>
      <c r="BN5" s="437"/>
      <c r="BO5" s="437"/>
      <c r="BP5" s="438"/>
      <c r="BQ5" s="436" t="s">
        <v>101</v>
      </c>
      <c r="BR5" s="437"/>
      <c r="BS5" s="437"/>
      <c r="BT5" s="437"/>
      <c r="BU5" s="437"/>
      <c r="BV5" s="437"/>
      <c r="BW5" s="437"/>
      <c r="BX5" s="437"/>
      <c r="BY5" s="437"/>
      <c r="BZ5" s="437"/>
      <c r="CA5" s="438"/>
      <c r="CB5" s="430"/>
      <c r="CC5" s="431"/>
      <c r="CD5" s="431"/>
      <c r="CE5" s="431"/>
      <c r="CF5" s="431"/>
      <c r="CG5" s="431"/>
      <c r="CH5" s="431"/>
      <c r="CI5" s="431"/>
      <c r="CJ5" s="431"/>
      <c r="CK5" s="431"/>
      <c r="CL5" s="432"/>
      <c r="CM5" s="430"/>
      <c r="CN5" s="431"/>
      <c r="CO5" s="431"/>
      <c r="CP5" s="431"/>
      <c r="CQ5" s="431"/>
      <c r="CR5" s="431"/>
      <c r="CS5" s="431"/>
      <c r="CT5" s="431"/>
      <c r="CU5" s="431"/>
      <c r="CV5" s="431"/>
      <c r="CW5" s="432"/>
      <c r="CX5" s="433"/>
      <c r="CY5" s="434"/>
      <c r="CZ5" s="434"/>
      <c r="DA5" s="434"/>
      <c r="DB5" s="434"/>
      <c r="DC5" s="434"/>
      <c r="DD5" s="434"/>
      <c r="DE5" s="434"/>
      <c r="DF5" s="434"/>
      <c r="DG5" s="434"/>
      <c r="DH5" s="435"/>
      <c r="DI5" s="436" t="s">
        <v>97</v>
      </c>
      <c r="DJ5" s="437"/>
      <c r="DK5" s="437"/>
      <c r="DL5" s="437"/>
      <c r="DM5" s="437"/>
      <c r="DN5" s="437"/>
      <c r="DO5" s="437"/>
      <c r="DP5" s="437"/>
      <c r="DQ5" s="437"/>
      <c r="DR5" s="437"/>
      <c r="DS5" s="438"/>
      <c r="DT5" s="436" t="s">
        <v>98</v>
      </c>
      <c r="DU5" s="437"/>
      <c r="DV5" s="437"/>
      <c r="DW5" s="437"/>
      <c r="DX5" s="437"/>
      <c r="DY5" s="437"/>
      <c r="DZ5" s="437"/>
      <c r="EA5" s="437"/>
      <c r="EB5" s="437"/>
      <c r="EC5" s="437"/>
      <c r="ED5" s="438"/>
      <c r="EE5" s="436" t="s">
        <v>99</v>
      </c>
      <c r="EF5" s="437"/>
      <c r="EG5" s="437"/>
      <c r="EH5" s="437"/>
      <c r="EI5" s="437"/>
      <c r="EJ5" s="437"/>
      <c r="EK5" s="437"/>
      <c r="EL5" s="437"/>
      <c r="EM5" s="437"/>
      <c r="EN5" s="437"/>
      <c r="EO5" s="438"/>
      <c r="EP5" s="436" t="s">
        <v>100</v>
      </c>
      <c r="EQ5" s="437"/>
      <c r="ER5" s="437"/>
      <c r="ES5" s="437"/>
      <c r="ET5" s="437"/>
      <c r="EU5" s="437"/>
      <c r="EV5" s="437"/>
      <c r="EW5" s="437"/>
      <c r="EX5" s="437"/>
      <c r="EY5" s="437"/>
      <c r="EZ5" s="438"/>
      <c r="FA5" s="436" t="s">
        <v>162</v>
      </c>
      <c r="FB5" s="437"/>
      <c r="FC5" s="437"/>
      <c r="FD5" s="437"/>
      <c r="FE5" s="437"/>
      <c r="FF5" s="437"/>
      <c r="FG5" s="437"/>
      <c r="FH5" s="437"/>
      <c r="FI5" s="437"/>
      <c r="FJ5" s="437"/>
      <c r="FK5" s="438"/>
      <c r="FL5" s="436" t="s">
        <v>101</v>
      </c>
      <c r="FM5" s="437"/>
      <c r="FN5" s="437"/>
      <c r="FO5" s="437"/>
      <c r="FP5" s="437"/>
      <c r="FQ5" s="437"/>
      <c r="FR5" s="437"/>
      <c r="FS5" s="437"/>
      <c r="FT5" s="437"/>
      <c r="FU5" s="437"/>
      <c r="FV5" s="438"/>
      <c r="FW5" s="430"/>
      <c r="FX5" s="431"/>
      <c r="FY5" s="431"/>
      <c r="FZ5" s="431"/>
      <c r="GA5" s="431"/>
      <c r="GB5" s="431"/>
      <c r="GC5" s="431"/>
      <c r="GD5" s="431"/>
      <c r="GE5" s="431"/>
      <c r="GF5" s="431"/>
      <c r="GG5" s="432"/>
      <c r="GH5" s="430"/>
      <c r="GI5" s="431"/>
      <c r="GJ5" s="431"/>
      <c r="GK5" s="431"/>
      <c r="GL5" s="431"/>
      <c r="GM5" s="431"/>
      <c r="GN5" s="431"/>
      <c r="GO5" s="431"/>
      <c r="GP5" s="431"/>
      <c r="GQ5" s="431"/>
      <c r="GR5" s="432"/>
      <c r="GS5" s="433"/>
      <c r="GT5" s="434"/>
      <c r="GU5" s="434"/>
      <c r="GV5" s="434"/>
      <c r="GW5" s="434"/>
      <c r="GX5" s="434"/>
      <c r="GY5" s="434"/>
      <c r="GZ5" s="434"/>
      <c r="HA5" s="434"/>
      <c r="HB5" s="434"/>
      <c r="HC5" s="435"/>
      <c r="HD5" s="436" t="s">
        <v>97</v>
      </c>
      <c r="HE5" s="437"/>
      <c r="HF5" s="437"/>
      <c r="HG5" s="437"/>
      <c r="HH5" s="437"/>
      <c r="HI5" s="437"/>
      <c r="HJ5" s="437"/>
      <c r="HK5" s="437"/>
      <c r="HL5" s="437"/>
      <c r="HM5" s="437"/>
      <c r="HN5" s="438"/>
      <c r="HO5" s="436" t="s">
        <v>98</v>
      </c>
      <c r="HP5" s="437"/>
      <c r="HQ5" s="437"/>
      <c r="HR5" s="437"/>
      <c r="HS5" s="437"/>
      <c r="HT5" s="437"/>
      <c r="HU5" s="437"/>
      <c r="HV5" s="437"/>
      <c r="HW5" s="437"/>
      <c r="HX5" s="437"/>
      <c r="HY5" s="438"/>
      <c r="HZ5" s="436" t="s">
        <v>99</v>
      </c>
      <c r="IA5" s="437"/>
      <c r="IB5" s="437"/>
      <c r="IC5" s="437"/>
      <c r="ID5" s="437"/>
      <c r="IE5" s="437"/>
      <c r="IF5" s="437"/>
      <c r="IG5" s="437"/>
      <c r="IH5" s="437"/>
      <c r="II5" s="437"/>
      <c r="IJ5" s="438"/>
      <c r="IK5" s="436" t="s">
        <v>100</v>
      </c>
      <c r="IL5" s="437"/>
      <c r="IM5" s="437"/>
      <c r="IN5" s="437"/>
      <c r="IO5" s="437"/>
      <c r="IP5" s="437"/>
      <c r="IQ5" s="437"/>
      <c r="IR5" s="437"/>
      <c r="IS5" s="437"/>
      <c r="IT5" s="437"/>
      <c r="IU5" s="438"/>
      <c r="IV5" s="436" t="s">
        <v>162</v>
      </c>
      <c r="IW5" s="437"/>
      <c r="IX5" s="437"/>
      <c r="IY5" s="437"/>
      <c r="IZ5" s="437"/>
      <c r="JA5" s="437"/>
      <c r="JB5" s="437"/>
      <c r="JC5" s="437"/>
      <c r="JD5" s="437"/>
      <c r="JE5" s="437"/>
      <c r="JF5" s="438"/>
      <c r="JG5" s="436" t="s">
        <v>101</v>
      </c>
      <c r="JH5" s="437"/>
      <c r="JI5" s="437"/>
      <c r="JJ5" s="437"/>
      <c r="JK5" s="437"/>
      <c r="JL5" s="437"/>
      <c r="JM5" s="437"/>
      <c r="JN5" s="437"/>
      <c r="JO5" s="437"/>
      <c r="JP5" s="437"/>
      <c r="JQ5" s="438"/>
      <c r="JR5" s="430"/>
      <c r="JS5" s="431"/>
      <c r="JT5" s="431"/>
      <c r="JU5" s="431"/>
      <c r="JV5" s="431"/>
      <c r="JW5" s="431"/>
      <c r="JX5" s="431"/>
      <c r="JY5" s="431"/>
      <c r="JZ5" s="431"/>
      <c r="KA5" s="431"/>
      <c r="KB5" s="432"/>
      <c r="KC5" s="430"/>
      <c r="KD5" s="431"/>
      <c r="KE5" s="431"/>
      <c r="KF5" s="431"/>
      <c r="KG5" s="431"/>
      <c r="KH5" s="431"/>
      <c r="KI5" s="431"/>
      <c r="KJ5" s="431"/>
      <c r="KK5" s="431"/>
      <c r="KL5" s="431"/>
      <c r="KM5" s="432"/>
    </row>
    <row r="6" spans="2:299" ht="30" customHeight="1" thickBot="1" x14ac:dyDescent="0.25">
      <c r="B6" s="72" t="s">
        <v>42</v>
      </c>
      <c r="C6" s="73" t="s">
        <v>43</v>
      </c>
      <c r="D6" s="74" t="s">
        <v>44</v>
      </c>
      <c r="E6" s="75" t="s">
        <v>45</v>
      </c>
      <c r="F6" s="76" t="s">
        <v>46</v>
      </c>
      <c r="G6" s="74" t="s">
        <v>47</v>
      </c>
      <c r="H6" s="74" t="s">
        <v>48</v>
      </c>
      <c r="I6" s="74" t="s">
        <v>49</v>
      </c>
      <c r="J6" s="74" t="s">
        <v>50</v>
      </c>
      <c r="K6" s="74" t="s">
        <v>51</v>
      </c>
      <c r="L6" s="75" t="s">
        <v>45</v>
      </c>
      <c r="M6" s="77" t="s">
        <v>52</v>
      </c>
      <c r="N6" s="78" t="s">
        <v>43</v>
      </c>
      <c r="O6" s="79" t="s">
        <v>44</v>
      </c>
      <c r="P6" s="80" t="s">
        <v>45</v>
      </c>
      <c r="Q6" s="81" t="s">
        <v>46</v>
      </c>
      <c r="R6" s="79" t="s">
        <v>47</v>
      </c>
      <c r="S6" s="79" t="s">
        <v>48</v>
      </c>
      <c r="T6" s="79" t="s">
        <v>49</v>
      </c>
      <c r="U6" s="79" t="s">
        <v>50</v>
      </c>
      <c r="V6" s="79" t="s">
        <v>51</v>
      </c>
      <c r="W6" s="80" t="s">
        <v>45</v>
      </c>
      <c r="X6" s="82" t="s">
        <v>52</v>
      </c>
      <c r="Y6" s="78" t="s">
        <v>43</v>
      </c>
      <c r="Z6" s="79" t="s">
        <v>44</v>
      </c>
      <c r="AA6" s="80" t="s">
        <v>45</v>
      </c>
      <c r="AB6" s="81" t="s">
        <v>46</v>
      </c>
      <c r="AC6" s="79" t="s">
        <v>47</v>
      </c>
      <c r="AD6" s="79" t="s">
        <v>48</v>
      </c>
      <c r="AE6" s="79" t="s">
        <v>49</v>
      </c>
      <c r="AF6" s="79" t="s">
        <v>50</v>
      </c>
      <c r="AG6" s="79" t="s">
        <v>51</v>
      </c>
      <c r="AH6" s="80" t="s">
        <v>45</v>
      </c>
      <c r="AI6" s="83" t="s">
        <v>52</v>
      </c>
      <c r="AJ6" s="78" t="s">
        <v>43</v>
      </c>
      <c r="AK6" s="79" t="s">
        <v>44</v>
      </c>
      <c r="AL6" s="80" t="s">
        <v>45</v>
      </c>
      <c r="AM6" s="81" t="s">
        <v>46</v>
      </c>
      <c r="AN6" s="79" t="s">
        <v>47</v>
      </c>
      <c r="AO6" s="79" t="s">
        <v>48</v>
      </c>
      <c r="AP6" s="79" t="s">
        <v>49</v>
      </c>
      <c r="AQ6" s="79" t="s">
        <v>50</v>
      </c>
      <c r="AR6" s="79" t="s">
        <v>51</v>
      </c>
      <c r="AS6" s="80" t="s">
        <v>45</v>
      </c>
      <c r="AT6" s="83" t="s">
        <v>52</v>
      </c>
      <c r="AU6" s="78" t="s">
        <v>43</v>
      </c>
      <c r="AV6" s="79" t="s">
        <v>44</v>
      </c>
      <c r="AW6" s="80" t="s">
        <v>45</v>
      </c>
      <c r="AX6" s="81" t="s">
        <v>46</v>
      </c>
      <c r="AY6" s="79" t="s">
        <v>47</v>
      </c>
      <c r="AZ6" s="79" t="s">
        <v>48</v>
      </c>
      <c r="BA6" s="79" t="s">
        <v>49</v>
      </c>
      <c r="BB6" s="79" t="s">
        <v>50</v>
      </c>
      <c r="BC6" s="79" t="s">
        <v>51</v>
      </c>
      <c r="BD6" s="80" t="s">
        <v>45</v>
      </c>
      <c r="BE6" s="83" t="s">
        <v>52</v>
      </c>
      <c r="BF6" s="78" t="s">
        <v>43</v>
      </c>
      <c r="BG6" s="79" t="s">
        <v>44</v>
      </c>
      <c r="BH6" s="80" t="s">
        <v>45</v>
      </c>
      <c r="BI6" s="81" t="s">
        <v>46</v>
      </c>
      <c r="BJ6" s="79" t="s">
        <v>47</v>
      </c>
      <c r="BK6" s="79" t="s">
        <v>48</v>
      </c>
      <c r="BL6" s="79" t="s">
        <v>49</v>
      </c>
      <c r="BM6" s="79" t="s">
        <v>50</v>
      </c>
      <c r="BN6" s="79" t="s">
        <v>51</v>
      </c>
      <c r="BO6" s="80" t="s">
        <v>45</v>
      </c>
      <c r="BP6" s="83" t="s">
        <v>52</v>
      </c>
      <c r="BQ6" s="78" t="s">
        <v>43</v>
      </c>
      <c r="BR6" s="79" t="s">
        <v>44</v>
      </c>
      <c r="BS6" s="80" t="s">
        <v>45</v>
      </c>
      <c r="BT6" s="81" t="s">
        <v>46</v>
      </c>
      <c r="BU6" s="79" t="s">
        <v>47</v>
      </c>
      <c r="BV6" s="79" t="s">
        <v>48</v>
      </c>
      <c r="BW6" s="79" t="s">
        <v>49</v>
      </c>
      <c r="BX6" s="79" t="s">
        <v>50</v>
      </c>
      <c r="BY6" s="79" t="s">
        <v>51</v>
      </c>
      <c r="BZ6" s="80" t="s">
        <v>45</v>
      </c>
      <c r="CA6" s="83" t="s">
        <v>52</v>
      </c>
      <c r="CB6" s="78" t="s">
        <v>43</v>
      </c>
      <c r="CC6" s="79" t="s">
        <v>44</v>
      </c>
      <c r="CD6" s="80" t="s">
        <v>45</v>
      </c>
      <c r="CE6" s="81" t="s">
        <v>46</v>
      </c>
      <c r="CF6" s="79" t="s">
        <v>47</v>
      </c>
      <c r="CG6" s="79" t="s">
        <v>48</v>
      </c>
      <c r="CH6" s="79" t="s">
        <v>49</v>
      </c>
      <c r="CI6" s="79" t="s">
        <v>50</v>
      </c>
      <c r="CJ6" s="79" t="s">
        <v>51</v>
      </c>
      <c r="CK6" s="80" t="s">
        <v>45</v>
      </c>
      <c r="CL6" s="83" t="s">
        <v>52</v>
      </c>
      <c r="CM6" s="78" t="s">
        <v>43</v>
      </c>
      <c r="CN6" s="79" t="s">
        <v>44</v>
      </c>
      <c r="CO6" s="80" t="s">
        <v>45</v>
      </c>
      <c r="CP6" s="81" t="s">
        <v>46</v>
      </c>
      <c r="CQ6" s="79" t="s">
        <v>47</v>
      </c>
      <c r="CR6" s="79" t="s">
        <v>48</v>
      </c>
      <c r="CS6" s="79" t="s">
        <v>49</v>
      </c>
      <c r="CT6" s="79" t="s">
        <v>50</v>
      </c>
      <c r="CU6" s="79" t="s">
        <v>51</v>
      </c>
      <c r="CV6" s="80" t="s">
        <v>45</v>
      </c>
      <c r="CW6" s="83" t="s">
        <v>52</v>
      </c>
      <c r="CX6" s="73" t="s">
        <v>43</v>
      </c>
      <c r="CY6" s="74" t="s">
        <v>44</v>
      </c>
      <c r="CZ6" s="75" t="s">
        <v>45</v>
      </c>
      <c r="DA6" s="76" t="s">
        <v>46</v>
      </c>
      <c r="DB6" s="74" t="s">
        <v>47</v>
      </c>
      <c r="DC6" s="74" t="s">
        <v>48</v>
      </c>
      <c r="DD6" s="74" t="s">
        <v>49</v>
      </c>
      <c r="DE6" s="74" t="s">
        <v>50</v>
      </c>
      <c r="DF6" s="74" t="s">
        <v>51</v>
      </c>
      <c r="DG6" s="75" t="s">
        <v>45</v>
      </c>
      <c r="DH6" s="77" t="s">
        <v>52</v>
      </c>
      <c r="DI6" s="78" t="s">
        <v>43</v>
      </c>
      <c r="DJ6" s="79" t="s">
        <v>44</v>
      </c>
      <c r="DK6" s="80" t="s">
        <v>45</v>
      </c>
      <c r="DL6" s="81" t="s">
        <v>46</v>
      </c>
      <c r="DM6" s="79" t="s">
        <v>47</v>
      </c>
      <c r="DN6" s="79" t="s">
        <v>48</v>
      </c>
      <c r="DO6" s="79" t="s">
        <v>49</v>
      </c>
      <c r="DP6" s="79" t="s">
        <v>50</v>
      </c>
      <c r="DQ6" s="79" t="s">
        <v>51</v>
      </c>
      <c r="DR6" s="80" t="s">
        <v>45</v>
      </c>
      <c r="DS6" s="83" t="s">
        <v>52</v>
      </c>
      <c r="DT6" s="78" t="s">
        <v>43</v>
      </c>
      <c r="DU6" s="79" t="s">
        <v>44</v>
      </c>
      <c r="DV6" s="80" t="s">
        <v>45</v>
      </c>
      <c r="DW6" s="81" t="s">
        <v>46</v>
      </c>
      <c r="DX6" s="79" t="s">
        <v>47</v>
      </c>
      <c r="DY6" s="79" t="s">
        <v>48</v>
      </c>
      <c r="DZ6" s="79" t="s">
        <v>49</v>
      </c>
      <c r="EA6" s="79" t="s">
        <v>50</v>
      </c>
      <c r="EB6" s="79" t="s">
        <v>51</v>
      </c>
      <c r="EC6" s="80" t="s">
        <v>45</v>
      </c>
      <c r="ED6" s="83" t="s">
        <v>52</v>
      </c>
      <c r="EE6" s="78" t="s">
        <v>43</v>
      </c>
      <c r="EF6" s="79" t="s">
        <v>44</v>
      </c>
      <c r="EG6" s="80" t="s">
        <v>45</v>
      </c>
      <c r="EH6" s="81" t="s">
        <v>46</v>
      </c>
      <c r="EI6" s="79" t="s">
        <v>47</v>
      </c>
      <c r="EJ6" s="79" t="s">
        <v>48</v>
      </c>
      <c r="EK6" s="79" t="s">
        <v>49</v>
      </c>
      <c r="EL6" s="79" t="s">
        <v>50</v>
      </c>
      <c r="EM6" s="79" t="s">
        <v>51</v>
      </c>
      <c r="EN6" s="80" t="s">
        <v>45</v>
      </c>
      <c r="EO6" s="83" t="s">
        <v>52</v>
      </c>
      <c r="EP6" s="78" t="s">
        <v>43</v>
      </c>
      <c r="EQ6" s="79" t="s">
        <v>44</v>
      </c>
      <c r="ER6" s="80" t="s">
        <v>45</v>
      </c>
      <c r="ES6" s="81" t="s">
        <v>46</v>
      </c>
      <c r="ET6" s="79" t="s">
        <v>47</v>
      </c>
      <c r="EU6" s="79" t="s">
        <v>48</v>
      </c>
      <c r="EV6" s="79" t="s">
        <v>49</v>
      </c>
      <c r="EW6" s="79" t="s">
        <v>50</v>
      </c>
      <c r="EX6" s="79" t="s">
        <v>51</v>
      </c>
      <c r="EY6" s="80" t="s">
        <v>45</v>
      </c>
      <c r="EZ6" s="83" t="s">
        <v>52</v>
      </c>
      <c r="FA6" s="78" t="s">
        <v>43</v>
      </c>
      <c r="FB6" s="79" t="s">
        <v>44</v>
      </c>
      <c r="FC6" s="80" t="s">
        <v>45</v>
      </c>
      <c r="FD6" s="81" t="s">
        <v>46</v>
      </c>
      <c r="FE6" s="79" t="s">
        <v>47</v>
      </c>
      <c r="FF6" s="79" t="s">
        <v>48</v>
      </c>
      <c r="FG6" s="79" t="s">
        <v>49</v>
      </c>
      <c r="FH6" s="79" t="s">
        <v>50</v>
      </c>
      <c r="FI6" s="79" t="s">
        <v>51</v>
      </c>
      <c r="FJ6" s="80" t="s">
        <v>45</v>
      </c>
      <c r="FK6" s="83" t="s">
        <v>52</v>
      </c>
      <c r="FL6" s="78" t="s">
        <v>43</v>
      </c>
      <c r="FM6" s="79" t="s">
        <v>44</v>
      </c>
      <c r="FN6" s="80" t="s">
        <v>45</v>
      </c>
      <c r="FO6" s="81" t="s">
        <v>46</v>
      </c>
      <c r="FP6" s="79" t="s">
        <v>47</v>
      </c>
      <c r="FQ6" s="79" t="s">
        <v>48</v>
      </c>
      <c r="FR6" s="79" t="s">
        <v>49</v>
      </c>
      <c r="FS6" s="79" t="s">
        <v>50</v>
      </c>
      <c r="FT6" s="79" t="s">
        <v>51</v>
      </c>
      <c r="FU6" s="80" t="s">
        <v>45</v>
      </c>
      <c r="FV6" s="83" t="s">
        <v>52</v>
      </c>
      <c r="FW6" s="78" t="s">
        <v>43</v>
      </c>
      <c r="FX6" s="79" t="s">
        <v>44</v>
      </c>
      <c r="FY6" s="80" t="s">
        <v>45</v>
      </c>
      <c r="FZ6" s="81" t="s">
        <v>46</v>
      </c>
      <c r="GA6" s="79" t="s">
        <v>47</v>
      </c>
      <c r="GB6" s="79" t="s">
        <v>48</v>
      </c>
      <c r="GC6" s="79" t="s">
        <v>49</v>
      </c>
      <c r="GD6" s="79" t="s">
        <v>50</v>
      </c>
      <c r="GE6" s="79" t="s">
        <v>51</v>
      </c>
      <c r="GF6" s="80" t="s">
        <v>45</v>
      </c>
      <c r="GG6" s="83" t="s">
        <v>52</v>
      </c>
      <c r="GH6" s="78" t="s">
        <v>43</v>
      </c>
      <c r="GI6" s="79" t="s">
        <v>44</v>
      </c>
      <c r="GJ6" s="80" t="s">
        <v>45</v>
      </c>
      <c r="GK6" s="81" t="s">
        <v>46</v>
      </c>
      <c r="GL6" s="79" t="s">
        <v>47</v>
      </c>
      <c r="GM6" s="79" t="s">
        <v>48</v>
      </c>
      <c r="GN6" s="79" t="s">
        <v>49</v>
      </c>
      <c r="GO6" s="79" t="s">
        <v>50</v>
      </c>
      <c r="GP6" s="79" t="s">
        <v>51</v>
      </c>
      <c r="GQ6" s="80" t="s">
        <v>45</v>
      </c>
      <c r="GR6" s="83" t="s">
        <v>52</v>
      </c>
      <c r="GS6" s="73" t="s">
        <v>43</v>
      </c>
      <c r="GT6" s="74" t="s">
        <v>44</v>
      </c>
      <c r="GU6" s="75" t="s">
        <v>45</v>
      </c>
      <c r="GV6" s="76" t="s">
        <v>46</v>
      </c>
      <c r="GW6" s="74" t="s">
        <v>47</v>
      </c>
      <c r="GX6" s="74" t="s">
        <v>48</v>
      </c>
      <c r="GY6" s="74" t="s">
        <v>49</v>
      </c>
      <c r="GZ6" s="74" t="s">
        <v>50</v>
      </c>
      <c r="HA6" s="74" t="s">
        <v>51</v>
      </c>
      <c r="HB6" s="75" t="s">
        <v>45</v>
      </c>
      <c r="HC6" s="77" t="s">
        <v>52</v>
      </c>
      <c r="HD6" s="78" t="s">
        <v>43</v>
      </c>
      <c r="HE6" s="79" t="s">
        <v>44</v>
      </c>
      <c r="HF6" s="80" t="s">
        <v>45</v>
      </c>
      <c r="HG6" s="81" t="s">
        <v>46</v>
      </c>
      <c r="HH6" s="79" t="s">
        <v>47</v>
      </c>
      <c r="HI6" s="79" t="s">
        <v>48</v>
      </c>
      <c r="HJ6" s="79" t="s">
        <v>49</v>
      </c>
      <c r="HK6" s="79" t="s">
        <v>50</v>
      </c>
      <c r="HL6" s="79" t="s">
        <v>51</v>
      </c>
      <c r="HM6" s="80" t="s">
        <v>45</v>
      </c>
      <c r="HN6" s="83" t="s">
        <v>52</v>
      </c>
      <c r="HO6" s="78" t="s">
        <v>43</v>
      </c>
      <c r="HP6" s="79" t="s">
        <v>44</v>
      </c>
      <c r="HQ6" s="80" t="s">
        <v>45</v>
      </c>
      <c r="HR6" s="81" t="s">
        <v>46</v>
      </c>
      <c r="HS6" s="79" t="s">
        <v>47</v>
      </c>
      <c r="HT6" s="79" t="s">
        <v>48</v>
      </c>
      <c r="HU6" s="79" t="s">
        <v>49</v>
      </c>
      <c r="HV6" s="79" t="s">
        <v>50</v>
      </c>
      <c r="HW6" s="79" t="s">
        <v>51</v>
      </c>
      <c r="HX6" s="80" t="s">
        <v>45</v>
      </c>
      <c r="HY6" s="83" t="s">
        <v>52</v>
      </c>
      <c r="HZ6" s="78" t="s">
        <v>43</v>
      </c>
      <c r="IA6" s="79" t="s">
        <v>44</v>
      </c>
      <c r="IB6" s="80" t="s">
        <v>45</v>
      </c>
      <c r="IC6" s="81" t="s">
        <v>46</v>
      </c>
      <c r="ID6" s="79" t="s">
        <v>47</v>
      </c>
      <c r="IE6" s="79" t="s">
        <v>48</v>
      </c>
      <c r="IF6" s="79" t="s">
        <v>49</v>
      </c>
      <c r="IG6" s="79" t="s">
        <v>50</v>
      </c>
      <c r="IH6" s="79" t="s">
        <v>51</v>
      </c>
      <c r="II6" s="80" t="s">
        <v>45</v>
      </c>
      <c r="IJ6" s="83" t="s">
        <v>52</v>
      </c>
      <c r="IK6" s="78" t="s">
        <v>43</v>
      </c>
      <c r="IL6" s="79" t="s">
        <v>44</v>
      </c>
      <c r="IM6" s="80" t="s">
        <v>45</v>
      </c>
      <c r="IN6" s="81" t="s">
        <v>46</v>
      </c>
      <c r="IO6" s="79" t="s">
        <v>47</v>
      </c>
      <c r="IP6" s="79" t="s">
        <v>48</v>
      </c>
      <c r="IQ6" s="79" t="s">
        <v>49</v>
      </c>
      <c r="IR6" s="79" t="s">
        <v>50</v>
      </c>
      <c r="IS6" s="79" t="s">
        <v>51</v>
      </c>
      <c r="IT6" s="80" t="s">
        <v>45</v>
      </c>
      <c r="IU6" s="83" t="s">
        <v>52</v>
      </c>
      <c r="IV6" s="78" t="s">
        <v>43</v>
      </c>
      <c r="IW6" s="79" t="s">
        <v>44</v>
      </c>
      <c r="IX6" s="80" t="s">
        <v>45</v>
      </c>
      <c r="IY6" s="81" t="s">
        <v>46</v>
      </c>
      <c r="IZ6" s="79" t="s">
        <v>47</v>
      </c>
      <c r="JA6" s="79" t="s">
        <v>48</v>
      </c>
      <c r="JB6" s="79" t="s">
        <v>49</v>
      </c>
      <c r="JC6" s="79" t="s">
        <v>50</v>
      </c>
      <c r="JD6" s="79" t="s">
        <v>51</v>
      </c>
      <c r="JE6" s="80" t="s">
        <v>45</v>
      </c>
      <c r="JF6" s="83" t="s">
        <v>52</v>
      </c>
      <c r="JG6" s="78" t="s">
        <v>43</v>
      </c>
      <c r="JH6" s="79" t="s">
        <v>44</v>
      </c>
      <c r="JI6" s="80" t="s">
        <v>45</v>
      </c>
      <c r="JJ6" s="81" t="s">
        <v>46</v>
      </c>
      <c r="JK6" s="79" t="s">
        <v>47</v>
      </c>
      <c r="JL6" s="79" t="s">
        <v>48</v>
      </c>
      <c r="JM6" s="79" t="s">
        <v>49</v>
      </c>
      <c r="JN6" s="79" t="s">
        <v>50</v>
      </c>
      <c r="JO6" s="79" t="s">
        <v>51</v>
      </c>
      <c r="JP6" s="80" t="s">
        <v>45</v>
      </c>
      <c r="JQ6" s="83" t="s">
        <v>52</v>
      </c>
      <c r="JR6" s="78" t="s">
        <v>43</v>
      </c>
      <c r="JS6" s="79" t="s">
        <v>44</v>
      </c>
      <c r="JT6" s="80" t="s">
        <v>45</v>
      </c>
      <c r="JU6" s="81" t="s">
        <v>46</v>
      </c>
      <c r="JV6" s="79" t="s">
        <v>47</v>
      </c>
      <c r="JW6" s="79" t="s">
        <v>48</v>
      </c>
      <c r="JX6" s="79" t="s">
        <v>49</v>
      </c>
      <c r="JY6" s="79" t="s">
        <v>50</v>
      </c>
      <c r="JZ6" s="79" t="s">
        <v>51</v>
      </c>
      <c r="KA6" s="80" t="s">
        <v>45</v>
      </c>
      <c r="KB6" s="83" t="s">
        <v>52</v>
      </c>
      <c r="KC6" s="78" t="s">
        <v>43</v>
      </c>
      <c r="KD6" s="79" t="s">
        <v>44</v>
      </c>
      <c r="KE6" s="80" t="s">
        <v>45</v>
      </c>
      <c r="KF6" s="81" t="s">
        <v>46</v>
      </c>
      <c r="KG6" s="79" t="s">
        <v>47</v>
      </c>
      <c r="KH6" s="79" t="s">
        <v>48</v>
      </c>
      <c r="KI6" s="79" t="s">
        <v>49</v>
      </c>
      <c r="KJ6" s="79" t="s">
        <v>50</v>
      </c>
      <c r="KK6" s="79" t="s">
        <v>51</v>
      </c>
      <c r="KL6" s="80" t="s">
        <v>45</v>
      </c>
      <c r="KM6" s="83" t="s">
        <v>52</v>
      </c>
    </row>
    <row r="7" spans="2:299" s="70" customFormat="1" ht="21" customHeight="1" x14ac:dyDescent="0.2">
      <c r="B7" s="84" t="s">
        <v>4</v>
      </c>
      <c r="C7" s="85">
        <v>21119</v>
      </c>
      <c r="D7" s="86">
        <v>21646</v>
      </c>
      <c r="E7" s="87">
        <v>42765</v>
      </c>
      <c r="F7" s="412">
        <v>0</v>
      </c>
      <c r="G7" s="86">
        <v>31782</v>
      </c>
      <c r="H7" s="86">
        <v>32128</v>
      </c>
      <c r="I7" s="86">
        <v>21169</v>
      </c>
      <c r="J7" s="86">
        <v>17557</v>
      </c>
      <c r="K7" s="86">
        <v>10603</v>
      </c>
      <c r="L7" s="88">
        <v>113239</v>
      </c>
      <c r="M7" s="89">
        <v>156004</v>
      </c>
      <c r="N7" s="90">
        <v>845</v>
      </c>
      <c r="O7" s="91">
        <v>1016</v>
      </c>
      <c r="P7" s="92">
        <v>1861</v>
      </c>
      <c r="Q7" s="412">
        <v>0</v>
      </c>
      <c r="R7" s="91">
        <v>1310</v>
      </c>
      <c r="S7" s="91">
        <v>1635</v>
      </c>
      <c r="T7" s="91">
        <v>1047</v>
      </c>
      <c r="U7" s="91">
        <v>925</v>
      </c>
      <c r="V7" s="91">
        <v>687</v>
      </c>
      <c r="W7" s="92">
        <v>5604</v>
      </c>
      <c r="X7" s="93">
        <v>7465</v>
      </c>
      <c r="Y7" s="90">
        <v>1767</v>
      </c>
      <c r="Z7" s="91">
        <v>2195</v>
      </c>
      <c r="AA7" s="92">
        <v>3962</v>
      </c>
      <c r="AB7" s="412">
        <v>0</v>
      </c>
      <c r="AC7" s="91">
        <v>2743</v>
      </c>
      <c r="AD7" s="91">
        <v>3228</v>
      </c>
      <c r="AE7" s="91">
        <v>2100</v>
      </c>
      <c r="AF7" s="91">
        <v>1835</v>
      </c>
      <c r="AG7" s="91">
        <v>1367</v>
      </c>
      <c r="AH7" s="92">
        <v>11273</v>
      </c>
      <c r="AI7" s="93">
        <v>15235</v>
      </c>
      <c r="AJ7" s="90">
        <v>3305</v>
      </c>
      <c r="AK7" s="91">
        <v>3600</v>
      </c>
      <c r="AL7" s="92">
        <v>6905</v>
      </c>
      <c r="AM7" s="412">
        <v>0</v>
      </c>
      <c r="AN7" s="91">
        <v>4942</v>
      </c>
      <c r="AO7" s="91">
        <v>5349</v>
      </c>
      <c r="AP7" s="91">
        <v>3430</v>
      </c>
      <c r="AQ7" s="91">
        <v>2962</v>
      </c>
      <c r="AR7" s="91">
        <v>1928</v>
      </c>
      <c r="AS7" s="92">
        <v>18611</v>
      </c>
      <c r="AT7" s="93">
        <v>25516</v>
      </c>
      <c r="AU7" s="90">
        <v>5676</v>
      </c>
      <c r="AV7" s="91">
        <v>5509</v>
      </c>
      <c r="AW7" s="92">
        <v>11185</v>
      </c>
      <c r="AX7" s="412">
        <v>0</v>
      </c>
      <c r="AY7" s="91">
        <v>8299</v>
      </c>
      <c r="AZ7" s="91">
        <v>7800</v>
      </c>
      <c r="BA7" s="91">
        <v>5007</v>
      </c>
      <c r="BB7" s="91">
        <v>4134</v>
      </c>
      <c r="BC7" s="91">
        <v>2499</v>
      </c>
      <c r="BD7" s="92">
        <v>27739</v>
      </c>
      <c r="BE7" s="93">
        <v>38924</v>
      </c>
      <c r="BF7" s="90">
        <v>5940</v>
      </c>
      <c r="BG7" s="91">
        <v>5527</v>
      </c>
      <c r="BH7" s="92">
        <v>11467</v>
      </c>
      <c r="BI7" s="412">
        <v>0</v>
      </c>
      <c r="BJ7" s="91">
        <v>8578</v>
      </c>
      <c r="BK7" s="91">
        <v>7747</v>
      </c>
      <c r="BL7" s="91">
        <v>5160</v>
      </c>
      <c r="BM7" s="91">
        <v>4053</v>
      </c>
      <c r="BN7" s="91">
        <v>2286</v>
      </c>
      <c r="BO7" s="92">
        <v>27824</v>
      </c>
      <c r="BP7" s="93">
        <v>39291</v>
      </c>
      <c r="BQ7" s="90">
        <v>3586</v>
      </c>
      <c r="BR7" s="91">
        <v>3799</v>
      </c>
      <c r="BS7" s="92">
        <v>7385</v>
      </c>
      <c r="BT7" s="412">
        <v>0</v>
      </c>
      <c r="BU7" s="91">
        <v>5910</v>
      </c>
      <c r="BV7" s="91">
        <v>6369</v>
      </c>
      <c r="BW7" s="91">
        <v>4425</v>
      </c>
      <c r="BX7" s="91">
        <v>3648</v>
      </c>
      <c r="BY7" s="91">
        <v>1836</v>
      </c>
      <c r="BZ7" s="92">
        <v>22188</v>
      </c>
      <c r="CA7" s="93">
        <v>29573</v>
      </c>
      <c r="CB7" s="90">
        <v>491</v>
      </c>
      <c r="CC7" s="91">
        <v>858</v>
      </c>
      <c r="CD7" s="92">
        <v>1349</v>
      </c>
      <c r="CE7" s="412">
        <v>0</v>
      </c>
      <c r="CF7" s="91">
        <v>884</v>
      </c>
      <c r="CG7" s="91">
        <v>1448</v>
      </c>
      <c r="CH7" s="91">
        <v>884</v>
      </c>
      <c r="CI7" s="91">
        <v>807</v>
      </c>
      <c r="CJ7" s="91">
        <v>780</v>
      </c>
      <c r="CK7" s="92">
        <v>4803</v>
      </c>
      <c r="CL7" s="93">
        <v>6152</v>
      </c>
      <c r="CM7" s="90">
        <v>21610</v>
      </c>
      <c r="CN7" s="91">
        <v>22504</v>
      </c>
      <c r="CO7" s="92">
        <v>44114</v>
      </c>
      <c r="CP7" s="412">
        <v>0</v>
      </c>
      <c r="CQ7" s="91">
        <v>32666</v>
      </c>
      <c r="CR7" s="91">
        <v>33576</v>
      </c>
      <c r="CS7" s="91">
        <v>22053</v>
      </c>
      <c r="CT7" s="91">
        <v>18364</v>
      </c>
      <c r="CU7" s="91">
        <v>11383</v>
      </c>
      <c r="CV7" s="92">
        <v>118042</v>
      </c>
      <c r="CW7" s="93">
        <v>162156</v>
      </c>
      <c r="CX7" s="94">
        <v>40549</v>
      </c>
      <c r="CY7" s="86">
        <v>47980</v>
      </c>
      <c r="CZ7" s="87">
        <v>88529</v>
      </c>
      <c r="DA7" s="412">
        <v>0</v>
      </c>
      <c r="DB7" s="86">
        <v>57979</v>
      </c>
      <c r="DC7" s="86">
        <v>55335</v>
      </c>
      <c r="DD7" s="86">
        <v>40283</v>
      </c>
      <c r="DE7" s="86">
        <v>39271</v>
      </c>
      <c r="DF7" s="86">
        <v>25470</v>
      </c>
      <c r="DG7" s="88">
        <v>218338</v>
      </c>
      <c r="DH7" s="89">
        <v>306867</v>
      </c>
      <c r="DI7" s="90">
        <v>822</v>
      </c>
      <c r="DJ7" s="91">
        <v>1109</v>
      </c>
      <c r="DK7" s="92">
        <v>1931</v>
      </c>
      <c r="DL7" s="412">
        <v>0</v>
      </c>
      <c r="DM7" s="91">
        <v>977</v>
      </c>
      <c r="DN7" s="91">
        <v>1082</v>
      </c>
      <c r="DO7" s="91">
        <v>713</v>
      </c>
      <c r="DP7" s="91">
        <v>649</v>
      </c>
      <c r="DQ7" s="91">
        <v>575</v>
      </c>
      <c r="DR7" s="92">
        <v>3996</v>
      </c>
      <c r="DS7" s="93">
        <v>5927</v>
      </c>
      <c r="DT7" s="90">
        <v>2382</v>
      </c>
      <c r="DU7" s="91">
        <v>2936</v>
      </c>
      <c r="DV7" s="92">
        <v>5318</v>
      </c>
      <c r="DW7" s="412">
        <v>0</v>
      </c>
      <c r="DX7" s="91">
        <v>2544</v>
      </c>
      <c r="DY7" s="91">
        <v>2708</v>
      </c>
      <c r="DZ7" s="91">
        <v>1652</v>
      </c>
      <c r="EA7" s="91">
        <v>1651</v>
      </c>
      <c r="EB7" s="91">
        <v>1301</v>
      </c>
      <c r="EC7" s="92">
        <v>9856</v>
      </c>
      <c r="ED7" s="93">
        <v>15174</v>
      </c>
      <c r="EE7" s="90">
        <v>6149</v>
      </c>
      <c r="EF7" s="91">
        <v>6884</v>
      </c>
      <c r="EG7" s="92">
        <v>13033</v>
      </c>
      <c r="EH7" s="412">
        <v>0</v>
      </c>
      <c r="EI7" s="91">
        <v>6611</v>
      </c>
      <c r="EJ7" s="91">
        <v>5857</v>
      </c>
      <c r="EK7" s="91">
        <v>3576</v>
      </c>
      <c r="EL7" s="91">
        <v>3434</v>
      </c>
      <c r="EM7" s="91">
        <v>2606</v>
      </c>
      <c r="EN7" s="92">
        <v>22084</v>
      </c>
      <c r="EO7" s="93">
        <v>35117</v>
      </c>
      <c r="EP7" s="90">
        <v>12767</v>
      </c>
      <c r="EQ7" s="91">
        <v>13581</v>
      </c>
      <c r="ER7" s="92">
        <v>26348</v>
      </c>
      <c r="ES7" s="412">
        <v>0</v>
      </c>
      <c r="ET7" s="91">
        <v>14687</v>
      </c>
      <c r="EU7" s="91">
        <v>12016</v>
      </c>
      <c r="EV7" s="91">
        <v>7817</v>
      </c>
      <c r="EW7" s="91">
        <v>6952</v>
      </c>
      <c r="EX7" s="91">
        <v>4842</v>
      </c>
      <c r="EY7" s="92">
        <v>46314</v>
      </c>
      <c r="EZ7" s="93">
        <v>72662</v>
      </c>
      <c r="FA7" s="90">
        <v>11982</v>
      </c>
      <c r="FB7" s="91">
        <v>13927</v>
      </c>
      <c r="FC7" s="92">
        <v>25909</v>
      </c>
      <c r="FD7" s="412">
        <v>0</v>
      </c>
      <c r="FE7" s="91">
        <v>17564</v>
      </c>
      <c r="FF7" s="91">
        <v>15718</v>
      </c>
      <c r="FG7" s="91">
        <v>10822</v>
      </c>
      <c r="FH7" s="91">
        <v>9798</v>
      </c>
      <c r="FI7" s="91">
        <v>6366</v>
      </c>
      <c r="FJ7" s="92">
        <v>60268</v>
      </c>
      <c r="FK7" s="93">
        <v>86177</v>
      </c>
      <c r="FL7" s="90">
        <v>6447</v>
      </c>
      <c r="FM7" s="91">
        <v>9543</v>
      </c>
      <c r="FN7" s="92">
        <v>15990</v>
      </c>
      <c r="FO7" s="412">
        <v>0</v>
      </c>
      <c r="FP7" s="91">
        <v>15596</v>
      </c>
      <c r="FQ7" s="91">
        <v>17954</v>
      </c>
      <c r="FR7" s="91">
        <v>15703</v>
      </c>
      <c r="FS7" s="91">
        <v>16787</v>
      </c>
      <c r="FT7" s="91">
        <v>9780</v>
      </c>
      <c r="FU7" s="92">
        <v>75820</v>
      </c>
      <c r="FV7" s="93">
        <v>91810</v>
      </c>
      <c r="FW7" s="90">
        <v>380</v>
      </c>
      <c r="FX7" s="91">
        <v>746</v>
      </c>
      <c r="FY7" s="92">
        <v>1126</v>
      </c>
      <c r="FZ7" s="412">
        <v>0</v>
      </c>
      <c r="GA7" s="91">
        <v>714</v>
      </c>
      <c r="GB7" s="91">
        <v>1105</v>
      </c>
      <c r="GC7" s="91">
        <v>639</v>
      </c>
      <c r="GD7" s="91">
        <v>586</v>
      </c>
      <c r="GE7" s="91">
        <v>635</v>
      </c>
      <c r="GF7" s="92">
        <v>3679</v>
      </c>
      <c r="GG7" s="93">
        <v>4805</v>
      </c>
      <c r="GH7" s="90">
        <v>40929</v>
      </c>
      <c r="GI7" s="91">
        <v>48726</v>
      </c>
      <c r="GJ7" s="92">
        <v>89655</v>
      </c>
      <c r="GK7" s="412">
        <v>0</v>
      </c>
      <c r="GL7" s="91">
        <v>58693</v>
      </c>
      <c r="GM7" s="91">
        <v>56440</v>
      </c>
      <c r="GN7" s="91">
        <v>40922</v>
      </c>
      <c r="GO7" s="91">
        <v>39857</v>
      </c>
      <c r="GP7" s="91">
        <v>26105</v>
      </c>
      <c r="GQ7" s="92">
        <v>222017</v>
      </c>
      <c r="GR7" s="93">
        <v>311672</v>
      </c>
      <c r="GS7" s="94">
        <v>61668</v>
      </c>
      <c r="GT7" s="86">
        <v>69626</v>
      </c>
      <c r="GU7" s="87">
        <v>131294</v>
      </c>
      <c r="GV7" s="412">
        <v>0</v>
      </c>
      <c r="GW7" s="86">
        <v>89761</v>
      </c>
      <c r="GX7" s="86">
        <v>87463</v>
      </c>
      <c r="GY7" s="86">
        <v>61452</v>
      </c>
      <c r="GZ7" s="86">
        <v>56828</v>
      </c>
      <c r="HA7" s="86">
        <v>36073</v>
      </c>
      <c r="HB7" s="88">
        <v>331577</v>
      </c>
      <c r="HC7" s="89">
        <v>462871</v>
      </c>
      <c r="HD7" s="90">
        <v>1667</v>
      </c>
      <c r="HE7" s="91">
        <v>2125</v>
      </c>
      <c r="HF7" s="92">
        <v>3792</v>
      </c>
      <c r="HG7" s="415">
        <v>0</v>
      </c>
      <c r="HH7" s="91">
        <v>2287</v>
      </c>
      <c r="HI7" s="91">
        <v>2717</v>
      </c>
      <c r="HJ7" s="91">
        <v>1760</v>
      </c>
      <c r="HK7" s="91">
        <v>1574</v>
      </c>
      <c r="HL7" s="91">
        <v>1262</v>
      </c>
      <c r="HM7" s="92">
        <v>9600</v>
      </c>
      <c r="HN7" s="93">
        <v>13392</v>
      </c>
      <c r="HO7" s="90">
        <v>4149</v>
      </c>
      <c r="HP7" s="91">
        <v>5131</v>
      </c>
      <c r="HQ7" s="92">
        <v>9280</v>
      </c>
      <c r="HR7" s="412">
        <v>0</v>
      </c>
      <c r="HS7" s="91">
        <v>5287</v>
      </c>
      <c r="HT7" s="91">
        <v>5936</v>
      </c>
      <c r="HU7" s="91">
        <v>3752</v>
      </c>
      <c r="HV7" s="91">
        <v>3486</v>
      </c>
      <c r="HW7" s="91">
        <v>2668</v>
      </c>
      <c r="HX7" s="92">
        <v>21129</v>
      </c>
      <c r="HY7" s="93">
        <v>30409</v>
      </c>
      <c r="HZ7" s="90">
        <v>9454</v>
      </c>
      <c r="IA7" s="91">
        <v>10484</v>
      </c>
      <c r="IB7" s="92">
        <v>19938</v>
      </c>
      <c r="IC7" s="412">
        <v>0</v>
      </c>
      <c r="ID7" s="91">
        <v>11553</v>
      </c>
      <c r="IE7" s="91">
        <v>11206</v>
      </c>
      <c r="IF7" s="91">
        <v>7006</v>
      </c>
      <c r="IG7" s="91">
        <v>6396</v>
      </c>
      <c r="IH7" s="91">
        <v>4534</v>
      </c>
      <c r="II7" s="92">
        <v>40695</v>
      </c>
      <c r="IJ7" s="93">
        <v>60633</v>
      </c>
      <c r="IK7" s="90">
        <v>18443</v>
      </c>
      <c r="IL7" s="91">
        <v>19090</v>
      </c>
      <c r="IM7" s="92">
        <v>37533</v>
      </c>
      <c r="IN7" s="412">
        <v>0</v>
      </c>
      <c r="IO7" s="91">
        <v>22986</v>
      </c>
      <c r="IP7" s="91">
        <v>19816</v>
      </c>
      <c r="IQ7" s="91">
        <v>12824</v>
      </c>
      <c r="IR7" s="91">
        <v>11086</v>
      </c>
      <c r="IS7" s="91">
        <v>7341</v>
      </c>
      <c r="IT7" s="92">
        <v>74053</v>
      </c>
      <c r="IU7" s="93">
        <v>111586</v>
      </c>
      <c r="IV7" s="90">
        <v>17922</v>
      </c>
      <c r="IW7" s="91">
        <v>19454</v>
      </c>
      <c r="IX7" s="92">
        <v>37376</v>
      </c>
      <c r="IY7" s="412">
        <v>0</v>
      </c>
      <c r="IZ7" s="91">
        <v>26142</v>
      </c>
      <c r="JA7" s="91">
        <v>23465</v>
      </c>
      <c r="JB7" s="91">
        <v>15982</v>
      </c>
      <c r="JC7" s="91">
        <v>13851</v>
      </c>
      <c r="JD7" s="91">
        <v>8652</v>
      </c>
      <c r="JE7" s="92">
        <v>88092</v>
      </c>
      <c r="JF7" s="93">
        <v>125468</v>
      </c>
      <c r="JG7" s="90">
        <v>10033</v>
      </c>
      <c r="JH7" s="91">
        <v>13342</v>
      </c>
      <c r="JI7" s="92">
        <v>23375</v>
      </c>
      <c r="JJ7" s="412">
        <v>0</v>
      </c>
      <c r="JK7" s="91">
        <v>21506</v>
      </c>
      <c r="JL7" s="91">
        <v>24323</v>
      </c>
      <c r="JM7" s="91">
        <v>20128</v>
      </c>
      <c r="JN7" s="91">
        <v>20435</v>
      </c>
      <c r="JO7" s="91">
        <v>11616</v>
      </c>
      <c r="JP7" s="92">
        <v>98008</v>
      </c>
      <c r="JQ7" s="93">
        <v>121383</v>
      </c>
      <c r="JR7" s="90">
        <v>871</v>
      </c>
      <c r="JS7" s="91">
        <v>1604</v>
      </c>
      <c r="JT7" s="92">
        <v>2475</v>
      </c>
      <c r="JU7" s="412">
        <v>0</v>
      </c>
      <c r="JV7" s="91">
        <v>1598</v>
      </c>
      <c r="JW7" s="91">
        <v>2553</v>
      </c>
      <c r="JX7" s="91">
        <v>1523</v>
      </c>
      <c r="JY7" s="91">
        <v>1393</v>
      </c>
      <c r="JZ7" s="91">
        <v>1415</v>
      </c>
      <c r="KA7" s="92">
        <v>8482</v>
      </c>
      <c r="KB7" s="93">
        <v>10957</v>
      </c>
      <c r="KC7" s="90">
        <v>62539</v>
      </c>
      <c r="KD7" s="91">
        <v>71230</v>
      </c>
      <c r="KE7" s="92">
        <v>133769</v>
      </c>
      <c r="KF7" s="412">
        <v>0</v>
      </c>
      <c r="KG7" s="91">
        <v>91359</v>
      </c>
      <c r="KH7" s="91">
        <v>90016</v>
      </c>
      <c r="KI7" s="91">
        <v>62975</v>
      </c>
      <c r="KJ7" s="91">
        <v>58221</v>
      </c>
      <c r="KK7" s="91">
        <v>37488</v>
      </c>
      <c r="KL7" s="92">
        <v>340059</v>
      </c>
      <c r="KM7" s="93">
        <v>473828</v>
      </c>
    </row>
    <row r="8" spans="2:299" s="70" customFormat="1" ht="21" customHeight="1" x14ac:dyDescent="0.2">
      <c r="B8" s="95" t="s">
        <v>5</v>
      </c>
      <c r="C8" s="96">
        <v>8222</v>
      </c>
      <c r="D8" s="97">
        <v>10341</v>
      </c>
      <c r="E8" s="98">
        <v>18563</v>
      </c>
      <c r="F8" s="413">
        <v>0</v>
      </c>
      <c r="G8" s="97">
        <v>10483</v>
      </c>
      <c r="H8" s="97">
        <v>14269</v>
      </c>
      <c r="I8" s="97">
        <v>8892</v>
      </c>
      <c r="J8" s="97">
        <v>7302</v>
      </c>
      <c r="K8" s="97">
        <v>4404</v>
      </c>
      <c r="L8" s="99">
        <v>45350</v>
      </c>
      <c r="M8" s="100">
        <v>63913</v>
      </c>
      <c r="N8" s="101">
        <v>306</v>
      </c>
      <c r="O8" s="102">
        <v>473</v>
      </c>
      <c r="P8" s="103">
        <v>779</v>
      </c>
      <c r="Q8" s="413">
        <v>0</v>
      </c>
      <c r="R8" s="102">
        <v>399</v>
      </c>
      <c r="S8" s="102">
        <v>735</v>
      </c>
      <c r="T8" s="102">
        <v>448</v>
      </c>
      <c r="U8" s="102">
        <v>395</v>
      </c>
      <c r="V8" s="102">
        <v>276</v>
      </c>
      <c r="W8" s="103">
        <v>2253</v>
      </c>
      <c r="X8" s="104">
        <v>3032</v>
      </c>
      <c r="Y8" s="101">
        <v>662</v>
      </c>
      <c r="Z8" s="102">
        <v>1037</v>
      </c>
      <c r="AA8" s="103">
        <v>1699</v>
      </c>
      <c r="AB8" s="413">
        <v>0</v>
      </c>
      <c r="AC8" s="102">
        <v>803</v>
      </c>
      <c r="AD8" s="102">
        <v>1461</v>
      </c>
      <c r="AE8" s="102">
        <v>882</v>
      </c>
      <c r="AF8" s="102">
        <v>753</v>
      </c>
      <c r="AG8" s="102">
        <v>566</v>
      </c>
      <c r="AH8" s="103">
        <v>4465</v>
      </c>
      <c r="AI8" s="104">
        <v>6164</v>
      </c>
      <c r="AJ8" s="101">
        <v>1267</v>
      </c>
      <c r="AK8" s="102">
        <v>1680</v>
      </c>
      <c r="AL8" s="103">
        <v>2947</v>
      </c>
      <c r="AM8" s="413">
        <v>0</v>
      </c>
      <c r="AN8" s="102">
        <v>1528</v>
      </c>
      <c r="AO8" s="102">
        <v>2360</v>
      </c>
      <c r="AP8" s="102">
        <v>1432</v>
      </c>
      <c r="AQ8" s="102">
        <v>1211</v>
      </c>
      <c r="AR8" s="102">
        <v>787</v>
      </c>
      <c r="AS8" s="103">
        <v>7318</v>
      </c>
      <c r="AT8" s="104">
        <v>10265</v>
      </c>
      <c r="AU8" s="101">
        <v>2169</v>
      </c>
      <c r="AV8" s="102">
        <v>2602</v>
      </c>
      <c r="AW8" s="103">
        <v>4771</v>
      </c>
      <c r="AX8" s="413">
        <v>0</v>
      </c>
      <c r="AY8" s="102">
        <v>2663</v>
      </c>
      <c r="AZ8" s="102">
        <v>3280</v>
      </c>
      <c r="BA8" s="102">
        <v>2036</v>
      </c>
      <c r="BB8" s="102">
        <v>1661</v>
      </c>
      <c r="BC8" s="102">
        <v>1025</v>
      </c>
      <c r="BD8" s="103">
        <v>10665</v>
      </c>
      <c r="BE8" s="104">
        <v>15436</v>
      </c>
      <c r="BF8" s="101">
        <v>2317</v>
      </c>
      <c r="BG8" s="102">
        <v>2639</v>
      </c>
      <c r="BH8" s="103">
        <v>4956</v>
      </c>
      <c r="BI8" s="413">
        <v>0</v>
      </c>
      <c r="BJ8" s="102">
        <v>2983</v>
      </c>
      <c r="BK8" s="102">
        <v>3474</v>
      </c>
      <c r="BL8" s="102">
        <v>2146</v>
      </c>
      <c r="BM8" s="102">
        <v>1708</v>
      </c>
      <c r="BN8" s="102">
        <v>968</v>
      </c>
      <c r="BO8" s="103">
        <v>11279</v>
      </c>
      <c r="BP8" s="104">
        <v>16235</v>
      </c>
      <c r="BQ8" s="101">
        <v>1501</v>
      </c>
      <c r="BR8" s="102">
        <v>1910</v>
      </c>
      <c r="BS8" s="103">
        <v>3411</v>
      </c>
      <c r="BT8" s="413">
        <v>0</v>
      </c>
      <c r="BU8" s="102">
        <v>2107</v>
      </c>
      <c r="BV8" s="102">
        <v>2959</v>
      </c>
      <c r="BW8" s="102">
        <v>1948</v>
      </c>
      <c r="BX8" s="102">
        <v>1574</v>
      </c>
      <c r="BY8" s="102">
        <v>782</v>
      </c>
      <c r="BZ8" s="103">
        <v>9370</v>
      </c>
      <c r="CA8" s="104">
        <v>12781</v>
      </c>
      <c r="CB8" s="101">
        <v>178</v>
      </c>
      <c r="CC8" s="102">
        <v>393</v>
      </c>
      <c r="CD8" s="103">
        <v>571</v>
      </c>
      <c r="CE8" s="413">
        <v>0</v>
      </c>
      <c r="CF8" s="102">
        <v>246</v>
      </c>
      <c r="CG8" s="102">
        <v>655</v>
      </c>
      <c r="CH8" s="102">
        <v>373</v>
      </c>
      <c r="CI8" s="102">
        <v>338</v>
      </c>
      <c r="CJ8" s="102">
        <v>343</v>
      </c>
      <c r="CK8" s="103">
        <v>1955</v>
      </c>
      <c r="CL8" s="104">
        <v>2526</v>
      </c>
      <c r="CM8" s="101">
        <v>8400</v>
      </c>
      <c r="CN8" s="102">
        <v>10734</v>
      </c>
      <c r="CO8" s="103">
        <v>19134</v>
      </c>
      <c r="CP8" s="413">
        <v>0</v>
      </c>
      <c r="CQ8" s="102">
        <v>10729</v>
      </c>
      <c r="CR8" s="102">
        <v>14924</v>
      </c>
      <c r="CS8" s="102">
        <v>9265</v>
      </c>
      <c r="CT8" s="102">
        <v>7640</v>
      </c>
      <c r="CU8" s="102">
        <v>4747</v>
      </c>
      <c r="CV8" s="103">
        <v>47305</v>
      </c>
      <c r="CW8" s="104">
        <v>66439</v>
      </c>
      <c r="CX8" s="105">
        <v>15533</v>
      </c>
      <c r="CY8" s="97">
        <v>21407</v>
      </c>
      <c r="CZ8" s="98">
        <v>36940</v>
      </c>
      <c r="DA8" s="413">
        <v>0</v>
      </c>
      <c r="DB8" s="97">
        <v>20155</v>
      </c>
      <c r="DC8" s="97">
        <v>25325</v>
      </c>
      <c r="DD8" s="97">
        <v>16892</v>
      </c>
      <c r="DE8" s="97">
        <v>16252</v>
      </c>
      <c r="DF8" s="97">
        <v>10477</v>
      </c>
      <c r="DG8" s="99">
        <v>89101</v>
      </c>
      <c r="DH8" s="100">
        <v>126041</v>
      </c>
      <c r="DI8" s="101">
        <v>319</v>
      </c>
      <c r="DJ8" s="102">
        <v>491</v>
      </c>
      <c r="DK8" s="103">
        <v>810</v>
      </c>
      <c r="DL8" s="413">
        <v>0</v>
      </c>
      <c r="DM8" s="102">
        <v>276</v>
      </c>
      <c r="DN8" s="102">
        <v>490</v>
      </c>
      <c r="DO8" s="102">
        <v>296</v>
      </c>
      <c r="DP8" s="102">
        <v>284</v>
      </c>
      <c r="DQ8" s="102">
        <v>226</v>
      </c>
      <c r="DR8" s="103">
        <v>1572</v>
      </c>
      <c r="DS8" s="104">
        <v>2382</v>
      </c>
      <c r="DT8" s="101">
        <v>852</v>
      </c>
      <c r="DU8" s="102">
        <v>1303</v>
      </c>
      <c r="DV8" s="103">
        <v>2155</v>
      </c>
      <c r="DW8" s="413">
        <v>0</v>
      </c>
      <c r="DX8" s="102">
        <v>764</v>
      </c>
      <c r="DY8" s="102">
        <v>1197</v>
      </c>
      <c r="DZ8" s="102">
        <v>654</v>
      </c>
      <c r="EA8" s="102">
        <v>659</v>
      </c>
      <c r="EB8" s="102">
        <v>557</v>
      </c>
      <c r="EC8" s="103">
        <v>3831</v>
      </c>
      <c r="ED8" s="104">
        <v>5986</v>
      </c>
      <c r="EE8" s="101">
        <v>2326</v>
      </c>
      <c r="EF8" s="102">
        <v>2985</v>
      </c>
      <c r="EG8" s="103">
        <v>5311</v>
      </c>
      <c r="EH8" s="413">
        <v>0</v>
      </c>
      <c r="EI8" s="102">
        <v>2200</v>
      </c>
      <c r="EJ8" s="102">
        <v>2605</v>
      </c>
      <c r="EK8" s="102">
        <v>1428</v>
      </c>
      <c r="EL8" s="102">
        <v>1370</v>
      </c>
      <c r="EM8" s="102">
        <v>1064</v>
      </c>
      <c r="EN8" s="103">
        <v>8667</v>
      </c>
      <c r="EO8" s="104">
        <v>13978</v>
      </c>
      <c r="EP8" s="101">
        <v>4889</v>
      </c>
      <c r="EQ8" s="102">
        <v>5948</v>
      </c>
      <c r="ER8" s="103">
        <v>10837</v>
      </c>
      <c r="ES8" s="413">
        <v>0</v>
      </c>
      <c r="ET8" s="102">
        <v>5120</v>
      </c>
      <c r="EU8" s="102">
        <v>5387</v>
      </c>
      <c r="EV8" s="102">
        <v>3153</v>
      </c>
      <c r="EW8" s="102">
        <v>2832</v>
      </c>
      <c r="EX8" s="102">
        <v>1936</v>
      </c>
      <c r="EY8" s="103">
        <v>18428</v>
      </c>
      <c r="EZ8" s="104">
        <v>29265</v>
      </c>
      <c r="FA8" s="101">
        <v>4650</v>
      </c>
      <c r="FB8" s="102">
        <v>6295</v>
      </c>
      <c r="FC8" s="103">
        <v>10945</v>
      </c>
      <c r="FD8" s="413">
        <v>0</v>
      </c>
      <c r="FE8" s="102">
        <v>6356</v>
      </c>
      <c r="FF8" s="102">
        <v>7310</v>
      </c>
      <c r="FG8" s="102">
        <v>4566</v>
      </c>
      <c r="FH8" s="102">
        <v>4139</v>
      </c>
      <c r="FI8" s="102">
        <v>2643</v>
      </c>
      <c r="FJ8" s="103">
        <v>25014</v>
      </c>
      <c r="FK8" s="104">
        <v>35959</v>
      </c>
      <c r="FL8" s="101">
        <v>2497</v>
      </c>
      <c r="FM8" s="102">
        <v>4385</v>
      </c>
      <c r="FN8" s="103">
        <v>6882</v>
      </c>
      <c r="FO8" s="413">
        <v>0</v>
      </c>
      <c r="FP8" s="102">
        <v>5439</v>
      </c>
      <c r="FQ8" s="102">
        <v>8336</v>
      </c>
      <c r="FR8" s="102">
        <v>6795</v>
      </c>
      <c r="FS8" s="102">
        <v>6968</v>
      </c>
      <c r="FT8" s="102">
        <v>4051</v>
      </c>
      <c r="FU8" s="103">
        <v>31589</v>
      </c>
      <c r="FV8" s="104">
        <v>38471</v>
      </c>
      <c r="FW8" s="101">
        <v>157</v>
      </c>
      <c r="FX8" s="102">
        <v>306</v>
      </c>
      <c r="FY8" s="103">
        <v>463</v>
      </c>
      <c r="FZ8" s="413">
        <v>0</v>
      </c>
      <c r="GA8" s="102">
        <v>206</v>
      </c>
      <c r="GB8" s="102">
        <v>530</v>
      </c>
      <c r="GC8" s="102">
        <v>250</v>
      </c>
      <c r="GD8" s="102">
        <v>233</v>
      </c>
      <c r="GE8" s="102">
        <v>271</v>
      </c>
      <c r="GF8" s="103">
        <v>1490</v>
      </c>
      <c r="GG8" s="104">
        <v>1953</v>
      </c>
      <c r="GH8" s="101">
        <v>15690</v>
      </c>
      <c r="GI8" s="102">
        <v>21713</v>
      </c>
      <c r="GJ8" s="103">
        <v>37403</v>
      </c>
      <c r="GK8" s="413">
        <v>0</v>
      </c>
      <c r="GL8" s="102">
        <v>20361</v>
      </c>
      <c r="GM8" s="102">
        <v>25855</v>
      </c>
      <c r="GN8" s="102">
        <v>17142</v>
      </c>
      <c r="GO8" s="102">
        <v>16485</v>
      </c>
      <c r="GP8" s="102">
        <v>10748</v>
      </c>
      <c r="GQ8" s="103">
        <v>90591</v>
      </c>
      <c r="GR8" s="104">
        <v>127994</v>
      </c>
      <c r="GS8" s="105">
        <v>23755</v>
      </c>
      <c r="GT8" s="97">
        <v>31748</v>
      </c>
      <c r="GU8" s="98">
        <v>55503</v>
      </c>
      <c r="GV8" s="413">
        <v>0</v>
      </c>
      <c r="GW8" s="97">
        <v>30638</v>
      </c>
      <c r="GX8" s="97">
        <v>39594</v>
      </c>
      <c r="GY8" s="97">
        <v>25784</v>
      </c>
      <c r="GZ8" s="97">
        <v>23554</v>
      </c>
      <c r="HA8" s="97">
        <v>14881</v>
      </c>
      <c r="HB8" s="99">
        <v>134451</v>
      </c>
      <c r="HC8" s="100">
        <v>189954</v>
      </c>
      <c r="HD8" s="101">
        <v>625</v>
      </c>
      <c r="HE8" s="102">
        <v>964</v>
      </c>
      <c r="HF8" s="103">
        <v>1589</v>
      </c>
      <c r="HG8" s="416">
        <v>0</v>
      </c>
      <c r="HH8" s="102">
        <v>675</v>
      </c>
      <c r="HI8" s="102">
        <v>1225</v>
      </c>
      <c r="HJ8" s="102">
        <v>744</v>
      </c>
      <c r="HK8" s="102">
        <v>679</v>
      </c>
      <c r="HL8" s="102">
        <v>502</v>
      </c>
      <c r="HM8" s="103">
        <v>3825</v>
      </c>
      <c r="HN8" s="104">
        <v>5414</v>
      </c>
      <c r="HO8" s="101">
        <v>1514</v>
      </c>
      <c r="HP8" s="102">
        <v>2340</v>
      </c>
      <c r="HQ8" s="103">
        <v>3854</v>
      </c>
      <c r="HR8" s="413">
        <v>0</v>
      </c>
      <c r="HS8" s="102">
        <v>1567</v>
      </c>
      <c r="HT8" s="102">
        <v>2658</v>
      </c>
      <c r="HU8" s="102">
        <v>1536</v>
      </c>
      <c r="HV8" s="102">
        <v>1412</v>
      </c>
      <c r="HW8" s="102">
        <v>1123</v>
      </c>
      <c r="HX8" s="103">
        <v>8296</v>
      </c>
      <c r="HY8" s="104">
        <v>12150</v>
      </c>
      <c r="HZ8" s="101">
        <v>3593</v>
      </c>
      <c r="IA8" s="102">
        <v>4665</v>
      </c>
      <c r="IB8" s="103">
        <v>8258</v>
      </c>
      <c r="IC8" s="413">
        <v>0</v>
      </c>
      <c r="ID8" s="102">
        <v>3728</v>
      </c>
      <c r="IE8" s="102">
        <v>4965</v>
      </c>
      <c r="IF8" s="102">
        <v>2860</v>
      </c>
      <c r="IG8" s="102">
        <v>2581</v>
      </c>
      <c r="IH8" s="102">
        <v>1851</v>
      </c>
      <c r="II8" s="103">
        <v>15985</v>
      </c>
      <c r="IJ8" s="104">
        <v>24243</v>
      </c>
      <c r="IK8" s="101">
        <v>7058</v>
      </c>
      <c r="IL8" s="102">
        <v>8550</v>
      </c>
      <c r="IM8" s="103">
        <v>15608</v>
      </c>
      <c r="IN8" s="413">
        <v>0</v>
      </c>
      <c r="IO8" s="102">
        <v>7783</v>
      </c>
      <c r="IP8" s="102">
        <v>8667</v>
      </c>
      <c r="IQ8" s="102">
        <v>5189</v>
      </c>
      <c r="IR8" s="102">
        <v>4493</v>
      </c>
      <c r="IS8" s="102">
        <v>2961</v>
      </c>
      <c r="IT8" s="103">
        <v>29093</v>
      </c>
      <c r="IU8" s="104">
        <v>44701</v>
      </c>
      <c r="IV8" s="101">
        <v>6967</v>
      </c>
      <c r="IW8" s="102">
        <v>8934</v>
      </c>
      <c r="IX8" s="103">
        <v>15901</v>
      </c>
      <c r="IY8" s="413">
        <v>0</v>
      </c>
      <c r="IZ8" s="102">
        <v>9339</v>
      </c>
      <c r="JA8" s="102">
        <v>10784</v>
      </c>
      <c r="JB8" s="102">
        <v>6712</v>
      </c>
      <c r="JC8" s="102">
        <v>5847</v>
      </c>
      <c r="JD8" s="102">
        <v>3611</v>
      </c>
      <c r="JE8" s="103">
        <v>36293</v>
      </c>
      <c r="JF8" s="104">
        <v>52194</v>
      </c>
      <c r="JG8" s="101">
        <v>3998</v>
      </c>
      <c r="JH8" s="102">
        <v>6295</v>
      </c>
      <c r="JI8" s="103">
        <v>10293</v>
      </c>
      <c r="JJ8" s="413">
        <v>0</v>
      </c>
      <c r="JK8" s="102">
        <v>7546</v>
      </c>
      <c r="JL8" s="102">
        <v>11295</v>
      </c>
      <c r="JM8" s="102">
        <v>8743</v>
      </c>
      <c r="JN8" s="102">
        <v>8542</v>
      </c>
      <c r="JO8" s="102">
        <v>4833</v>
      </c>
      <c r="JP8" s="103">
        <v>40959</v>
      </c>
      <c r="JQ8" s="104">
        <v>51252</v>
      </c>
      <c r="JR8" s="101">
        <v>335</v>
      </c>
      <c r="JS8" s="102">
        <v>699</v>
      </c>
      <c r="JT8" s="103">
        <v>1034</v>
      </c>
      <c r="JU8" s="413">
        <v>0</v>
      </c>
      <c r="JV8" s="102">
        <v>452</v>
      </c>
      <c r="JW8" s="102">
        <v>1185</v>
      </c>
      <c r="JX8" s="102">
        <v>623</v>
      </c>
      <c r="JY8" s="102">
        <v>571</v>
      </c>
      <c r="JZ8" s="102">
        <v>614</v>
      </c>
      <c r="KA8" s="103">
        <v>3445</v>
      </c>
      <c r="KB8" s="104">
        <v>4479</v>
      </c>
      <c r="KC8" s="101">
        <v>24090</v>
      </c>
      <c r="KD8" s="102">
        <v>32447</v>
      </c>
      <c r="KE8" s="103">
        <v>56537</v>
      </c>
      <c r="KF8" s="413">
        <v>0</v>
      </c>
      <c r="KG8" s="102">
        <v>31090</v>
      </c>
      <c r="KH8" s="102">
        <v>40779</v>
      </c>
      <c r="KI8" s="102">
        <v>26407</v>
      </c>
      <c r="KJ8" s="102">
        <v>24125</v>
      </c>
      <c r="KK8" s="102">
        <v>15495</v>
      </c>
      <c r="KL8" s="103">
        <v>137896</v>
      </c>
      <c r="KM8" s="104">
        <v>194433</v>
      </c>
    </row>
    <row r="9" spans="2:299" s="70" customFormat="1" ht="21" customHeight="1" x14ac:dyDescent="0.2">
      <c r="B9" s="106" t="s">
        <v>6</v>
      </c>
      <c r="C9" s="96">
        <v>2871</v>
      </c>
      <c r="D9" s="97">
        <v>2435</v>
      </c>
      <c r="E9" s="98">
        <v>5306</v>
      </c>
      <c r="F9" s="413">
        <v>0</v>
      </c>
      <c r="G9" s="97">
        <v>5167</v>
      </c>
      <c r="H9" s="97">
        <v>4316</v>
      </c>
      <c r="I9" s="97">
        <v>2888</v>
      </c>
      <c r="J9" s="97">
        <v>2424</v>
      </c>
      <c r="K9" s="97">
        <v>1584</v>
      </c>
      <c r="L9" s="99">
        <v>16379</v>
      </c>
      <c r="M9" s="100">
        <v>21685</v>
      </c>
      <c r="N9" s="101">
        <v>159</v>
      </c>
      <c r="O9" s="102">
        <v>160</v>
      </c>
      <c r="P9" s="103">
        <v>319</v>
      </c>
      <c r="Q9" s="413">
        <v>0</v>
      </c>
      <c r="R9" s="102">
        <v>269</v>
      </c>
      <c r="S9" s="102">
        <v>255</v>
      </c>
      <c r="T9" s="102">
        <v>163</v>
      </c>
      <c r="U9" s="102">
        <v>137</v>
      </c>
      <c r="V9" s="102">
        <v>106</v>
      </c>
      <c r="W9" s="103">
        <v>930</v>
      </c>
      <c r="X9" s="104">
        <v>1249</v>
      </c>
      <c r="Y9" s="101">
        <v>298</v>
      </c>
      <c r="Z9" s="102">
        <v>249</v>
      </c>
      <c r="AA9" s="103">
        <v>547</v>
      </c>
      <c r="AB9" s="413">
        <v>0</v>
      </c>
      <c r="AC9" s="102">
        <v>524</v>
      </c>
      <c r="AD9" s="102">
        <v>447</v>
      </c>
      <c r="AE9" s="102">
        <v>313</v>
      </c>
      <c r="AF9" s="102">
        <v>279</v>
      </c>
      <c r="AG9" s="102">
        <v>205</v>
      </c>
      <c r="AH9" s="103">
        <v>1768</v>
      </c>
      <c r="AI9" s="104">
        <v>2315</v>
      </c>
      <c r="AJ9" s="101">
        <v>515</v>
      </c>
      <c r="AK9" s="102">
        <v>417</v>
      </c>
      <c r="AL9" s="103">
        <v>932</v>
      </c>
      <c r="AM9" s="413">
        <v>0</v>
      </c>
      <c r="AN9" s="102">
        <v>855</v>
      </c>
      <c r="AO9" s="102">
        <v>726</v>
      </c>
      <c r="AP9" s="102">
        <v>491</v>
      </c>
      <c r="AQ9" s="102">
        <v>442</v>
      </c>
      <c r="AR9" s="102">
        <v>316</v>
      </c>
      <c r="AS9" s="103">
        <v>2830</v>
      </c>
      <c r="AT9" s="104">
        <v>3762</v>
      </c>
      <c r="AU9" s="101">
        <v>723</v>
      </c>
      <c r="AV9" s="102">
        <v>596</v>
      </c>
      <c r="AW9" s="103">
        <v>1319</v>
      </c>
      <c r="AX9" s="413">
        <v>0</v>
      </c>
      <c r="AY9" s="102">
        <v>1305</v>
      </c>
      <c r="AZ9" s="102">
        <v>1051</v>
      </c>
      <c r="BA9" s="102">
        <v>673</v>
      </c>
      <c r="BB9" s="102">
        <v>552</v>
      </c>
      <c r="BC9" s="102">
        <v>345</v>
      </c>
      <c r="BD9" s="103">
        <v>3926</v>
      </c>
      <c r="BE9" s="104">
        <v>5245</v>
      </c>
      <c r="BF9" s="101">
        <v>747</v>
      </c>
      <c r="BG9" s="102">
        <v>598</v>
      </c>
      <c r="BH9" s="103">
        <v>1345</v>
      </c>
      <c r="BI9" s="413">
        <v>0</v>
      </c>
      <c r="BJ9" s="102">
        <v>1261</v>
      </c>
      <c r="BK9" s="102">
        <v>995</v>
      </c>
      <c r="BL9" s="102">
        <v>662</v>
      </c>
      <c r="BM9" s="102">
        <v>507</v>
      </c>
      <c r="BN9" s="102">
        <v>352</v>
      </c>
      <c r="BO9" s="103">
        <v>3777</v>
      </c>
      <c r="BP9" s="104">
        <v>5122</v>
      </c>
      <c r="BQ9" s="101">
        <v>429</v>
      </c>
      <c r="BR9" s="102">
        <v>415</v>
      </c>
      <c r="BS9" s="103">
        <v>844</v>
      </c>
      <c r="BT9" s="413">
        <v>0</v>
      </c>
      <c r="BU9" s="102">
        <v>953</v>
      </c>
      <c r="BV9" s="102">
        <v>842</v>
      </c>
      <c r="BW9" s="102">
        <v>586</v>
      </c>
      <c r="BX9" s="102">
        <v>507</v>
      </c>
      <c r="BY9" s="102">
        <v>260</v>
      </c>
      <c r="BZ9" s="103">
        <v>3148</v>
      </c>
      <c r="CA9" s="104">
        <v>3992</v>
      </c>
      <c r="CB9" s="101">
        <v>84</v>
      </c>
      <c r="CC9" s="102">
        <v>101</v>
      </c>
      <c r="CD9" s="103">
        <v>185</v>
      </c>
      <c r="CE9" s="413">
        <v>0</v>
      </c>
      <c r="CF9" s="102">
        <v>172</v>
      </c>
      <c r="CG9" s="102">
        <v>198</v>
      </c>
      <c r="CH9" s="102">
        <v>125</v>
      </c>
      <c r="CI9" s="102">
        <v>120</v>
      </c>
      <c r="CJ9" s="102">
        <v>132</v>
      </c>
      <c r="CK9" s="103">
        <v>747</v>
      </c>
      <c r="CL9" s="104">
        <v>932</v>
      </c>
      <c r="CM9" s="101">
        <v>2955</v>
      </c>
      <c r="CN9" s="102">
        <v>2536</v>
      </c>
      <c r="CO9" s="103">
        <v>5491</v>
      </c>
      <c r="CP9" s="413">
        <v>0</v>
      </c>
      <c r="CQ9" s="102">
        <v>5339</v>
      </c>
      <c r="CR9" s="102">
        <v>4514</v>
      </c>
      <c r="CS9" s="102">
        <v>3013</v>
      </c>
      <c r="CT9" s="102">
        <v>2544</v>
      </c>
      <c r="CU9" s="102">
        <v>1716</v>
      </c>
      <c r="CV9" s="103">
        <v>17126</v>
      </c>
      <c r="CW9" s="104">
        <v>22617</v>
      </c>
      <c r="CX9" s="105">
        <v>5493</v>
      </c>
      <c r="CY9" s="97">
        <v>5690</v>
      </c>
      <c r="CZ9" s="98">
        <v>11183</v>
      </c>
      <c r="DA9" s="413">
        <v>0</v>
      </c>
      <c r="DB9" s="97">
        <v>9025</v>
      </c>
      <c r="DC9" s="97">
        <v>7120</v>
      </c>
      <c r="DD9" s="97">
        <v>5331</v>
      </c>
      <c r="DE9" s="97">
        <v>5210</v>
      </c>
      <c r="DF9" s="97">
        <v>3670</v>
      </c>
      <c r="DG9" s="99">
        <v>30356</v>
      </c>
      <c r="DH9" s="100">
        <v>41539</v>
      </c>
      <c r="DI9" s="101">
        <v>110</v>
      </c>
      <c r="DJ9" s="102">
        <v>140</v>
      </c>
      <c r="DK9" s="103">
        <v>250</v>
      </c>
      <c r="DL9" s="413">
        <v>0</v>
      </c>
      <c r="DM9" s="102">
        <v>180</v>
      </c>
      <c r="DN9" s="102">
        <v>125</v>
      </c>
      <c r="DO9" s="102">
        <v>101</v>
      </c>
      <c r="DP9" s="102">
        <v>81</v>
      </c>
      <c r="DQ9" s="102">
        <v>71</v>
      </c>
      <c r="DR9" s="103">
        <v>558</v>
      </c>
      <c r="DS9" s="104">
        <v>808</v>
      </c>
      <c r="DT9" s="101">
        <v>332</v>
      </c>
      <c r="DU9" s="102">
        <v>326</v>
      </c>
      <c r="DV9" s="103">
        <v>658</v>
      </c>
      <c r="DW9" s="413">
        <v>0</v>
      </c>
      <c r="DX9" s="102">
        <v>432</v>
      </c>
      <c r="DY9" s="102">
        <v>363</v>
      </c>
      <c r="DZ9" s="102">
        <v>232</v>
      </c>
      <c r="EA9" s="102">
        <v>230</v>
      </c>
      <c r="EB9" s="102">
        <v>194</v>
      </c>
      <c r="EC9" s="103">
        <v>1451</v>
      </c>
      <c r="ED9" s="104">
        <v>2109</v>
      </c>
      <c r="EE9" s="101">
        <v>827</v>
      </c>
      <c r="EF9" s="102">
        <v>825</v>
      </c>
      <c r="EG9" s="103">
        <v>1652</v>
      </c>
      <c r="EH9" s="413">
        <v>0</v>
      </c>
      <c r="EI9" s="102">
        <v>1031</v>
      </c>
      <c r="EJ9" s="102">
        <v>725</v>
      </c>
      <c r="EK9" s="102">
        <v>424</v>
      </c>
      <c r="EL9" s="102">
        <v>441</v>
      </c>
      <c r="EM9" s="102">
        <v>364</v>
      </c>
      <c r="EN9" s="103">
        <v>2985</v>
      </c>
      <c r="EO9" s="104">
        <v>4637</v>
      </c>
      <c r="EP9" s="101">
        <v>1739</v>
      </c>
      <c r="EQ9" s="102">
        <v>1594</v>
      </c>
      <c r="ER9" s="103">
        <v>3333</v>
      </c>
      <c r="ES9" s="413">
        <v>0</v>
      </c>
      <c r="ET9" s="102">
        <v>2237</v>
      </c>
      <c r="EU9" s="102">
        <v>1492</v>
      </c>
      <c r="EV9" s="102">
        <v>1027</v>
      </c>
      <c r="EW9" s="102">
        <v>890</v>
      </c>
      <c r="EX9" s="102">
        <v>667</v>
      </c>
      <c r="EY9" s="103">
        <v>6313</v>
      </c>
      <c r="EZ9" s="104">
        <v>9646</v>
      </c>
      <c r="FA9" s="101">
        <v>1602</v>
      </c>
      <c r="FB9" s="102">
        <v>1658</v>
      </c>
      <c r="FC9" s="103">
        <v>3260</v>
      </c>
      <c r="FD9" s="413">
        <v>0</v>
      </c>
      <c r="FE9" s="102">
        <v>2739</v>
      </c>
      <c r="FF9" s="102">
        <v>2086</v>
      </c>
      <c r="FG9" s="102">
        <v>1471</v>
      </c>
      <c r="FH9" s="102">
        <v>1288</v>
      </c>
      <c r="FI9" s="102">
        <v>930</v>
      </c>
      <c r="FJ9" s="103">
        <v>8514</v>
      </c>
      <c r="FK9" s="104">
        <v>11774</v>
      </c>
      <c r="FL9" s="101">
        <v>883</v>
      </c>
      <c r="FM9" s="102">
        <v>1147</v>
      </c>
      <c r="FN9" s="103">
        <v>2030</v>
      </c>
      <c r="FO9" s="413">
        <v>0</v>
      </c>
      <c r="FP9" s="102">
        <v>2406</v>
      </c>
      <c r="FQ9" s="102">
        <v>2329</v>
      </c>
      <c r="FR9" s="102">
        <v>2076</v>
      </c>
      <c r="FS9" s="102">
        <v>2280</v>
      </c>
      <c r="FT9" s="102">
        <v>1444</v>
      </c>
      <c r="FU9" s="103">
        <v>10535</v>
      </c>
      <c r="FV9" s="104">
        <v>12565</v>
      </c>
      <c r="FW9" s="101">
        <v>60</v>
      </c>
      <c r="FX9" s="102">
        <v>93</v>
      </c>
      <c r="FY9" s="103">
        <v>153</v>
      </c>
      <c r="FZ9" s="413">
        <v>0</v>
      </c>
      <c r="GA9" s="102">
        <v>133</v>
      </c>
      <c r="GB9" s="102">
        <v>142</v>
      </c>
      <c r="GC9" s="102">
        <v>92</v>
      </c>
      <c r="GD9" s="102">
        <v>96</v>
      </c>
      <c r="GE9" s="102">
        <v>95</v>
      </c>
      <c r="GF9" s="103">
        <v>558</v>
      </c>
      <c r="GG9" s="104">
        <v>711</v>
      </c>
      <c r="GH9" s="101">
        <v>5553</v>
      </c>
      <c r="GI9" s="102">
        <v>5783</v>
      </c>
      <c r="GJ9" s="103">
        <v>11336</v>
      </c>
      <c r="GK9" s="413">
        <v>0</v>
      </c>
      <c r="GL9" s="102">
        <v>9158</v>
      </c>
      <c r="GM9" s="102">
        <v>7262</v>
      </c>
      <c r="GN9" s="102">
        <v>5423</v>
      </c>
      <c r="GO9" s="102">
        <v>5306</v>
      </c>
      <c r="GP9" s="102">
        <v>3765</v>
      </c>
      <c r="GQ9" s="103">
        <v>30914</v>
      </c>
      <c r="GR9" s="104">
        <v>42250</v>
      </c>
      <c r="GS9" s="105">
        <v>8364</v>
      </c>
      <c r="GT9" s="97">
        <v>8125</v>
      </c>
      <c r="GU9" s="98">
        <v>16489</v>
      </c>
      <c r="GV9" s="413">
        <v>0</v>
      </c>
      <c r="GW9" s="97">
        <v>14192</v>
      </c>
      <c r="GX9" s="97">
        <v>11436</v>
      </c>
      <c r="GY9" s="97">
        <v>8219</v>
      </c>
      <c r="GZ9" s="97">
        <v>7634</v>
      </c>
      <c r="HA9" s="97">
        <v>5254</v>
      </c>
      <c r="HB9" s="99">
        <v>46735</v>
      </c>
      <c r="HC9" s="100">
        <v>63224</v>
      </c>
      <c r="HD9" s="101">
        <v>269</v>
      </c>
      <c r="HE9" s="102">
        <v>300</v>
      </c>
      <c r="HF9" s="103">
        <v>569</v>
      </c>
      <c r="HG9" s="416">
        <v>0</v>
      </c>
      <c r="HH9" s="102">
        <v>449</v>
      </c>
      <c r="HI9" s="102">
        <v>380</v>
      </c>
      <c r="HJ9" s="102">
        <v>264</v>
      </c>
      <c r="HK9" s="102">
        <v>218</v>
      </c>
      <c r="HL9" s="102">
        <v>177</v>
      </c>
      <c r="HM9" s="103">
        <v>1488</v>
      </c>
      <c r="HN9" s="104">
        <v>2057</v>
      </c>
      <c r="HO9" s="101">
        <v>630</v>
      </c>
      <c r="HP9" s="102">
        <v>575</v>
      </c>
      <c r="HQ9" s="103">
        <v>1205</v>
      </c>
      <c r="HR9" s="413">
        <v>0</v>
      </c>
      <c r="HS9" s="102">
        <v>956</v>
      </c>
      <c r="HT9" s="102">
        <v>810</v>
      </c>
      <c r="HU9" s="102">
        <v>545</v>
      </c>
      <c r="HV9" s="102">
        <v>509</v>
      </c>
      <c r="HW9" s="102">
        <v>399</v>
      </c>
      <c r="HX9" s="103">
        <v>3219</v>
      </c>
      <c r="HY9" s="104">
        <v>4424</v>
      </c>
      <c r="HZ9" s="101">
        <v>1342</v>
      </c>
      <c r="IA9" s="102">
        <v>1242</v>
      </c>
      <c r="IB9" s="103">
        <v>2584</v>
      </c>
      <c r="IC9" s="413">
        <v>0</v>
      </c>
      <c r="ID9" s="102">
        <v>1886</v>
      </c>
      <c r="IE9" s="102">
        <v>1451</v>
      </c>
      <c r="IF9" s="102">
        <v>915</v>
      </c>
      <c r="IG9" s="102">
        <v>883</v>
      </c>
      <c r="IH9" s="102">
        <v>680</v>
      </c>
      <c r="II9" s="103">
        <v>5815</v>
      </c>
      <c r="IJ9" s="104">
        <v>8399</v>
      </c>
      <c r="IK9" s="101">
        <v>2462</v>
      </c>
      <c r="IL9" s="102">
        <v>2190</v>
      </c>
      <c r="IM9" s="103">
        <v>4652</v>
      </c>
      <c r="IN9" s="413">
        <v>0</v>
      </c>
      <c r="IO9" s="102">
        <v>3542</v>
      </c>
      <c r="IP9" s="102">
        <v>2543</v>
      </c>
      <c r="IQ9" s="102">
        <v>1700</v>
      </c>
      <c r="IR9" s="102">
        <v>1442</v>
      </c>
      <c r="IS9" s="102">
        <v>1012</v>
      </c>
      <c r="IT9" s="103">
        <v>10239</v>
      </c>
      <c r="IU9" s="104">
        <v>14891</v>
      </c>
      <c r="IV9" s="101">
        <v>2349</v>
      </c>
      <c r="IW9" s="102">
        <v>2256</v>
      </c>
      <c r="IX9" s="103">
        <v>4605</v>
      </c>
      <c r="IY9" s="413">
        <v>0</v>
      </c>
      <c r="IZ9" s="102">
        <v>4000</v>
      </c>
      <c r="JA9" s="102">
        <v>3081</v>
      </c>
      <c r="JB9" s="102">
        <v>2133</v>
      </c>
      <c r="JC9" s="102">
        <v>1795</v>
      </c>
      <c r="JD9" s="102">
        <v>1282</v>
      </c>
      <c r="JE9" s="103">
        <v>12291</v>
      </c>
      <c r="JF9" s="104">
        <v>16896</v>
      </c>
      <c r="JG9" s="101">
        <v>1312</v>
      </c>
      <c r="JH9" s="102">
        <v>1562</v>
      </c>
      <c r="JI9" s="103">
        <v>2874</v>
      </c>
      <c r="JJ9" s="413">
        <v>0</v>
      </c>
      <c r="JK9" s="102">
        <v>3359</v>
      </c>
      <c r="JL9" s="102">
        <v>3171</v>
      </c>
      <c r="JM9" s="102">
        <v>2662</v>
      </c>
      <c r="JN9" s="102">
        <v>2787</v>
      </c>
      <c r="JO9" s="102">
        <v>1704</v>
      </c>
      <c r="JP9" s="103">
        <v>13683</v>
      </c>
      <c r="JQ9" s="104">
        <v>16557</v>
      </c>
      <c r="JR9" s="101">
        <v>144</v>
      </c>
      <c r="JS9" s="102">
        <v>194</v>
      </c>
      <c r="JT9" s="103">
        <v>338</v>
      </c>
      <c r="JU9" s="413">
        <v>0</v>
      </c>
      <c r="JV9" s="102">
        <v>305</v>
      </c>
      <c r="JW9" s="102">
        <v>340</v>
      </c>
      <c r="JX9" s="102">
        <v>217</v>
      </c>
      <c r="JY9" s="102">
        <v>216</v>
      </c>
      <c r="JZ9" s="102">
        <v>227</v>
      </c>
      <c r="KA9" s="103">
        <v>1305</v>
      </c>
      <c r="KB9" s="104">
        <v>1643</v>
      </c>
      <c r="KC9" s="101">
        <v>8508</v>
      </c>
      <c r="KD9" s="102">
        <v>8319</v>
      </c>
      <c r="KE9" s="103">
        <v>16827</v>
      </c>
      <c r="KF9" s="413">
        <v>0</v>
      </c>
      <c r="KG9" s="102">
        <v>14497</v>
      </c>
      <c r="KH9" s="102">
        <v>11776</v>
      </c>
      <c r="KI9" s="102">
        <v>8436</v>
      </c>
      <c r="KJ9" s="102">
        <v>7850</v>
      </c>
      <c r="KK9" s="102">
        <v>5481</v>
      </c>
      <c r="KL9" s="103">
        <v>48040</v>
      </c>
      <c r="KM9" s="104">
        <v>64867</v>
      </c>
    </row>
    <row r="10" spans="2:299" s="70" customFormat="1" ht="21" customHeight="1" x14ac:dyDescent="0.2">
      <c r="B10" s="106" t="s">
        <v>14</v>
      </c>
      <c r="C10" s="96">
        <v>1632</v>
      </c>
      <c r="D10" s="97">
        <v>2020</v>
      </c>
      <c r="E10" s="98">
        <v>3652</v>
      </c>
      <c r="F10" s="413">
        <v>0</v>
      </c>
      <c r="G10" s="97">
        <v>2380</v>
      </c>
      <c r="H10" s="97">
        <v>2690</v>
      </c>
      <c r="I10" s="97">
        <v>1913</v>
      </c>
      <c r="J10" s="97">
        <v>1531</v>
      </c>
      <c r="K10" s="97">
        <v>907</v>
      </c>
      <c r="L10" s="99">
        <v>9421</v>
      </c>
      <c r="M10" s="100">
        <v>13073</v>
      </c>
      <c r="N10" s="101">
        <v>67</v>
      </c>
      <c r="O10" s="102">
        <v>95</v>
      </c>
      <c r="P10" s="103">
        <v>162</v>
      </c>
      <c r="Q10" s="413">
        <v>0</v>
      </c>
      <c r="R10" s="102">
        <v>96</v>
      </c>
      <c r="S10" s="102">
        <v>138</v>
      </c>
      <c r="T10" s="102">
        <v>91</v>
      </c>
      <c r="U10" s="102">
        <v>97</v>
      </c>
      <c r="V10" s="102">
        <v>69</v>
      </c>
      <c r="W10" s="103">
        <v>491</v>
      </c>
      <c r="X10" s="104">
        <v>653</v>
      </c>
      <c r="Y10" s="101">
        <v>148</v>
      </c>
      <c r="Z10" s="102">
        <v>254</v>
      </c>
      <c r="AA10" s="103">
        <v>402</v>
      </c>
      <c r="AB10" s="413">
        <v>0</v>
      </c>
      <c r="AC10" s="102">
        <v>194</v>
      </c>
      <c r="AD10" s="102">
        <v>251</v>
      </c>
      <c r="AE10" s="102">
        <v>193</v>
      </c>
      <c r="AF10" s="102">
        <v>166</v>
      </c>
      <c r="AG10" s="102">
        <v>124</v>
      </c>
      <c r="AH10" s="103">
        <v>928</v>
      </c>
      <c r="AI10" s="104">
        <v>1330</v>
      </c>
      <c r="AJ10" s="101">
        <v>254</v>
      </c>
      <c r="AK10" s="102">
        <v>365</v>
      </c>
      <c r="AL10" s="103">
        <v>619</v>
      </c>
      <c r="AM10" s="413">
        <v>0</v>
      </c>
      <c r="AN10" s="102">
        <v>376</v>
      </c>
      <c r="AO10" s="102">
        <v>450</v>
      </c>
      <c r="AP10" s="102">
        <v>308</v>
      </c>
      <c r="AQ10" s="102">
        <v>256</v>
      </c>
      <c r="AR10" s="102">
        <v>163</v>
      </c>
      <c r="AS10" s="103">
        <v>1553</v>
      </c>
      <c r="AT10" s="104">
        <v>2172</v>
      </c>
      <c r="AU10" s="101">
        <v>477</v>
      </c>
      <c r="AV10" s="102">
        <v>547</v>
      </c>
      <c r="AW10" s="103">
        <v>1024</v>
      </c>
      <c r="AX10" s="413">
        <v>0</v>
      </c>
      <c r="AY10" s="102">
        <v>671</v>
      </c>
      <c r="AZ10" s="102">
        <v>711</v>
      </c>
      <c r="BA10" s="102">
        <v>494</v>
      </c>
      <c r="BB10" s="102">
        <v>397</v>
      </c>
      <c r="BC10" s="102">
        <v>219</v>
      </c>
      <c r="BD10" s="103">
        <v>2492</v>
      </c>
      <c r="BE10" s="104">
        <v>3516</v>
      </c>
      <c r="BF10" s="101">
        <v>471</v>
      </c>
      <c r="BG10" s="102">
        <v>495</v>
      </c>
      <c r="BH10" s="103">
        <v>966</v>
      </c>
      <c r="BI10" s="413">
        <v>0</v>
      </c>
      <c r="BJ10" s="102">
        <v>654</v>
      </c>
      <c r="BK10" s="102">
        <v>675</v>
      </c>
      <c r="BL10" s="102">
        <v>477</v>
      </c>
      <c r="BM10" s="102">
        <v>340</v>
      </c>
      <c r="BN10" s="102">
        <v>202</v>
      </c>
      <c r="BO10" s="103">
        <v>2348</v>
      </c>
      <c r="BP10" s="104">
        <v>3314</v>
      </c>
      <c r="BQ10" s="101">
        <v>215</v>
      </c>
      <c r="BR10" s="102">
        <v>264</v>
      </c>
      <c r="BS10" s="103">
        <v>479</v>
      </c>
      <c r="BT10" s="413">
        <v>0</v>
      </c>
      <c r="BU10" s="102">
        <v>389</v>
      </c>
      <c r="BV10" s="102">
        <v>465</v>
      </c>
      <c r="BW10" s="102">
        <v>350</v>
      </c>
      <c r="BX10" s="102">
        <v>275</v>
      </c>
      <c r="BY10" s="102">
        <v>130</v>
      </c>
      <c r="BZ10" s="103">
        <v>1609</v>
      </c>
      <c r="CA10" s="104">
        <v>2088</v>
      </c>
      <c r="CB10" s="101">
        <v>36</v>
      </c>
      <c r="CC10" s="102">
        <v>100</v>
      </c>
      <c r="CD10" s="103">
        <v>136</v>
      </c>
      <c r="CE10" s="413">
        <v>0</v>
      </c>
      <c r="CF10" s="102">
        <v>44</v>
      </c>
      <c r="CG10" s="102">
        <v>137</v>
      </c>
      <c r="CH10" s="102">
        <v>74</v>
      </c>
      <c r="CI10" s="102">
        <v>71</v>
      </c>
      <c r="CJ10" s="102">
        <v>63</v>
      </c>
      <c r="CK10" s="103">
        <v>389</v>
      </c>
      <c r="CL10" s="104">
        <v>525</v>
      </c>
      <c r="CM10" s="101">
        <v>1668</v>
      </c>
      <c r="CN10" s="102">
        <v>2120</v>
      </c>
      <c r="CO10" s="103">
        <v>3788</v>
      </c>
      <c r="CP10" s="413">
        <v>0</v>
      </c>
      <c r="CQ10" s="102">
        <v>2424</v>
      </c>
      <c r="CR10" s="102">
        <v>2827</v>
      </c>
      <c r="CS10" s="102">
        <v>1987</v>
      </c>
      <c r="CT10" s="102">
        <v>1602</v>
      </c>
      <c r="CU10" s="102">
        <v>970</v>
      </c>
      <c r="CV10" s="103">
        <v>9810</v>
      </c>
      <c r="CW10" s="104">
        <v>13598</v>
      </c>
      <c r="CX10" s="105">
        <v>3089</v>
      </c>
      <c r="CY10" s="97">
        <v>4337</v>
      </c>
      <c r="CZ10" s="98">
        <v>7426</v>
      </c>
      <c r="DA10" s="413">
        <v>0</v>
      </c>
      <c r="DB10" s="97">
        <v>3988</v>
      </c>
      <c r="DC10" s="97">
        <v>4384</v>
      </c>
      <c r="DD10" s="97">
        <v>3336</v>
      </c>
      <c r="DE10" s="97">
        <v>3108</v>
      </c>
      <c r="DF10" s="97">
        <v>1898</v>
      </c>
      <c r="DG10" s="99">
        <v>16714</v>
      </c>
      <c r="DH10" s="100">
        <v>24140</v>
      </c>
      <c r="DI10" s="101">
        <v>70</v>
      </c>
      <c r="DJ10" s="102">
        <v>91</v>
      </c>
      <c r="DK10" s="103">
        <v>161</v>
      </c>
      <c r="DL10" s="413">
        <v>0</v>
      </c>
      <c r="DM10" s="102">
        <v>67</v>
      </c>
      <c r="DN10" s="102">
        <v>100</v>
      </c>
      <c r="DO10" s="102">
        <v>72</v>
      </c>
      <c r="DP10" s="102">
        <v>64</v>
      </c>
      <c r="DQ10" s="102">
        <v>48</v>
      </c>
      <c r="DR10" s="103">
        <v>351</v>
      </c>
      <c r="DS10" s="104">
        <v>512</v>
      </c>
      <c r="DT10" s="101">
        <v>218</v>
      </c>
      <c r="DU10" s="102">
        <v>300</v>
      </c>
      <c r="DV10" s="103">
        <v>518</v>
      </c>
      <c r="DW10" s="413">
        <v>0</v>
      </c>
      <c r="DX10" s="102">
        <v>177</v>
      </c>
      <c r="DY10" s="102">
        <v>256</v>
      </c>
      <c r="DZ10" s="102">
        <v>159</v>
      </c>
      <c r="EA10" s="102">
        <v>132</v>
      </c>
      <c r="EB10" s="102">
        <v>103</v>
      </c>
      <c r="EC10" s="103">
        <v>827</v>
      </c>
      <c r="ED10" s="104">
        <v>1345</v>
      </c>
      <c r="EE10" s="101">
        <v>541</v>
      </c>
      <c r="EF10" s="102">
        <v>700</v>
      </c>
      <c r="EG10" s="103">
        <v>1241</v>
      </c>
      <c r="EH10" s="413">
        <v>0</v>
      </c>
      <c r="EI10" s="102">
        <v>492</v>
      </c>
      <c r="EJ10" s="102">
        <v>557</v>
      </c>
      <c r="EK10" s="102">
        <v>326</v>
      </c>
      <c r="EL10" s="102">
        <v>339</v>
      </c>
      <c r="EM10" s="102">
        <v>232</v>
      </c>
      <c r="EN10" s="103">
        <v>1946</v>
      </c>
      <c r="EO10" s="104">
        <v>3187</v>
      </c>
      <c r="EP10" s="101">
        <v>1014</v>
      </c>
      <c r="EQ10" s="102">
        <v>1357</v>
      </c>
      <c r="ER10" s="103">
        <v>2371</v>
      </c>
      <c r="ES10" s="413">
        <v>0</v>
      </c>
      <c r="ET10" s="102">
        <v>1161</v>
      </c>
      <c r="EU10" s="102">
        <v>1058</v>
      </c>
      <c r="EV10" s="102">
        <v>789</v>
      </c>
      <c r="EW10" s="102">
        <v>597</v>
      </c>
      <c r="EX10" s="102">
        <v>401</v>
      </c>
      <c r="EY10" s="103">
        <v>4006</v>
      </c>
      <c r="EZ10" s="104">
        <v>6377</v>
      </c>
      <c r="FA10" s="101">
        <v>846</v>
      </c>
      <c r="FB10" s="102">
        <v>1189</v>
      </c>
      <c r="FC10" s="103">
        <v>2035</v>
      </c>
      <c r="FD10" s="413">
        <v>0</v>
      </c>
      <c r="FE10" s="102">
        <v>1165</v>
      </c>
      <c r="FF10" s="102">
        <v>1197</v>
      </c>
      <c r="FG10" s="102">
        <v>849</v>
      </c>
      <c r="FH10" s="102">
        <v>789</v>
      </c>
      <c r="FI10" s="102">
        <v>463</v>
      </c>
      <c r="FJ10" s="103">
        <v>4463</v>
      </c>
      <c r="FK10" s="104">
        <v>6498</v>
      </c>
      <c r="FL10" s="101">
        <v>400</v>
      </c>
      <c r="FM10" s="102">
        <v>700</v>
      </c>
      <c r="FN10" s="103">
        <v>1100</v>
      </c>
      <c r="FO10" s="413">
        <v>0</v>
      </c>
      <c r="FP10" s="102">
        <v>926</v>
      </c>
      <c r="FQ10" s="102">
        <v>1216</v>
      </c>
      <c r="FR10" s="102">
        <v>1141</v>
      </c>
      <c r="FS10" s="102">
        <v>1187</v>
      </c>
      <c r="FT10" s="102">
        <v>651</v>
      </c>
      <c r="FU10" s="103">
        <v>5121</v>
      </c>
      <c r="FV10" s="104">
        <v>6221</v>
      </c>
      <c r="FW10" s="101">
        <v>25</v>
      </c>
      <c r="FX10" s="102">
        <v>85</v>
      </c>
      <c r="FY10" s="103">
        <v>110</v>
      </c>
      <c r="FZ10" s="413">
        <v>0</v>
      </c>
      <c r="GA10" s="102">
        <v>53</v>
      </c>
      <c r="GB10" s="102">
        <v>83</v>
      </c>
      <c r="GC10" s="102">
        <v>62</v>
      </c>
      <c r="GD10" s="102">
        <v>53</v>
      </c>
      <c r="GE10" s="102">
        <v>57</v>
      </c>
      <c r="GF10" s="103">
        <v>308</v>
      </c>
      <c r="GG10" s="104">
        <v>418</v>
      </c>
      <c r="GH10" s="101">
        <v>3114</v>
      </c>
      <c r="GI10" s="102">
        <v>4422</v>
      </c>
      <c r="GJ10" s="103">
        <v>7536</v>
      </c>
      <c r="GK10" s="413">
        <v>0</v>
      </c>
      <c r="GL10" s="102">
        <v>4041</v>
      </c>
      <c r="GM10" s="102">
        <v>4467</v>
      </c>
      <c r="GN10" s="102">
        <v>3398</v>
      </c>
      <c r="GO10" s="102">
        <v>3161</v>
      </c>
      <c r="GP10" s="102">
        <v>1955</v>
      </c>
      <c r="GQ10" s="103">
        <v>17022</v>
      </c>
      <c r="GR10" s="104">
        <v>24558</v>
      </c>
      <c r="GS10" s="105">
        <v>4721</v>
      </c>
      <c r="GT10" s="97">
        <v>6357</v>
      </c>
      <c r="GU10" s="98">
        <v>11078</v>
      </c>
      <c r="GV10" s="413">
        <v>0</v>
      </c>
      <c r="GW10" s="97">
        <v>6368</v>
      </c>
      <c r="GX10" s="97">
        <v>7074</v>
      </c>
      <c r="GY10" s="97">
        <v>5249</v>
      </c>
      <c r="GZ10" s="97">
        <v>4639</v>
      </c>
      <c r="HA10" s="97">
        <v>2805</v>
      </c>
      <c r="HB10" s="99">
        <v>26135</v>
      </c>
      <c r="HC10" s="100">
        <v>37213</v>
      </c>
      <c r="HD10" s="101">
        <v>137</v>
      </c>
      <c r="HE10" s="102">
        <v>186</v>
      </c>
      <c r="HF10" s="103">
        <v>323</v>
      </c>
      <c r="HG10" s="416">
        <v>0</v>
      </c>
      <c r="HH10" s="102">
        <v>163</v>
      </c>
      <c r="HI10" s="102">
        <v>238</v>
      </c>
      <c r="HJ10" s="102">
        <v>163</v>
      </c>
      <c r="HK10" s="102">
        <v>161</v>
      </c>
      <c r="HL10" s="102">
        <v>117</v>
      </c>
      <c r="HM10" s="103">
        <v>842</v>
      </c>
      <c r="HN10" s="104">
        <v>1165</v>
      </c>
      <c r="HO10" s="101">
        <v>366</v>
      </c>
      <c r="HP10" s="102">
        <v>554</v>
      </c>
      <c r="HQ10" s="103">
        <v>920</v>
      </c>
      <c r="HR10" s="413">
        <v>0</v>
      </c>
      <c r="HS10" s="102">
        <v>371</v>
      </c>
      <c r="HT10" s="102">
        <v>507</v>
      </c>
      <c r="HU10" s="102">
        <v>352</v>
      </c>
      <c r="HV10" s="102">
        <v>298</v>
      </c>
      <c r="HW10" s="102">
        <v>227</v>
      </c>
      <c r="HX10" s="103">
        <v>1755</v>
      </c>
      <c r="HY10" s="104">
        <v>2675</v>
      </c>
      <c r="HZ10" s="101">
        <v>795</v>
      </c>
      <c r="IA10" s="102">
        <v>1065</v>
      </c>
      <c r="IB10" s="103">
        <v>1860</v>
      </c>
      <c r="IC10" s="413">
        <v>0</v>
      </c>
      <c r="ID10" s="102">
        <v>868</v>
      </c>
      <c r="IE10" s="102">
        <v>1007</v>
      </c>
      <c r="IF10" s="102">
        <v>634</v>
      </c>
      <c r="IG10" s="102">
        <v>595</v>
      </c>
      <c r="IH10" s="102">
        <v>395</v>
      </c>
      <c r="II10" s="103">
        <v>3499</v>
      </c>
      <c r="IJ10" s="104">
        <v>5359</v>
      </c>
      <c r="IK10" s="101">
        <v>1491</v>
      </c>
      <c r="IL10" s="102">
        <v>1904</v>
      </c>
      <c r="IM10" s="103">
        <v>3395</v>
      </c>
      <c r="IN10" s="413">
        <v>0</v>
      </c>
      <c r="IO10" s="102">
        <v>1832</v>
      </c>
      <c r="IP10" s="102">
        <v>1769</v>
      </c>
      <c r="IQ10" s="102">
        <v>1283</v>
      </c>
      <c r="IR10" s="102">
        <v>994</v>
      </c>
      <c r="IS10" s="102">
        <v>620</v>
      </c>
      <c r="IT10" s="103">
        <v>6498</v>
      </c>
      <c r="IU10" s="104">
        <v>9893</v>
      </c>
      <c r="IV10" s="101">
        <v>1317</v>
      </c>
      <c r="IW10" s="102">
        <v>1684</v>
      </c>
      <c r="IX10" s="103">
        <v>3001</v>
      </c>
      <c r="IY10" s="413">
        <v>0</v>
      </c>
      <c r="IZ10" s="102">
        <v>1819</v>
      </c>
      <c r="JA10" s="102">
        <v>1872</v>
      </c>
      <c r="JB10" s="102">
        <v>1326</v>
      </c>
      <c r="JC10" s="102">
        <v>1129</v>
      </c>
      <c r="JD10" s="102">
        <v>665</v>
      </c>
      <c r="JE10" s="103">
        <v>6811</v>
      </c>
      <c r="JF10" s="104">
        <v>9812</v>
      </c>
      <c r="JG10" s="101">
        <v>615</v>
      </c>
      <c r="JH10" s="102">
        <v>964</v>
      </c>
      <c r="JI10" s="103">
        <v>1579</v>
      </c>
      <c r="JJ10" s="413">
        <v>0</v>
      </c>
      <c r="JK10" s="102">
        <v>1315</v>
      </c>
      <c r="JL10" s="102">
        <v>1681</v>
      </c>
      <c r="JM10" s="102">
        <v>1491</v>
      </c>
      <c r="JN10" s="102">
        <v>1462</v>
      </c>
      <c r="JO10" s="102">
        <v>781</v>
      </c>
      <c r="JP10" s="103">
        <v>6730</v>
      </c>
      <c r="JQ10" s="104">
        <v>8309</v>
      </c>
      <c r="JR10" s="101">
        <v>61</v>
      </c>
      <c r="JS10" s="102">
        <v>185</v>
      </c>
      <c r="JT10" s="103">
        <v>246</v>
      </c>
      <c r="JU10" s="413">
        <v>0</v>
      </c>
      <c r="JV10" s="102">
        <v>97</v>
      </c>
      <c r="JW10" s="102">
        <v>220</v>
      </c>
      <c r="JX10" s="102">
        <v>136</v>
      </c>
      <c r="JY10" s="102">
        <v>124</v>
      </c>
      <c r="JZ10" s="102">
        <v>120</v>
      </c>
      <c r="KA10" s="103">
        <v>697</v>
      </c>
      <c r="KB10" s="104">
        <v>943</v>
      </c>
      <c r="KC10" s="101">
        <v>4782</v>
      </c>
      <c r="KD10" s="102">
        <v>6542</v>
      </c>
      <c r="KE10" s="103">
        <v>11324</v>
      </c>
      <c r="KF10" s="413">
        <v>0</v>
      </c>
      <c r="KG10" s="102">
        <v>6465</v>
      </c>
      <c r="KH10" s="102">
        <v>7294</v>
      </c>
      <c r="KI10" s="102">
        <v>5385</v>
      </c>
      <c r="KJ10" s="102">
        <v>4763</v>
      </c>
      <c r="KK10" s="102">
        <v>2925</v>
      </c>
      <c r="KL10" s="103">
        <v>26832</v>
      </c>
      <c r="KM10" s="104">
        <v>38156</v>
      </c>
    </row>
    <row r="11" spans="2:299" s="70" customFormat="1" ht="21" customHeight="1" x14ac:dyDescent="0.2">
      <c r="B11" s="106" t="s">
        <v>7</v>
      </c>
      <c r="C11" s="96">
        <v>1063</v>
      </c>
      <c r="D11" s="97">
        <v>824</v>
      </c>
      <c r="E11" s="98">
        <v>1887</v>
      </c>
      <c r="F11" s="413">
        <v>0</v>
      </c>
      <c r="G11" s="97">
        <v>2403</v>
      </c>
      <c r="H11" s="97">
        <v>1513</v>
      </c>
      <c r="I11" s="97">
        <v>915</v>
      </c>
      <c r="J11" s="97">
        <v>869</v>
      </c>
      <c r="K11" s="97">
        <v>499</v>
      </c>
      <c r="L11" s="99">
        <v>6199</v>
      </c>
      <c r="M11" s="100">
        <v>8086</v>
      </c>
      <c r="N11" s="101">
        <v>46</v>
      </c>
      <c r="O11" s="102">
        <v>26</v>
      </c>
      <c r="P11" s="103">
        <v>72</v>
      </c>
      <c r="Q11" s="413">
        <v>0</v>
      </c>
      <c r="R11" s="102">
        <v>102</v>
      </c>
      <c r="S11" s="102">
        <v>69</v>
      </c>
      <c r="T11" s="102">
        <v>30</v>
      </c>
      <c r="U11" s="102">
        <v>39</v>
      </c>
      <c r="V11" s="102">
        <v>35</v>
      </c>
      <c r="W11" s="103">
        <v>275</v>
      </c>
      <c r="X11" s="104">
        <v>347</v>
      </c>
      <c r="Y11" s="101">
        <v>65</v>
      </c>
      <c r="Z11" s="102">
        <v>76</v>
      </c>
      <c r="AA11" s="103">
        <v>141</v>
      </c>
      <c r="AB11" s="413">
        <v>0</v>
      </c>
      <c r="AC11" s="102">
        <v>215</v>
      </c>
      <c r="AD11" s="102">
        <v>145</v>
      </c>
      <c r="AE11" s="102">
        <v>77</v>
      </c>
      <c r="AF11" s="102">
        <v>87</v>
      </c>
      <c r="AG11" s="102">
        <v>61</v>
      </c>
      <c r="AH11" s="103">
        <v>585</v>
      </c>
      <c r="AI11" s="104">
        <v>726</v>
      </c>
      <c r="AJ11" s="101">
        <v>142</v>
      </c>
      <c r="AK11" s="102">
        <v>129</v>
      </c>
      <c r="AL11" s="103">
        <v>271</v>
      </c>
      <c r="AM11" s="413">
        <v>0</v>
      </c>
      <c r="AN11" s="102">
        <v>383</v>
      </c>
      <c r="AO11" s="102">
        <v>245</v>
      </c>
      <c r="AP11" s="102">
        <v>152</v>
      </c>
      <c r="AQ11" s="102">
        <v>147</v>
      </c>
      <c r="AR11" s="102">
        <v>104</v>
      </c>
      <c r="AS11" s="103">
        <v>1031</v>
      </c>
      <c r="AT11" s="104">
        <v>1302</v>
      </c>
      <c r="AU11" s="101">
        <v>319</v>
      </c>
      <c r="AV11" s="102">
        <v>221</v>
      </c>
      <c r="AW11" s="103">
        <v>540</v>
      </c>
      <c r="AX11" s="413">
        <v>0</v>
      </c>
      <c r="AY11" s="102">
        <v>627</v>
      </c>
      <c r="AZ11" s="102">
        <v>367</v>
      </c>
      <c r="BA11" s="102">
        <v>231</v>
      </c>
      <c r="BB11" s="102">
        <v>212</v>
      </c>
      <c r="BC11" s="102">
        <v>118</v>
      </c>
      <c r="BD11" s="103">
        <v>1555</v>
      </c>
      <c r="BE11" s="104">
        <v>2095</v>
      </c>
      <c r="BF11" s="101">
        <v>302</v>
      </c>
      <c r="BG11" s="102">
        <v>226</v>
      </c>
      <c r="BH11" s="103">
        <v>528</v>
      </c>
      <c r="BI11" s="413">
        <v>0</v>
      </c>
      <c r="BJ11" s="102">
        <v>637</v>
      </c>
      <c r="BK11" s="102">
        <v>373</v>
      </c>
      <c r="BL11" s="102">
        <v>234</v>
      </c>
      <c r="BM11" s="102">
        <v>216</v>
      </c>
      <c r="BN11" s="102">
        <v>96</v>
      </c>
      <c r="BO11" s="103">
        <v>1556</v>
      </c>
      <c r="BP11" s="104">
        <v>2084</v>
      </c>
      <c r="BQ11" s="101">
        <v>189</v>
      </c>
      <c r="BR11" s="102">
        <v>146</v>
      </c>
      <c r="BS11" s="103">
        <v>335</v>
      </c>
      <c r="BT11" s="413">
        <v>0</v>
      </c>
      <c r="BU11" s="102">
        <v>439</v>
      </c>
      <c r="BV11" s="102">
        <v>314</v>
      </c>
      <c r="BW11" s="102">
        <v>191</v>
      </c>
      <c r="BX11" s="102">
        <v>168</v>
      </c>
      <c r="BY11" s="102">
        <v>85</v>
      </c>
      <c r="BZ11" s="103">
        <v>1197</v>
      </c>
      <c r="CA11" s="104">
        <v>1532</v>
      </c>
      <c r="CB11" s="101">
        <v>17</v>
      </c>
      <c r="CC11" s="102">
        <v>22</v>
      </c>
      <c r="CD11" s="103">
        <v>39</v>
      </c>
      <c r="CE11" s="413">
        <v>0</v>
      </c>
      <c r="CF11" s="102">
        <v>74</v>
      </c>
      <c r="CG11" s="102">
        <v>59</v>
      </c>
      <c r="CH11" s="102">
        <v>36</v>
      </c>
      <c r="CI11" s="102">
        <v>30</v>
      </c>
      <c r="CJ11" s="102">
        <v>25</v>
      </c>
      <c r="CK11" s="103">
        <v>224</v>
      </c>
      <c r="CL11" s="104">
        <v>263</v>
      </c>
      <c r="CM11" s="101">
        <v>1080</v>
      </c>
      <c r="CN11" s="102">
        <v>846</v>
      </c>
      <c r="CO11" s="103">
        <v>1926</v>
      </c>
      <c r="CP11" s="413">
        <v>0</v>
      </c>
      <c r="CQ11" s="102">
        <v>2477</v>
      </c>
      <c r="CR11" s="102">
        <v>1572</v>
      </c>
      <c r="CS11" s="102">
        <v>951</v>
      </c>
      <c r="CT11" s="102">
        <v>899</v>
      </c>
      <c r="CU11" s="102">
        <v>524</v>
      </c>
      <c r="CV11" s="103">
        <v>6423</v>
      </c>
      <c r="CW11" s="104">
        <v>8349</v>
      </c>
      <c r="CX11" s="105">
        <v>2039</v>
      </c>
      <c r="CY11" s="97">
        <v>2203</v>
      </c>
      <c r="CZ11" s="98">
        <v>4242</v>
      </c>
      <c r="DA11" s="413">
        <v>0</v>
      </c>
      <c r="DB11" s="97">
        <v>4361</v>
      </c>
      <c r="DC11" s="97">
        <v>2619</v>
      </c>
      <c r="DD11" s="97">
        <v>2045</v>
      </c>
      <c r="DE11" s="97">
        <v>2057</v>
      </c>
      <c r="DF11" s="97">
        <v>1177</v>
      </c>
      <c r="DG11" s="99">
        <v>12259</v>
      </c>
      <c r="DH11" s="100">
        <v>16501</v>
      </c>
      <c r="DI11" s="101">
        <v>33</v>
      </c>
      <c r="DJ11" s="102">
        <v>34</v>
      </c>
      <c r="DK11" s="103">
        <v>67</v>
      </c>
      <c r="DL11" s="413">
        <v>0</v>
      </c>
      <c r="DM11" s="102">
        <v>90</v>
      </c>
      <c r="DN11" s="102">
        <v>54</v>
      </c>
      <c r="DO11" s="102">
        <v>34</v>
      </c>
      <c r="DP11" s="102">
        <v>25</v>
      </c>
      <c r="DQ11" s="102">
        <v>40</v>
      </c>
      <c r="DR11" s="103">
        <v>243</v>
      </c>
      <c r="DS11" s="104">
        <v>310</v>
      </c>
      <c r="DT11" s="101">
        <v>110</v>
      </c>
      <c r="DU11" s="102">
        <v>108</v>
      </c>
      <c r="DV11" s="103">
        <v>218</v>
      </c>
      <c r="DW11" s="413">
        <v>0</v>
      </c>
      <c r="DX11" s="102">
        <v>217</v>
      </c>
      <c r="DY11" s="102">
        <v>113</v>
      </c>
      <c r="DZ11" s="102">
        <v>73</v>
      </c>
      <c r="EA11" s="102">
        <v>89</v>
      </c>
      <c r="EB11" s="102">
        <v>48</v>
      </c>
      <c r="EC11" s="103">
        <v>540</v>
      </c>
      <c r="ED11" s="104">
        <v>758</v>
      </c>
      <c r="EE11" s="101">
        <v>319</v>
      </c>
      <c r="EF11" s="102">
        <v>311</v>
      </c>
      <c r="EG11" s="103">
        <v>630</v>
      </c>
      <c r="EH11" s="413">
        <v>0</v>
      </c>
      <c r="EI11" s="102">
        <v>493</v>
      </c>
      <c r="EJ11" s="102">
        <v>278</v>
      </c>
      <c r="EK11" s="102">
        <v>182</v>
      </c>
      <c r="EL11" s="102">
        <v>194</v>
      </c>
      <c r="EM11" s="102">
        <v>129</v>
      </c>
      <c r="EN11" s="103">
        <v>1276</v>
      </c>
      <c r="EO11" s="104">
        <v>1906</v>
      </c>
      <c r="EP11" s="101">
        <v>599</v>
      </c>
      <c r="EQ11" s="102">
        <v>634</v>
      </c>
      <c r="ER11" s="103">
        <v>1233</v>
      </c>
      <c r="ES11" s="413">
        <v>0</v>
      </c>
      <c r="ET11" s="102">
        <v>1041</v>
      </c>
      <c r="EU11" s="102">
        <v>586</v>
      </c>
      <c r="EV11" s="102">
        <v>378</v>
      </c>
      <c r="EW11" s="102">
        <v>384</v>
      </c>
      <c r="EX11" s="102">
        <v>234</v>
      </c>
      <c r="EY11" s="103">
        <v>2623</v>
      </c>
      <c r="EZ11" s="104">
        <v>3856</v>
      </c>
      <c r="FA11" s="101">
        <v>625</v>
      </c>
      <c r="FB11" s="102">
        <v>685</v>
      </c>
      <c r="FC11" s="103">
        <v>1310</v>
      </c>
      <c r="FD11" s="413">
        <v>0</v>
      </c>
      <c r="FE11" s="102">
        <v>1282</v>
      </c>
      <c r="FF11" s="102">
        <v>720</v>
      </c>
      <c r="FG11" s="102">
        <v>540</v>
      </c>
      <c r="FH11" s="102">
        <v>496</v>
      </c>
      <c r="FI11" s="102">
        <v>275</v>
      </c>
      <c r="FJ11" s="103">
        <v>3313</v>
      </c>
      <c r="FK11" s="104">
        <v>4623</v>
      </c>
      <c r="FL11" s="101">
        <v>353</v>
      </c>
      <c r="FM11" s="102">
        <v>431</v>
      </c>
      <c r="FN11" s="103">
        <v>784</v>
      </c>
      <c r="FO11" s="413">
        <v>0</v>
      </c>
      <c r="FP11" s="102">
        <v>1238</v>
      </c>
      <c r="FQ11" s="102">
        <v>868</v>
      </c>
      <c r="FR11" s="102">
        <v>838</v>
      </c>
      <c r="FS11" s="102">
        <v>869</v>
      </c>
      <c r="FT11" s="102">
        <v>451</v>
      </c>
      <c r="FU11" s="103">
        <v>4264</v>
      </c>
      <c r="FV11" s="104">
        <v>5048</v>
      </c>
      <c r="FW11" s="101">
        <v>11</v>
      </c>
      <c r="FX11" s="102">
        <v>23</v>
      </c>
      <c r="FY11" s="103">
        <v>34</v>
      </c>
      <c r="FZ11" s="413">
        <v>0</v>
      </c>
      <c r="GA11" s="102">
        <v>63</v>
      </c>
      <c r="GB11" s="102">
        <v>47</v>
      </c>
      <c r="GC11" s="102">
        <v>31</v>
      </c>
      <c r="GD11" s="102">
        <v>32</v>
      </c>
      <c r="GE11" s="102">
        <v>20</v>
      </c>
      <c r="GF11" s="103">
        <v>193</v>
      </c>
      <c r="GG11" s="104">
        <v>227</v>
      </c>
      <c r="GH11" s="101">
        <v>2050</v>
      </c>
      <c r="GI11" s="102">
        <v>2226</v>
      </c>
      <c r="GJ11" s="103">
        <v>4276</v>
      </c>
      <c r="GK11" s="413">
        <v>0</v>
      </c>
      <c r="GL11" s="102">
        <v>4424</v>
      </c>
      <c r="GM11" s="102">
        <v>2666</v>
      </c>
      <c r="GN11" s="102">
        <v>2076</v>
      </c>
      <c r="GO11" s="102">
        <v>2089</v>
      </c>
      <c r="GP11" s="102">
        <v>1197</v>
      </c>
      <c r="GQ11" s="103">
        <v>12452</v>
      </c>
      <c r="GR11" s="104">
        <v>16728</v>
      </c>
      <c r="GS11" s="105">
        <v>3102</v>
      </c>
      <c r="GT11" s="97">
        <v>3027</v>
      </c>
      <c r="GU11" s="98">
        <v>6129</v>
      </c>
      <c r="GV11" s="413">
        <v>0</v>
      </c>
      <c r="GW11" s="97">
        <v>6764</v>
      </c>
      <c r="GX11" s="97">
        <v>4132</v>
      </c>
      <c r="GY11" s="97">
        <v>2960</v>
      </c>
      <c r="GZ11" s="97">
        <v>2926</v>
      </c>
      <c r="HA11" s="97">
        <v>1676</v>
      </c>
      <c r="HB11" s="99">
        <v>18458</v>
      </c>
      <c r="HC11" s="100">
        <v>24587</v>
      </c>
      <c r="HD11" s="101">
        <v>79</v>
      </c>
      <c r="HE11" s="102">
        <v>60</v>
      </c>
      <c r="HF11" s="103">
        <v>139</v>
      </c>
      <c r="HG11" s="416">
        <v>0</v>
      </c>
      <c r="HH11" s="102">
        <v>192</v>
      </c>
      <c r="HI11" s="102">
        <v>123</v>
      </c>
      <c r="HJ11" s="102">
        <v>64</v>
      </c>
      <c r="HK11" s="102">
        <v>64</v>
      </c>
      <c r="HL11" s="102">
        <v>75</v>
      </c>
      <c r="HM11" s="103">
        <v>518</v>
      </c>
      <c r="HN11" s="104">
        <v>657</v>
      </c>
      <c r="HO11" s="101">
        <v>175</v>
      </c>
      <c r="HP11" s="102">
        <v>184</v>
      </c>
      <c r="HQ11" s="103">
        <v>359</v>
      </c>
      <c r="HR11" s="413">
        <v>0</v>
      </c>
      <c r="HS11" s="102">
        <v>432</v>
      </c>
      <c r="HT11" s="102">
        <v>258</v>
      </c>
      <c r="HU11" s="102">
        <v>150</v>
      </c>
      <c r="HV11" s="102">
        <v>176</v>
      </c>
      <c r="HW11" s="102">
        <v>109</v>
      </c>
      <c r="HX11" s="103">
        <v>1125</v>
      </c>
      <c r="HY11" s="104">
        <v>1484</v>
      </c>
      <c r="HZ11" s="101">
        <v>461</v>
      </c>
      <c r="IA11" s="102">
        <v>440</v>
      </c>
      <c r="IB11" s="103">
        <v>901</v>
      </c>
      <c r="IC11" s="413">
        <v>0</v>
      </c>
      <c r="ID11" s="102">
        <v>876</v>
      </c>
      <c r="IE11" s="102">
        <v>523</v>
      </c>
      <c r="IF11" s="102">
        <v>334</v>
      </c>
      <c r="IG11" s="102">
        <v>341</v>
      </c>
      <c r="IH11" s="102">
        <v>233</v>
      </c>
      <c r="II11" s="103">
        <v>2307</v>
      </c>
      <c r="IJ11" s="104">
        <v>3208</v>
      </c>
      <c r="IK11" s="101">
        <v>918</v>
      </c>
      <c r="IL11" s="102">
        <v>855</v>
      </c>
      <c r="IM11" s="103">
        <v>1773</v>
      </c>
      <c r="IN11" s="413">
        <v>0</v>
      </c>
      <c r="IO11" s="102">
        <v>1668</v>
      </c>
      <c r="IP11" s="102">
        <v>953</v>
      </c>
      <c r="IQ11" s="102">
        <v>609</v>
      </c>
      <c r="IR11" s="102">
        <v>596</v>
      </c>
      <c r="IS11" s="102">
        <v>352</v>
      </c>
      <c r="IT11" s="103">
        <v>4178</v>
      </c>
      <c r="IU11" s="104">
        <v>5951</v>
      </c>
      <c r="IV11" s="101">
        <v>927</v>
      </c>
      <c r="IW11" s="102">
        <v>911</v>
      </c>
      <c r="IX11" s="103">
        <v>1838</v>
      </c>
      <c r="IY11" s="413">
        <v>0</v>
      </c>
      <c r="IZ11" s="102">
        <v>1919</v>
      </c>
      <c r="JA11" s="102">
        <v>1093</v>
      </c>
      <c r="JB11" s="102">
        <v>774</v>
      </c>
      <c r="JC11" s="102">
        <v>712</v>
      </c>
      <c r="JD11" s="102">
        <v>371</v>
      </c>
      <c r="JE11" s="103">
        <v>4869</v>
      </c>
      <c r="JF11" s="104">
        <v>6707</v>
      </c>
      <c r="JG11" s="101">
        <v>542</v>
      </c>
      <c r="JH11" s="102">
        <v>577</v>
      </c>
      <c r="JI11" s="103">
        <v>1119</v>
      </c>
      <c r="JJ11" s="413">
        <v>0</v>
      </c>
      <c r="JK11" s="102">
        <v>1677</v>
      </c>
      <c r="JL11" s="102">
        <v>1182</v>
      </c>
      <c r="JM11" s="102">
        <v>1029</v>
      </c>
      <c r="JN11" s="102">
        <v>1037</v>
      </c>
      <c r="JO11" s="102">
        <v>536</v>
      </c>
      <c r="JP11" s="103">
        <v>5461</v>
      </c>
      <c r="JQ11" s="104">
        <v>6580</v>
      </c>
      <c r="JR11" s="101">
        <v>28</v>
      </c>
      <c r="JS11" s="102">
        <v>45</v>
      </c>
      <c r="JT11" s="103">
        <v>73</v>
      </c>
      <c r="JU11" s="413">
        <v>0</v>
      </c>
      <c r="JV11" s="102">
        <v>137</v>
      </c>
      <c r="JW11" s="102">
        <v>106</v>
      </c>
      <c r="JX11" s="102">
        <v>67</v>
      </c>
      <c r="JY11" s="102">
        <v>62</v>
      </c>
      <c r="JZ11" s="102">
        <v>45</v>
      </c>
      <c r="KA11" s="103">
        <v>417</v>
      </c>
      <c r="KB11" s="104">
        <v>490</v>
      </c>
      <c r="KC11" s="101">
        <v>3130</v>
      </c>
      <c r="KD11" s="102">
        <v>3072</v>
      </c>
      <c r="KE11" s="103">
        <v>6202</v>
      </c>
      <c r="KF11" s="413">
        <v>0</v>
      </c>
      <c r="KG11" s="102">
        <v>6901</v>
      </c>
      <c r="KH11" s="102">
        <v>4238</v>
      </c>
      <c r="KI11" s="102">
        <v>3027</v>
      </c>
      <c r="KJ11" s="102">
        <v>2988</v>
      </c>
      <c r="KK11" s="102">
        <v>1721</v>
      </c>
      <c r="KL11" s="103">
        <v>18875</v>
      </c>
      <c r="KM11" s="104">
        <v>25077</v>
      </c>
    </row>
    <row r="12" spans="2:299" s="70" customFormat="1" ht="21" customHeight="1" x14ac:dyDescent="0.2">
      <c r="B12" s="106" t="s">
        <v>8</v>
      </c>
      <c r="C12" s="96">
        <v>557</v>
      </c>
      <c r="D12" s="97">
        <v>392</v>
      </c>
      <c r="E12" s="98">
        <v>949</v>
      </c>
      <c r="F12" s="413">
        <v>0</v>
      </c>
      <c r="G12" s="97">
        <v>1052</v>
      </c>
      <c r="H12" s="97">
        <v>955</v>
      </c>
      <c r="I12" s="97">
        <v>648</v>
      </c>
      <c r="J12" s="97">
        <v>513</v>
      </c>
      <c r="K12" s="97">
        <v>299</v>
      </c>
      <c r="L12" s="99">
        <v>3467</v>
      </c>
      <c r="M12" s="100">
        <v>4416</v>
      </c>
      <c r="N12" s="101">
        <v>14</v>
      </c>
      <c r="O12" s="102">
        <v>27</v>
      </c>
      <c r="P12" s="103">
        <v>41</v>
      </c>
      <c r="Q12" s="413">
        <v>0</v>
      </c>
      <c r="R12" s="102">
        <v>45</v>
      </c>
      <c r="S12" s="102">
        <v>49</v>
      </c>
      <c r="T12" s="102">
        <v>33</v>
      </c>
      <c r="U12" s="102">
        <v>30</v>
      </c>
      <c r="V12" s="102">
        <v>23</v>
      </c>
      <c r="W12" s="103">
        <v>180</v>
      </c>
      <c r="X12" s="104">
        <v>221</v>
      </c>
      <c r="Y12" s="101">
        <v>49</v>
      </c>
      <c r="Z12" s="102">
        <v>46</v>
      </c>
      <c r="AA12" s="103">
        <v>95</v>
      </c>
      <c r="AB12" s="413">
        <v>0</v>
      </c>
      <c r="AC12" s="102">
        <v>100</v>
      </c>
      <c r="AD12" s="102">
        <v>91</v>
      </c>
      <c r="AE12" s="102">
        <v>61</v>
      </c>
      <c r="AF12" s="102">
        <v>63</v>
      </c>
      <c r="AG12" s="102">
        <v>50</v>
      </c>
      <c r="AH12" s="103">
        <v>365</v>
      </c>
      <c r="AI12" s="104">
        <v>460</v>
      </c>
      <c r="AJ12" s="101">
        <v>106</v>
      </c>
      <c r="AK12" s="102">
        <v>63</v>
      </c>
      <c r="AL12" s="103">
        <v>169</v>
      </c>
      <c r="AM12" s="413">
        <v>0</v>
      </c>
      <c r="AN12" s="102">
        <v>194</v>
      </c>
      <c r="AO12" s="102">
        <v>181</v>
      </c>
      <c r="AP12" s="102">
        <v>107</v>
      </c>
      <c r="AQ12" s="102">
        <v>82</v>
      </c>
      <c r="AR12" s="102">
        <v>50</v>
      </c>
      <c r="AS12" s="103">
        <v>614</v>
      </c>
      <c r="AT12" s="104">
        <v>783</v>
      </c>
      <c r="AU12" s="101">
        <v>148</v>
      </c>
      <c r="AV12" s="102">
        <v>94</v>
      </c>
      <c r="AW12" s="103">
        <v>242</v>
      </c>
      <c r="AX12" s="413">
        <v>0</v>
      </c>
      <c r="AY12" s="102">
        <v>281</v>
      </c>
      <c r="AZ12" s="102">
        <v>253</v>
      </c>
      <c r="BA12" s="102">
        <v>140</v>
      </c>
      <c r="BB12" s="102">
        <v>127</v>
      </c>
      <c r="BC12" s="102">
        <v>68</v>
      </c>
      <c r="BD12" s="103">
        <v>869</v>
      </c>
      <c r="BE12" s="104">
        <v>1111</v>
      </c>
      <c r="BF12" s="101">
        <v>150</v>
      </c>
      <c r="BG12" s="102">
        <v>92</v>
      </c>
      <c r="BH12" s="103">
        <v>242</v>
      </c>
      <c r="BI12" s="413">
        <v>0</v>
      </c>
      <c r="BJ12" s="102">
        <v>258</v>
      </c>
      <c r="BK12" s="102">
        <v>214</v>
      </c>
      <c r="BL12" s="102">
        <v>172</v>
      </c>
      <c r="BM12" s="102">
        <v>112</v>
      </c>
      <c r="BN12" s="102">
        <v>62</v>
      </c>
      <c r="BO12" s="103">
        <v>818</v>
      </c>
      <c r="BP12" s="104">
        <v>1060</v>
      </c>
      <c r="BQ12" s="101">
        <v>90</v>
      </c>
      <c r="BR12" s="102">
        <v>70</v>
      </c>
      <c r="BS12" s="103">
        <v>160</v>
      </c>
      <c r="BT12" s="413">
        <v>0</v>
      </c>
      <c r="BU12" s="102">
        <v>174</v>
      </c>
      <c r="BV12" s="102">
        <v>167</v>
      </c>
      <c r="BW12" s="102">
        <v>135</v>
      </c>
      <c r="BX12" s="102">
        <v>99</v>
      </c>
      <c r="BY12" s="102">
        <v>46</v>
      </c>
      <c r="BZ12" s="103">
        <v>621</v>
      </c>
      <c r="CA12" s="104">
        <v>781</v>
      </c>
      <c r="CB12" s="101">
        <v>14</v>
      </c>
      <c r="CC12" s="102">
        <v>19</v>
      </c>
      <c r="CD12" s="103">
        <v>33</v>
      </c>
      <c r="CE12" s="413">
        <v>0</v>
      </c>
      <c r="CF12" s="102">
        <v>31</v>
      </c>
      <c r="CG12" s="102">
        <v>50</v>
      </c>
      <c r="CH12" s="102">
        <v>27</v>
      </c>
      <c r="CI12" s="102">
        <v>22</v>
      </c>
      <c r="CJ12" s="102">
        <v>16</v>
      </c>
      <c r="CK12" s="103">
        <v>146</v>
      </c>
      <c r="CL12" s="104">
        <v>179</v>
      </c>
      <c r="CM12" s="101">
        <v>571</v>
      </c>
      <c r="CN12" s="102">
        <v>411</v>
      </c>
      <c r="CO12" s="103">
        <v>982</v>
      </c>
      <c r="CP12" s="413">
        <v>0</v>
      </c>
      <c r="CQ12" s="102">
        <v>1083</v>
      </c>
      <c r="CR12" s="102">
        <v>1005</v>
      </c>
      <c r="CS12" s="102">
        <v>675</v>
      </c>
      <c r="CT12" s="102">
        <v>535</v>
      </c>
      <c r="CU12" s="102">
        <v>315</v>
      </c>
      <c r="CV12" s="103">
        <v>3613</v>
      </c>
      <c r="CW12" s="104">
        <v>4595</v>
      </c>
      <c r="CX12" s="105">
        <v>1176</v>
      </c>
      <c r="CY12" s="97">
        <v>1014</v>
      </c>
      <c r="CZ12" s="98">
        <v>2190</v>
      </c>
      <c r="DA12" s="413">
        <v>0</v>
      </c>
      <c r="DB12" s="97">
        <v>1838</v>
      </c>
      <c r="DC12" s="97">
        <v>1622</v>
      </c>
      <c r="DD12" s="97">
        <v>1329</v>
      </c>
      <c r="DE12" s="97">
        <v>1143</v>
      </c>
      <c r="DF12" s="97">
        <v>710</v>
      </c>
      <c r="DG12" s="99">
        <v>6642</v>
      </c>
      <c r="DH12" s="100">
        <v>8832</v>
      </c>
      <c r="DI12" s="101">
        <v>29</v>
      </c>
      <c r="DJ12" s="102">
        <v>26</v>
      </c>
      <c r="DK12" s="103">
        <v>55</v>
      </c>
      <c r="DL12" s="413">
        <v>0</v>
      </c>
      <c r="DM12" s="102">
        <v>38</v>
      </c>
      <c r="DN12" s="102">
        <v>37</v>
      </c>
      <c r="DO12" s="102">
        <v>13</v>
      </c>
      <c r="DP12" s="102">
        <v>26</v>
      </c>
      <c r="DQ12" s="102">
        <v>16</v>
      </c>
      <c r="DR12" s="103">
        <v>130</v>
      </c>
      <c r="DS12" s="104">
        <v>185</v>
      </c>
      <c r="DT12" s="101">
        <v>72</v>
      </c>
      <c r="DU12" s="102">
        <v>58</v>
      </c>
      <c r="DV12" s="103">
        <v>130</v>
      </c>
      <c r="DW12" s="413">
        <v>0</v>
      </c>
      <c r="DX12" s="102">
        <v>96</v>
      </c>
      <c r="DY12" s="102">
        <v>82</v>
      </c>
      <c r="DZ12" s="102">
        <v>50</v>
      </c>
      <c r="EA12" s="102">
        <v>56</v>
      </c>
      <c r="EB12" s="102">
        <v>43</v>
      </c>
      <c r="EC12" s="103">
        <v>327</v>
      </c>
      <c r="ED12" s="104">
        <v>457</v>
      </c>
      <c r="EE12" s="101">
        <v>161</v>
      </c>
      <c r="EF12" s="102">
        <v>151</v>
      </c>
      <c r="EG12" s="103">
        <v>312</v>
      </c>
      <c r="EH12" s="413">
        <v>0</v>
      </c>
      <c r="EI12" s="102">
        <v>217</v>
      </c>
      <c r="EJ12" s="102">
        <v>159</v>
      </c>
      <c r="EK12" s="102">
        <v>127</v>
      </c>
      <c r="EL12" s="102">
        <v>104</v>
      </c>
      <c r="EM12" s="102">
        <v>68</v>
      </c>
      <c r="EN12" s="103">
        <v>675</v>
      </c>
      <c r="EO12" s="104">
        <v>987</v>
      </c>
      <c r="EP12" s="101">
        <v>383</v>
      </c>
      <c r="EQ12" s="102">
        <v>297</v>
      </c>
      <c r="ER12" s="103">
        <v>680</v>
      </c>
      <c r="ES12" s="413">
        <v>0</v>
      </c>
      <c r="ET12" s="102">
        <v>494</v>
      </c>
      <c r="EU12" s="102">
        <v>338</v>
      </c>
      <c r="EV12" s="102">
        <v>256</v>
      </c>
      <c r="EW12" s="102">
        <v>221</v>
      </c>
      <c r="EX12" s="102">
        <v>139</v>
      </c>
      <c r="EY12" s="103">
        <v>1448</v>
      </c>
      <c r="EZ12" s="104">
        <v>2128</v>
      </c>
      <c r="FA12" s="101">
        <v>347</v>
      </c>
      <c r="FB12" s="102">
        <v>280</v>
      </c>
      <c r="FC12" s="103">
        <v>627</v>
      </c>
      <c r="FD12" s="413">
        <v>0</v>
      </c>
      <c r="FE12" s="102">
        <v>536</v>
      </c>
      <c r="FF12" s="102">
        <v>455</v>
      </c>
      <c r="FG12" s="102">
        <v>363</v>
      </c>
      <c r="FH12" s="102">
        <v>274</v>
      </c>
      <c r="FI12" s="102">
        <v>171</v>
      </c>
      <c r="FJ12" s="103">
        <v>1799</v>
      </c>
      <c r="FK12" s="104">
        <v>2426</v>
      </c>
      <c r="FL12" s="101">
        <v>184</v>
      </c>
      <c r="FM12" s="102">
        <v>202</v>
      </c>
      <c r="FN12" s="103">
        <v>386</v>
      </c>
      <c r="FO12" s="413">
        <v>0</v>
      </c>
      <c r="FP12" s="102">
        <v>457</v>
      </c>
      <c r="FQ12" s="102">
        <v>551</v>
      </c>
      <c r="FR12" s="102">
        <v>520</v>
      </c>
      <c r="FS12" s="102">
        <v>462</v>
      </c>
      <c r="FT12" s="102">
        <v>273</v>
      </c>
      <c r="FU12" s="103">
        <v>2263</v>
      </c>
      <c r="FV12" s="104">
        <v>2649</v>
      </c>
      <c r="FW12" s="101">
        <v>8</v>
      </c>
      <c r="FX12" s="102">
        <v>16</v>
      </c>
      <c r="FY12" s="103">
        <v>24</v>
      </c>
      <c r="FZ12" s="413">
        <v>0</v>
      </c>
      <c r="GA12" s="102">
        <v>29</v>
      </c>
      <c r="GB12" s="102">
        <v>37</v>
      </c>
      <c r="GC12" s="102">
        <v>17</v>
      </c>
      <c r="GD12" s="102">
        <v>16</v>
      </c>
      <c r="GE12" s="102">
        <v>15</v>
      </c>
      <c r="GF12" s="103">
        <v>114</v>
      </c>
      <c r="GG12" s="104">
        <v>138</v>
      </c>
      <c r="GH12" s="101">
        <v>1184</v>
      </c>
      <c r="GI12" s="102">
        <v>1030</v>
      </c>
      <c r="GJ12" s="103">
        <v>2214</v>
      </c>
      <c r="GK12" s="413">
        <v>0</v>
      </c>
      <c r="GL12" s="102">
        <v>1867</v>
      </c>
      <c r="GM12" s="102">
        <v>1659</v>
      </c>
      <c r="GN12" s="102">
        <v>1346</v>
      </c>
      <c r="GO12" s="102">
        <v>1159</v>
      </c>
      <c r="GP12" s="102">
        <v>725</v>
      </c>
      <c r="GQ12" s="103">
        <v>6756</v>
      </c>
      <c r="GR12" s="104">
        <v>8970</v>
      </c>
      <c r="GS12" s="105">
        <v>1733</v>
      </c>
      <c r="GT12" s="97">
        <v>1406</v>
      </c>
      <c r="GU12" s="98">
        <v>3139</v>
      </c>
      <c r="GV12" s="413">
        <v>0</v>
      </c>
      <c r="GW12" s="97">
        <v>2890</v>
      </c>
      <c r="GX12" s="97">
        <v>2577</v>
      </c>
      <c r="GY12" s="97">
        <v>1977</v>
      </c>
      <c r="GZ12" s="97">
        <v>1656</v>
      </c>
      <c r="HA12" s="97">
        <v>1009</v>
      </c>
      <c r="HB12" s="99">
        <v>10109</v>
      </c>
      <c r="HC12" s="100">
        <v>13248</v>
      </c>
      <c r="HD12" s="101">
        <v>43</v>
      </c>
      <c r="HE12" s="102">
        <v>53</v>
      </c>
      <c r="HF12" s="103">
        <v>96</v>
      </c>
      <c r="HG12" s="416">
        <v>0</v>
      </c>
      <c r="HH12" s="102">
        <v>83</v>
      </c>
      <c r="HI12" s="102">
        <v>86</v>
      </c>
      <c r="HJ12" s="102">
        <v>46</v>
      </c>
      <c r="HK12" s="102">
        <v>56</v>
      </c>
      <c r="HL12" s="102">
        <v>39</v>
      </c>
      <c r="HM12" s="103">
        <v>310</v>
      </c>
      <c r="HN12" s="104">
        <v>406</v>
      </c>
      <c r="HO12" s="101">
        <v>121</v>
      </c>
      <c r="HP12" s="102">
        <v>104</v>
      </c>
      <c r="HQ12" s="103">
        <v>225</v>
      </c>
      <c r="HR12" s="413">
        <v>0</v>
      </c>
      <c r="HS12" s="102">
        <v>196</v>
      </c>
      <c r="HT12" s="102">
        <v>173</v>
      </c>
      <c r="HU12" s="102">
        <v>111</v>
      </c>
      <c r="HV12" s="102">
        <v>119</v>
      </c>
      <c r="HW12" s="102">
        <v>93</v>
      </c>
      <c r="HX12" s="103">
        <v>692</v>
      </c>
      <c r="HY12" s="104">
        <v>917</v>
      </c>
      <c r="HZ12" s="101">
        <v>267</v>
      </c>
      <c r="IA12" s="102">
        <v>214</v>
      </c>
      <c r="IB12" s="103">
        <v>481</v>
      </c>
      <c r="IC12" s="413">
        <v>0</v>
      </c>
      <c r="ID12" s="102">
        <v>411</v>
      </c>
      <c r="IE12" s="102">
        <v>340</v>
      </c>
      <c r="IF12" s="102">
        <v>234</v>
      </c>
      <c r="IG12" s="102">
        <v>186</v>
      </c>
      <c r="IH12" s="102">
        <v>118</v>
      </c>
      <c r="II12" s="103">
        <v>1289</v>
      </c>
      <c r="IJ12" s="104">
        <v>1770</v>
      </c>
      <c r="IK12" s="101">
        <v>531</v>
      </c>
      <c r="IL12" s="102">
        <v>391</v>
      </c>
      <c r="IM12" s="103">
        <v>922</v>
      </c>
      <c r="IN12" s="413">
        <v>0</v>
      </c>
      <c r="IO12" s="102">
        <v>775</v>
      </c>
      <c r="IP12" s="102">
        <v>591</v>
      </c>
      <c r="IQ12" s="102">
        <v>396</v>
      </c>
      <c r="IR12" s="102">
        <v>348</v>
      </c>
      <c r="IS12" s="102">
        <v>207</v>
      </c>
      <c r="IT12" s="103">
        <v>2317</v>
      </c>
      <c r="IU12" s="104">
        <v>3239</v>
      </c>
      <c r="IV12" s="101">
        <v>497</v>
      </c>
      <c r="IW12" s="102">
        <v>372</v>
      </c>
      <c r="IX12" s="103">
        <v>869</v>
      </c>
      <c r="IY12" s="413">
        <v>0</v>
      </c>
      <c r="IZ12" s="102">
        <v>794</v>
      </c>
      <c r="JA12" s="102">
        <v>669</v>
      </c>
      <c r="JB12" s="102">
        <v>535</v>
      </c>
      <c r="JC12" s="102">
        <v>386</v>
      </c>
      <c r="JD12" s="102">
        <v>233</v>
      </c>
      <c r="JE12" s="103">
        <v>2617</v>
      </c>
      <c r="JF12" s="104">
        <v>3486</v>
      </c>
      <c r="JG12" s="101">
        <v>274</v>
      </c>
      <c r="JH12" s="102">
        <v>272</v>
      </c>
      <c r="JI12" s="103">
        <v>546</v>
      </c>
      <c r="JJ12" s="413">
        <v>0</v>
      </c>
      <c r="JK12" s="102">
        <v>631</v>
      </c>
      <c r="JL12" s="102">
        <v>718</v>
      </c>
      <c r="JM12" s="102">
        <v>655</v>
      </c>
      <c r="JN12" s="102">
        <v>561</v>
      </c>
      <c r="JO12" s="102">
        <v>319</v>
      </c>
      <c r="JP12" s="103">
        <v>2884</v>
      </c>
      <c r="JQ12" s="104">
        <v>3430</v>
      </c>
      <c r="JR12" s="101">
        <v>22</v>
      </c>
      <c r="JS12" s="102">
        <v>35</v>
      </c>
      <c r="JT12" s="103">
        <v>57</v>
      </c>
      <c r="JU12" s="413">
        <v>0</v>
      </c>
      <c r="JV12" s="102">
        <v>60</v>
      </c>
      <c r="JW12" s="102">
        <v>87</v>
      </c>
      <c r="JX12" s="102">
        <v>44</v>
      </c>
      <c r="JY12" s="102">
        <v>38</v>
      </c>
      <c r="JZ12" s="102">
        <v>31</v>
      </c>
      <c r="KA12" s="103">
        <v>260</v>
      </c>
      <c r="KB12" s="104">
        <v>317</v>
      </c>
      <c r="KC12" s="101">
        <v>1755</v>
      </c>
      <c r="KD12" s="102">
        <v>1441</v>
      </c>
      <c r="KE12" s="103">
        <v>3196</v>
      </c>
      <c r="KF12" s="413">
        <v>0</v>
      </c>
      <c r="KG12" s="102">
        <v>2950</v>
      </c>
      <c r="KH12" s="102">
        <v>2664</v>
      </c>
      <c r="KI12" s="102">
        <v>2021</v>
      </c>
      <c r="KJ12" s="102">
        <v>1694</v>
      </c>
      <c r="KK12" s="102">
        <v>1040</v>
      </c>
      <c r="KL12" s="103">
        <v>10369</v>
      </c>
      <c r="KM12" s="104">
        <v>13565</v>
      </c>
    </row>
    <row r="13" spans="2:299" s="70" customFormat="1" ht="21" customHeight="1" x14ac:dyDescent="0.2">
      <c r="B13" s="106" t="s">
        <v>9</v>
      </c>
      <c r="C13" s="96">
        <v>733</v>
      </c>
      <c r="D13" s="97">
        <v>388</v>
      </c>
      <c r="E13" s="98">
        <v>1121</v>
      </c>
      <c r="F13" s="413">
        <v>0</v>
      </c>
      <c r="G13" s="97">
        <v>891</v>
      </c>
      <c r="H13" s="97">
        <v>588</v>
      </c>
      <c r="I13" s="97">
        <v>474</v>
      </c>
      <c r="J13" s="97">
        <v>379</v>
      </c>
      <c r="K13" s="97">
        <v>234</v>
      </c>
      <c r="L13" s="99">
        <v>2566</v>
      </c>
      <c r="M13" s="100">
        <v>3687</v>
      </c>
      <c r="N13" s="101">
        <v>18</v>
      </c>
      <c r="O13" s="102">
        <v>15</v>
      </c>
      <c r="P13" s="103">
        <v>33</v>
      </c>
      <c r="Q13" s="413">
        <v>0</v>
      </c>
      <c r="R13" s="102">
        <v>24</v>
      </c>
      <c r="S13" s="102">
        <v>25</v>
      </c>
      <c r="T13" s="102">
        <v>13</v>
      </c>
      <c r="U13" s="102">
        <v>12</v>
      </c>
      <c r="V13" s="102">
        <v>13</v>
      </c>
      <c r="W13" s="103">
        <v>87</v>
      </c>
      <c r="X13" s="104">
        <v>120</v>
      </c>
      <c r="Y13" s="101">
        <v>40</v>
      </c>
      <c r="Z13" s="102">
        <v>27</v>
      </c>
      <c r="AA13" s="103">
        <v>67</v>
      </c>
      <c r="AB13" s="413">
        <v>0</v>
      </c>
      <c r="AC13" s="102">
        <v>54</v>
      </c>
      <c r="AD13" s="102">
        <v>39</v>
      </c>
      <c r="AE13" s="102">
        <v>29</v>
      </c>
      <c r="AF13" s="102">
        <v>26</v>
      </c>
      <c r="AG13" s="102">
        <v>20</v>
      </c>
      <c r="AH13" s="103">
        <v>168</v>
      </c>
      <c r="AI13" s="104">
        <v>235</v>
      </c>
      <c r="AJ13" s="101">
        <v>92</v>
      </c>
      <c r="AK13" s="102">
        <v>44</v>
      </c>
      <c r="AL13" s="103">
        <v>136</v>
      </c>
      <c r="AM13" s="413">
        <v>0</v>
      </c>
      <c r="AN13" s="102">
        <v>86</v>
      </c>
      <c r="AO13" s="102">
        <v>81</v>
      </c>
      <c r="AP13" s="102">
        <v>73</v>
      </c>
      <c r="AQ13" s="102">
        <v>53</v>
      </c>
      <c r="AR13" s="102">
        <v>27</v>
      </c>
      <c r="AS13" s="103">
        <v>320</v>
      </c>
      <c r="AT13" s="104">
        <v>456</v>
      </c>
      <c r="AU13" s="101">
        <v>173</v>
      </c>
      <c r="AV13" s="102">
        <v>98</v>
      </c>
      <c r="AW13" s="103">
        <v>271</v>
      </c>
      <c r="AX13" s="413">
        <v>0</v>
      </c>
      <c r="AY13" s="102">
        <v>218</v>
      </c>
      <c r="AZ13" s="102">
        <v>119</v>
      </c>
      <c r="BA13" s="102">
        <v>92</v>
      </c>
      <c r="BB13" s="102">
        <v>64</v>
      </c>
      <c r="BC13" s="102">
        <v>59</v>
      </c>
      <c r="BD13" s="103">
        <v>552</v>
      </c>
      <c r="BE13" s="104">
        <v>823</v>
      </c>
      <c r="BF13" s="101">
        <v>241</v>
      </c>
      <c r="BG13" s="102">
        <v>115</v>
      </c>
      <c r="BH13" s="103">
        <v>356</v>
      </c>
      <c r="BI13" s="413">
        <v>0</v>
      </c>
      <c r="BJ13" s="102">
        <v>270</v>
      </c>
      <c r="BK13" s="102">
        <v>143</v>
      </c>
      <c r="BL13" s="102">
        <v>129</v>
      </c>
      <c r="BM13" s="102">
        <v>91</v>
      </c>
      <c r="BN13" s="102">
        <v>59</v>
      </c>
      <c r="BO13" s="103">
        <v>692</v>
      </c>
      <c r="BP13" s="104">
        <v>1048</v>
      </c>
      <c r="BQ13" s="101">
        <v>169</v>
      </c>
      <c r="BR13" s="102">
        <v>89</v>
      </c>
      <c r="BS13" s="103">
        <v>258</v>
      </c>
      <c r="BT13" s="413">
        <v>0</v>
      </c>
      <c r="BU13" s="102">
        <v>239</v>
      </c>
      <c r="BV13" s="102">
        <v>181</v>
      </c>
      <c r="BW13" s="102">
        <v>138</v>
      </c>
      <c r="BX13" s="102">
        <v>133</v>
      </c>
      <c r="BY13" s="102">
        <v>56</v>
      </c>
      <c r="BZ13" s="103">
        <v>747</v>
      </c>
      <c r="CA13" s="104">
        <v>1005</v>
      </c>
      <c r="CB13" s="101">
        <v>4</v>
      </c>
      <c r="CC13" s="102">
        <v>13</v>
      </c>
      <c r="CD13" s="103">
        <v>17</v>
      </c>
      <c r="CE13" s="413">
        <v>0</v>
      </c>
      <c r="CF13" s="102">
        <v>29</v>
      </c>
      <c r="CG13" s="102">
        <v>30</v>
      </c>
      <c r="CH13" s="102">
        <v>12</v>
      </c>
      <c r="CI13" s="102">
        <v>14</v>
      </c>
      <c r="CJ13" s="102">
        <v>11</v>
      </c>
      <c r="CK13" s="103">
        <v>96</v>
      </c>
      <c r="CL13" s="104">
        <v>113</v>
      </c>
      <c r="CM13" s="101">
        <v>737</v>
      </c>
      <c r="CN13" s="102">
        <v>401</v>
      </c>
      <c r="CO13" s="103">
        <v>1138</v>
      </c>
      <c r="CP13" s="413">
        <v>0</v>
      </c>
      <c r="CQ13" s="102">
        <v>920</v>
      </c>
      <c r="CR13" s="102">
        <v>618</v>
      </c>
      <c r="CS13" s="102">
        <v>486</v>
      </c>
      <c r="CT13" s="102">
        <v>393</v>
      </c>
      <c r="CU13" s="102">
        <v>245</v>
      </c>
      <c r="CV13" s="103">
        <v>2662</v>
      </c>
      <c r="CW13" s="104">
        <v>3800</v>
      </c>
      <c r="CX13" s="105">
        <v>1480</v>
      </c>
      <c r="CY13" s="97">
        <v>1053</v>
      </c>
      <c r="CZ13" s="98">
        <v>2533</v>
      </c>
      <c r="DA13" s="413">
        <v>0</v>
      </c>
      <c r="DB13" s="97">
        <v>1708</v>
      </c>
      <c r="DC13" s="97">
        <v>1165</v>
      </c>
      <c r="DD13" s="97">
        <v>995</v>
      </c>
      <c r="DE13" s="97">
        <v>1024</v>
      </c>
      <c r="DF13" s="97">
        <v>772</v>
      </c>
      <c r="DG13" s="99">
        <v>5664</v>
      </c>
      <c r="DH13" s="100">
        <v>8197</v>
      </c>
      <c r="DI13" s="101">
        <v>29</v>
      </c>
      <c r="DJ13" s="102">
        <v>26</v>
      </c>
      <c r="DK13" s="103">
        <v>55</v>
      </c>
      <c r="DL13" s="413">
        <v>0</v>
      </c>
      <c r="DM13" s="102">
        <v>11</v>
      </c>
      <c r="DN13" s="102">
        <v>13</v>
      </c>
      <c r="DO13" s="102">
        <v>15</v>
      </c>
      <c r="DP13" s="102">
        <v>8</v>
      </c>
      <c r="DQ13" s="102">
        <v>12</v>
      </c>
      <c r="DR13" s="103">
        <v>59</v>
      </c>
      <c r="DS13" s="104">
        <v>114</v>
      </c>
      <c r="DT13" s="101">
        <v>62</v>
      </c>
      <c r="DU13" s="102">
        <v>50</v>
      </c>
      <c r="DV13" s="103">
        <v>112</v>
      </c>
      <c r="DW13" s="413">
        <v>0</v>
      </c>
      <c r="DX13" s="102">
        <v>58</v>
      </c>
      <c r="DY13" s="102">
        <v>28</v>
      </c>
      <c r="DZ13" s="102">
        <v>35</v>
      </c>
      <c r="EA13" s="102">
        <v>20</v>
      </c>
      <c r="EB13" s="102">
        <v>32</v>
      </c>
      <c r="EC13" s="103">
        <v>173</v>
      </c>
      <c r="ED13" s="104">
        <v>285</v>
      </c>
      <c r="EE13" s="101">
        <v>205</v>
      </c>
      <c r="EF13" s="102">
        <v>142</v>
      </c>
      <c r="EG13" s="103">
        <v>347</v>
      </c>
      <c r="EH13" s="413">
        <v>0</v>
      </c>
      <c r="EI13" s="102">
        <v>182</v>
      </c>
      <c r="EJ13" s="102">
        <v>94</v>
      </c>
      <c r="EK13" s="102">
        <v>71</v>
      </c>
      <c r="EL13" s="102">
        <v>60</v>
      </c>
      <c r="EM13" s="102">
        <v>65</v>
      </c>
      <c r="EN13" s="103">
        <v>472</v>
      </c>
      <c r="EO13" s="104">
        <v>819</v>
      </c>
      <c r="EP13" s="101">
        <v>427</v>
      </c>
      <c r="EQ13" s="102">
        <v>280</v>
      </c>
      <c r="ER13" s="103">
        <v>707</v>
      </c>
      <c r="ES13" s="413">
        <v>0</v>
      </c>
      <c r="ET13" s="102">
        <v>389</v>
      </c>
      <c r="EU13" s="102">
        <v>195</v>
      </c>
      <c r="EV13" s="102">
        <v>171</v>
      </c>
      <c r="EW13" s="102">
        <v>156</v>
      </c>
      <c r="EX13" s="102">
        <v>123</v>
      </c>
      <c r="EY13" s="103">
        <v>1034</v>
      </c>
      <c r="EZ13" s="104">
        <v>1741</v>
      </c>
      <c r="FA13" s="101">
        <v>463</v>
      </c>
      <c r="FB13" s="102">
        <v>301</v>
      </c>
      <c r="FC13" s="103">
        <v>764</v>
      </c>
      <c r="FD13" s="413">
        <v>0</v>
      </c>
      <c r="FE13" s="102">
        <v>503</v>
      </c>
      <c r="FF13" s="102">
        <v>324</v>
      </c>
      <c r="FG13" s="102">
        <v>251</v>
      </c>
      <c r="FH13" s="102">
        <v>257</v>
      </c>
      <c r="FI13" s="102">
        <v>166</v>
      </c>
      <c r="FJ13" s="103">
        <v>1501</v>
      </c>
      <c r="FK13" s="104">
        <v>2265</v>
      </c>
      <c r="FL13" s="101">
        <v>294</v>
      </c>
      <c r="FM13" s="102">
        <v>254</v>
      </c>
      <c r="FN13" s="103">
        <v>548</v>
      </c>
      <c r="FO13" s="413">
        <v>0</v>
      </c>
      <c r="FP13" s="102">
        <v>565</v>
      </c>
      <c r="FQ13" s="102">
        <v>511</v>
      </c>
      <c r="FR13" s="102">
        <v>452</v>
      </c>
      <c r="FS13" s="102">
        <v>523</v>
      </c>
      <c r="FT13" s="102">
        <v>374</v>
      </c>
      <c r="FU13" s="103">
        <v>2425</v>
      </c>
      <c r="FV13" s="104">
        <v>2973</v>
      </c>
      <c r="FW13" s="101">
        <v>6</v>
      </c>
      <c r="FX13" s="102">
        <v>17</v>
      </c>
      <c r="FY13" s="103">
        <v>23</v>
      </c>
      <c r="FZ13" s="413">
        <v>0</v>
      </c>
      <c r="GA13" s="102">
        <v>16</v>
      </c>
      <c r="GB13" s="102">
        <v>19</v>
      </c>
      <c r="GC13" s="102">
        <v>13</v>
      </c>
      <c r="GD13" s="102">
        <v>8</v>
      </c>
      <c r="GE13" s="102">
        <v>11</v>
      </c>
      <c r="GF13" s="103">
        <v>67</v>
      </c>
      <c r="GG13" s="104">
        <v>90</v>
      </c>
      <c r="GH13" s="101">
        <v>1486</v>
      </c>
      <c r="GI13" s="102">
        <v>1070</v>
      </c>
      <c r="GJ13" s="103">
        <v>2556</v>
      </c>
      <c r="GK13" s="413">
        <v>0</v>
      </c>
      <c r="GL13" s="102">
        <v>1724</v>
      </c>
      <c r="GM13" s="102">
        <v>1184</v>
      </c>
      <c r="GN13" s="102">
        <v>1008</v>
      </c>
      <c r="GO13" s="102">
        <v>1032</v>
      </c>
      <c r="GP13" s="102">
        <v>783</v>
      </c>
      <c r="GQ13" s="103">
        <v>5731</v>
      </c>
      <c r="GR13" s="104">
        <v>8287</v>
      </c>
      <c r="GS13" s="105">
        <v>2213</v>
      </c>
      <c r="GT13" s="97">
        <v>1441</v>
      </c>
      <c r="GU13" s="98">
        <v>3654</v>
      </c>
      <c r="GV13" s="413">
        <v>0</v>
      </c>
      <c r="GW13" s="97">
        <v>2599</v>
      </c>
      <c r="GX13" s="97">
        <v>1753</v>
      </c>
      <c r="GY13" s="97">
        <v>1469</v>
      </c>
      <c r="GZ13" s="97">
        <v>1403</v>
      </c>
      <c r="HA13" s="97">
        <v>1006</v>
      </c>
      <c r="HB13" s="99">
        <v>8230</v>
      </c>
      <c r="HC13" s="100">
        <v>11884</v>
      </c>
      <c r="HD13" s="101">
        <v>47</v>
      </c>
      <c r="HE13" s="102">
        <v>41</v>
      </c>
      <c r="HF13" s="103">
        <v>88</v>
      </c>
      <c r="HG13" s="416">
        <v>0</v>
      </c>
      <c r="HH13" s="102">
        <v>35</v>
      </c>
      <c r="HI13" s="102">
        <v>38</v>
      </c>
      <c r="HJ13" s="102">
        <v>28</v>
      </c>
      <c r="HK13" s="102">
        <v>20</v>
      </c>
      <c r="HL13" s="102">
        <v>25</v>
      </c>
      <c r="HM13" s="103">
        <v>146</v>
      </c>
      <c r="HN13" s="104">
        <v>234</v>
      </c>
      <c r="HO13" s="101">
        <v>102</v>
      </c>
      <c r="HP13" s="102">
        <v>77</v>
      </c>
      <c r="HQ13" s="103">
        <v>179</v>
      </c>
      <c r="HR13" s="413">
        <v>0</v>
      </c>
      <c r="HS13" s="102">
        <v>112</v>
      </c>
      <c r="HT13" s="102">
        <v>67</v>
      </c>
      <c r="HU13" s="102">
        <v>64</v>
      </c>
      <c r="HV13" s="102">
        <v>46</v>
      </c>
      <c r="HW13" s="102">
        <v>52</v>
      </c>
      <c r="HX13" s="103">
        <v>341</v>
      </c>
      <c r="HY13" s="104">
        <v>520</v>
      </c>
      <c r="HZ13" s="101">
        <v>297</v>
      </c>
      <c r="IA13" s="102">
        <v>186</v>
      </c>
      <c r="IB13" s="103">
        <v>483</v>
      </c>
      <c r="IC13" s="413">
        <v>0</v>
      </c>
      <c r="ID13" s="102">
        <v>268</v>
      </c>
      <c r="IE13" s="102">
        <v>175</v>
      </c>
      <c r="IF13" s="102">
        <v>144</v>
      </c>
      <c r="IG13" s="102">
        <v>113</v>
      </c>
      <c r="IH13" s="102">
        <v>92</v>
      </c>
      <c r="II13" s="103">
        <v>792</v>
      </c>
      <c r="IJ13" s="104">
        <v>1275</v>
      </c>
      <c r="IK13" s="101">
        <v>600</v>
      </c>
      <c r="IL13" s="102">
        <v>378</v>
      </c>
      <c r="IM13" s="103">
        <v>978</v>
      </c>
      <c r="IN13" s="413">
        <v>0</v>
      </c>
      <c r="IO13" s="102">
        <v>607</v>
      </c>
      <c r="IP13" s="102">
        <v>314</v>
      </c>
      <c r="IQ13" s="102">
        <v>263</v>
      </c>
      <c r="IR13" s="102">
        <v>220</v>
      </c>
      <c r="IS13" s="102">
        <v>182</v>
      </c>
      <c r="IT13" s="103">
        <v>1586</v>
      </c>
      <c r="IU13" s="104">
        <v>2564</v>
      </c>
      <c r="IV13" s="101">
        <v>704</v>
      </c>
      <c r="IW13" s="102">
        <v>416</v>
      </c>
      <c r="IX13" s="103">
        <v>1120</v>
      </c>
      <c r="IY13" s="413">
        <v>0</v>
      </c>
      <c r="IZ13" s="102">
        <v>773</v>
      </c>
      <c r="JA13" s="102">
        <v>467</v>
      </c>
      <c r="JB13" s="102">
        <v>380</v>
      </c>
      <c r="JC13" s="102">
        <v>348</v>
      </c>
      <c r="JD13" s="102">
        <v>225</v>
      </c>
      <c r="JE13" s="103">
        <v>2193</v>
      </c>
      <c r="JF13" s="104">
        <v>3313</v>
      </c>
      <c r="JG13" s="101">
        <v>463</v>
      </c>
      <c r="JH13" s="102">
        <v>343</v>
      </c>
      <c r="JI13" s="103">
        <v>806</v>
      </c>
      <c r="JJ13" s="413">
        <v>0</v>
      </c>
      <c r="JK13" s="102">
        <v>804</v>
      </c>
      <c r="JL13" s="102">
        <v>692</v>
      </c>
      <c r="JM13" s="102">
        <v>590</v>
      </c>
      <c r="JN13" s="102">
        <v>656</v>
      </c>
      <c r="JO13" s="102">
        <v>430</v>
      </c>
      <c r="JP13" s="103">
        <v>3172</v>
      </c>
      <c r="JQ13" s="104">
        <v>3978</v>
      </c>
      <c r="JR13" s="101">
        <v>10</v>
      </c>
      <c r="JS13" s="102">
        <v>30</v>
      </c>
      <c r="JT13" s="103">
        <v>40</v>
      </c>
      <c r="JU13" s="413">
        <v>0</v>
      </c>
      <c r="JV13" s="102">
        <v>45</v>
      </c>
      <c r="JW13" s="102">
        <v>49</v>
      </c>
      <c r="JX13" s="102">
        <v>25</v>
      </c>
      <c r="JY13" s="102">
        <v>22</v>
      </c>
      <c r="JZ13" s="102">
        <v>22</v>
      </c>
      <c r="KA13" s="103">
        <v>163</v>
      </c>
      <c r="KB13" s="104">
        <v>203</v>
      </c>
      <c r="KC13" s="101">
        <v>2223</v>
      </c>
      <c r="KD13" s="102">
        <v>1471</v>
      </c>
      <c r="KE13" s="103">
        <v>3694</v>
      </c>
      <c r="KF13" s="413">
        <v>0</v>
      </c>
      <c r="KG13" s="102">
        <v>2644</v>
      </c>
      <c r="KH13" s="102">
        <v>1802</v>
      </c>
      <c r="KI13" s="102">
        <v>1494</v>
      </c>
      <c r="KJ13" s="102">
        <v>1425</v>
      </c>
      <c r="KK13" s="102">
        <v>1028</v>
      </c>
      <c r="KL13" s="103">
        <v>8393</v>
      </c>
      <c r="KM13" s="104">
        <v>12087</v>
      </c>
    </row>
    <row r="14" spans="2:299" s="70" customFormat="1" ht="21" customHeight="1" x14ac:dyDescent="0.2">
      <c r="B14" s="106" t="s">
        <v>10</v>
      </c>
      <c r="C14" s="96">
        <v>1578</v>
      </c>
      <c r="D14" s="97">
        <v>976</v>
      </c>
      <c r="E14" s="98">
        <v>2554</v>
      </c>
      <c r="F14" s="413">
        <v>0</v>
      </c>
      <c r="G14" s="97">
        <v>1774</v>
      </c>
      <c r="H14" s="97">
        <v>1010</v>
      </c>
      <c r="I14" s="97">
        <v>734</v>
      </c>
      <c r="J14" s="97">
        <v>643</v>
      </c>
      <c r="K14" s="97">
        <v>451</v>
      </c>
      <c r="L14" s="99">
        <v>4612</v>
      </c>
      <c r="M14" s="100">
        <v>7166</v>
      </c>
      <c r="N14" s="101">
        <v>64</v>
      </c>
      <c r="O14" s="102">
        <v>49</v>
      </c>
      <c r="P14" s="103">
        <v>113</v>
      </c>
      <c r="Q14" s="413">
        <v>0</v>
      </c>
      <c r="R14" s="102">
        <v>69</v>
      </c>
      <c r="S14" s="102">
        <v>52</v>
      </c>
      <c r="T14" s="102">
        <v>32</v>
      </c>
      <c r="U14" s="102">
        <v>47</v>
      </c>
      <c r="V14" s="102">
        <v>26</v>
      </c>
      <c r="W14" s="103">
        <v>226</v>
      </c>
      <c r="X14" s="104">
        <v>339</v>
      </c>
      <c r="Y14" s="101">
        <v>123</v>
      </c>
      <c r="Z14" s="102">
        <v>90</v>
      </c>
      <c r="AA14" s="103">
        <v>213</v>
      </c>
      <c r="AB14" s="413">
        <v>0</v>
      </c>
      <c r="AC14" s="102">
        <v>146</v>
      </c>
      <c r="AD14" s="102">
        <v>122</v>
      </c>
      <c r="AE14" s="102">
        <v>70</v>
      </c>
      <c r="AF14" s="102">
        <v>53</v>
      </c>
      <c r="AG14" s="102">
        <v>69</v>
      </c>
      <c r="AH14" s="103">
        <v>460</v>
      </c>
      <c r="AI14" s="104">
        <v>673</v>
      </c>
      <c r="AJ14" s="101">
        <v>237</v>
      </c>
      <c r="AK14" s="102">
        <v>167</v>
      </c>
      <c r="AL14" s="103">
        <v>404</v>
      </c>
      <c r="AM14" s="413">
        <v>0</v>
      </c>
      <c r="AN14" s="102">
        <v>293</v>
      </c>
      <c r="AO14" s="102">
        <v>156</v>
      </c>
      <c r="AP14" s="102">
        <v>114</v>
      </c>
      <c r="AQ14" s="102">
        <v>109</v>
      </c>
      <c r="AR14" s="102">
        <v>76</v>
      </c>
      <c r="AS14" s="103">
        <v>748</v>
      </c>
      <c r="AT14" s="104">
        <v>1152</v>
      </c>
      <c r="AU14" s="101">
        <v>391</v>
      </c>
      <c r="AV14" s="102">
        <v>231</v>
      </c>
      <c r="AW14" s="103">
        <v>622</v>
      </c>
      <c r="AX14" s="413">
        <v>0</v>
      </c>
      <c r="AY14" s="102">
        <v>451</v>
      </c>
      <c r="AZ14" s="102">
        <v>227</v>
      </c>
      <c r="BA14" s="102">
        <v>161</v>
      </c>
      <c r="BB14" s="102">
        <v>150</v>
      </c>
      <c r="BC14" s="102">
        <v>116</v>
      </c>
      <c r="BD14" s="103">
        <v>1105</v>
      </c>
      <c r="BE14" s="104">
        <v>1727</v>
      </c>
      <c r="BF14" s="101">
        <v>472</v>
      </c>
      <c r="BG14" s="102">
        <v>250</v>
      </c>
      <c r="BH14" s="103">
        <v>722</v>
      </c>
      <c r="BI14" s="413">
        <v>0</v>
      </c>
      <c r="BJ14" s="102">
        <v>488</v>
      </c>
      <c r="BK14" s="102">
        <v>244</v>
      </c>
      <c r="BL14" s="102">
        <v>174</v>
      </c>
      <c r="BM14" s="102">
        <v>142</v>
      </c>
      <c r="BN14" s="102">
        <v>87</v>
      </c>
      <c r="BO14" s="103">
        <v>1135</v>
      </c>
      <c r="BP14" s="104">
        <v>1857</v>
      </c>
      <c r="BQ14" s="101">
        <v>291</v>
      </c>
      <c r="BR14" s="102">
        <v>189</v>
      </c>
      <c r="BS14" s="103">
        <v>480</v>
      </c>
      <c r="BT14" s="413">
        <v>0</v>
      </c>
      <c r="BU14" s="102">
        <v>327</v>
      </c>
      <c r="BV14" s="102">
        <v>209</v>
      </c>
      <c r="BW14" s="102">
        <v>183</v>
      </c>
      <c r="BX14" s="102">
        <v>142</v>
      </c>
      <c r="BY14" s="102">
        <v>77</v>
      </c>
      <c r="BZ14" s="103">
        <v>938</v>
      </c>
      <c r="CA14" s="104">
        <v>1418</v>
      </c>
      <c r="CB14" s="101">
        <v>50</v>
      </c>
      <c r="CC14" s="102">
        <v>28</v>
      </c>
      <c r="CD14" s="103">
        <v>78</v>
      </c>
      <c r="CE14" s="413">
        <v>0</v>
      </c>
      <c r="CF14" s="102">
        <v>74</v>
      </c>
      <c r="CG14" s="102">
        <v>49</v>
      </c>
      <c r="CH14" s="102">
        <v>36</v>
      </c>
      <c r="CI14" s="102">
        <v>34</v>
      </c>
      <c r="CJ14" s="102">
        <v>37</v>
      </c>
      <c r="CK14" s="103">
        <v>230</v>
      </c>
      <c r="CL14" s="104">
        <v>308</v>
      </c>
      <c r="CM14" s="101">
        <v>1628</v>
      </c>
      <c r="CN14" s="102">
        <v>1004</v>
      </c>
      <c r="CO14" s="103">
        <v>2632</v>
      </c>
      <c r="CP14" s="413">
        <v>0</v>
      </c>
      <c r="CQ14" s="102">
        <v>1848</v>
      </c>
      <c r="CR14" s="102">
        <v>1059</v>
      </c>
      <c r="CS14" s="102">
        <v>770</v>
      </c>
      <c r="CT14" s="102">
        <v>677</v>
      </c>
      <c r="CU14" s="102">
        <v>488</v>
      </c>
      <c r="CV14" s="103">
        <v>4842</v>
      </c>
      <c r="CW14" s="104">
        <v>7474</v>
      </c>
      <c r="CX14" s="105">
        <v>3219</v>
      </c>
      <c r="CY14" s="97">
        <v>2266</v>
      </c>
      <c r="CZ14" s="98">
        <v>5485</v>
      </c>
      <c r="DA14" s="413">
        <v>0</v>
      </c>
      <c r="DB14" s="97">
        <v>3477</v>
      </c>
      <c r="DC14" s="97">
        <v>1817</v>
      </c>
      <c r="DD14" s="97">
        <v>1425</v>
      </c>
      <c r="DE14" s="97">
        <v>1598</v>
      </c>
      <c r="DF14" s="97">
        <v>1137</v>
      </c>
      <c r="DG14" s="99">
        <v>9454</v>
      </c>
      <c r="DH14" s="100">
        <v>14939</v>
      </c>
      <c r="DI14" s="101">
        <v>59</v>
      </c>
      <c r="DJ14" s="102">
        <v>53</v>
      </c>
      <c r="DK14" s="103">
        <v>112</v>
      </c>
      <c r="DL14" s="413">
        <v>0</v>
      </c>
      <c r="DM14" s="102">
        <v>62</v>
      </c>
      <c r="DN14" s="102">
        <v>27</v>
      </c>
      <c r="DO14" s="102">
        <v>19</v>
      </c>
      <c r="DP14" s="102">
        <v>20</v>
      </c>
      <c r="DQ14" s="102">
        <v>23</v>
      </c>
      <c r="DR14" s="103">
        <v>151</v>
      </c>
      <c r="DS14" s="104">
        <v>263</v>
      </c>
      <c r="DT14" s="101">
        <v>181</v>
      </c>
      <c r="DU14" s="102">
        <v>126</v>
      </c>
      <c r="DV14" s="103">
        <v>307</v>
      </c>
      <c r="DW14" s="413">
        <v>0</v>
      </c>
      <c r="DX14" s="102">
        <v>180</v>
      </c>
      <c r="DY14" s="102">
        <v>87</v>
      </c>
      <c r="DZ14" s="102">
        <v>58</v>
      </c>
      <c r="EA14" s="102">
        <v>53</v>
      </c>
      <c r="EB14" s="102">
        <v>45</v>
      </c>
      <c r="EC14" s="103">
        <v>423</v>
      </c>
      <c r="ED14" s="104">
        <v>730</v>
      </c>
      <c r="EE14" s="101">
        <v>466</v>
      </c>
      <c r="EF14" s="102">
        <v>273</v>
      </c>
      <c r="EG14" s="103">
        <v>739</v>
      </c>
      <c r="EH14" s="413">
        <v>0</v>
      </c>
      <c r="EI14" s="102">
        <v>390</v>
      </c>
      <c r="EJ14" s="102">
        <v>201</v>
      </c>
      <c r="EK14" s="102">
        <v>108</v>
      </c>
      <c r="EL14" s="102">
        <v>129</v>
      </c>
      <c r="EM14" s="102">
        <v>95</v>
      </c>
      <c r="EN14" s="103">
        <v>923</v>
      </c>
      <c r="EO14" s="104">
        <v>1662</v>
      </c>
      <c r="EP14" s="101">
        <v>968</v>
      </c>
      <c r="EQ14" s="102">
        <v>622</v>
      </c>
      <c r="ER14" s="103">
        <v>1590</v>
      </c>
      <c r="ES14" s="413">
        <v>0</v>
      </c>
      <c r="ET14" s="102">
        <v>820</v>
      </c>
      <c r="EU14" s="102">
        <v>352</v>
      </c>
      <c r="EV14" s="102">
        <v>257</v>
      </c>
      <c r="EW14" s="102">
        <v>250</v>
      </c>
      <c r="EX14" s="102">
        <v>223</v>
      </c>
      <c r="EY14" s="103">
        <v>1902</v>
      </c>
      <c r="EZ14" s="104">
        <v>3492</v>
      </c>
      <c r="FA14" s="101">
        <v>1008</v>
      </c>
      <c r="FB14" s="102">
        <v>687</v>
      </c>
      <c r="FC14" s="103">
        <v>1695</v>
      </c>
      <c r="FD14" s="413">
        <v>0</v>
      </c>
      <c r="FE14" s="102">
        <v>1017</v>
      </c>
      <c r="FF14" s="102">
        <v>478</v>
      </c>
      <c r="FG14" s="102">
        <v>388</v>
      </c>
      <c r="FH14" s="102">
        <v>382</v>
      </c>
      <c r="FI14" s="102">
        <v>289</v>
      </c>
      <c r="FJ14" s="103">
        <v>2554</v>
      </c>
      <c r="FK14" s="104">
        <v>4249</v>
      </c>
      <c r="FL14" s="101">
        <v>537</v>
      </c>
      <c r="FM14" s="102">
        <v>505</v>
      </c>
      <c r="FN14" s="103">
        <v>1042</v>
      </c>
      <c r="FO14" s="413">
        <v>0</v>
      </c>
      <c r="FP14" s="102">
        <v>1008</v>
      </c>
      <c r="FQ14" s="102">
        <v>672</v>
      </c>
      <c r="FR14" s="102">
        <v>595</v>
      </c>
      <c r="FS14" s="102">
        <v>764</v>
      </c>
      <c r="FT14" s="102">
        <v>462</v>
      </c>
      <c r="FU14" s="103">
        <v>3501</v>
      </c>
      <c r="FV14" s="104">
        <v>4543</v>
      </c>
      <c r="FW14" s="101">
        <v>25</v>
      </c>
      <c r="FX14" s="102">
        <v>46</v>
      </c>
      <c r="FY14" s="103">
        <v>71</v>
      </c>
      <c r="FZ14" s="413">
        <v>0</v>
      </c>
      <c r="GA14" s="102">
        <v>56</v>
      </c>
      <c r="GB14" s="102">
        <v>44</v>
      </c>
      <c r="GC14" s="102">
        <v>32</v>
      </c>
      <c r="GD14" s="102">
        <v>21</v>
      </c>
      <c r="GE14" s="102">
        <v>26</v>
      </c>
      <c r="GF14" s="103">
        <v>179</v>
      </c>
      <c r="GG14" s="104">
        <v>250</v>
      </c>
      <c r="GH14" s="101">
        <v>3244</v>
      </c>
      <c r="GI14" s="102">
        <v>2312</v>
      </c>
      <c r="GJ14" s="103">
        <v>5556</v>
      </c>
      <c r="GK14" s="413">
        <v>0</v>
      </c>
      <c r="GL14" s="102">
        <v>3533</v>
      </c>
      <c r="GM14" s="102">
        <v>1861</v>
      </c>
      <c r="GN14" s="102">
        <v>1457</v>
      </c>
      <c r="GO14" s="102">
        <v>1619</v>
      </c>
      <c r="GP14" s="102">
        <v>1163</v>
      </c>
      <c r="GQ14" s="103">
        <v>9633</v>
      </c>
      <c r="GR14" s="104">
        <v>15189</v>
      </c>
      <c r="GS14" s="105">
        <v>4797</v>
      </c>
      <c r="GT14" s="97">
        <v>3242</v>
      </c>
      <c r="GU14" s="98">
        <v>8039</v>
      </c>
      <c r="GV14" s="413">
        <v>0</v>
      </c>
      <c r="GW14" s="97">
        <v>5251</v>
      </c>
      <c r="GX14" s="97">
        <v>2827</v>
      </c>
      <c r="GY14" s="97">
        <v>2159</v>
      </c>
      <c r="GZ14" s="97">
        <v>2241</v>
      </c>
      <c r="HA14" s="97">
        <v>1588</v>
      </c>
      <c r="HB14" s="99">
        <v>14066</v>
      </c>
      <c r="HC14" s="100">
        <v>22105</v>
      </c>
      <c r="HD14" s="101">
        <v>123</v>
      </c>
      <c r="HE14" s="102">
        <v>102</v>
      </c>
      <c r="HF14" s="103">
        <v>225</v>
      </c>
      <c r="HG14" s="416">
        <v>0</v>
      </c>
      <c r="HH14" s="102">
        <v>131</v>
      </c>
      <c r="HI14" s="102">
        <v>79</v>
      </c>
      <c r="HJ14" s="102">
        <v>51</v>
      </c>
      <c r="HK14" s="102">
        <v>67</v>
      </c>
      <c r="HL14" s="102">
        <v>49</v>
      </c>
      <c r="HM14" s="103">
        <v>377</v>
      </c>
      <c r="HN14" s="104">
        <v>602</v>
      </c>
      <c r="HO14" s="101">
        <v>304</v>
      </c>
      <c r="HP14" s="102">
        <v>216</v>
      </c>
      <c r="HQ14" s="103">
        <v>520</v>
      </c>
      <c r="HR14" s="413">
        <v>0</v>
      </c>
      <c r="HS14" s="102">
        <v>326</v>
      </c>
      <c r="HT14" s="102">
        <v>209</v>
      </c>
      <c r="HU14" s="102">
        <v>128</v>
      </c>
      <c r="HV14" s="102">
        <v>106</v>
      </c>
      <c r="HW14" s="102">
        <v>114</v>
      </c>
      <c r="HX14" s="103">
        <v>883</v>
      </c>
      <c r="HY14" s="104">
        <v>1403</v>
      </c>
      <c r="HZ14" s="101">
        <v>703</v>
      </c>
      <c r="IA14" s="102">
        <v>440</v>
      </c>
      <c r="IB14" s="103">
        <v>1143</v>
      </c>
      <c r="IC14" s="413">
        <v>0</v>
      </c>
      <c r="ID14" s="102">
        <v>683</v>
      </c>
      <c r="IE14" s="102">
        <v>357</v>
      </c>
      <c r="IF14" s="102">
        <v>222</v>
      </c>
      <c r="IG14" s="102">
        <v>238</v>
      </c>
      <c r="IH14" s="102">
        <v>171</v>
      </c>
      <c r="II14" s="103">
        <v>1671</v>
      </c>
      <c r="IJ14" s="104">
        <v>2814</v>
      </c>
      <c r="IK14" s="101">
        <v>1359</v>
      </c>
      <c r="IL14" s="102">
        <v>853</v>
      </c>
      <c r="IM14" s="103">
        <v>2212</v>
      </c>
      <c r="IN14" s="413">
        <v>0</v>
      </c>
      <c r="IO14" s="102">
        <v>1271</v>
      </c>
      <c r="IP14" s="102">
        <v>579</v>
      </c>
      <c r="IQ14" s="102">
        <v>418</v>
      </c>
      <c r="IR14" s="102">
        <v>400</v>
      </c>
      <c r="IS14" s="102">
        <v>339</v>
      </c>
      <c r="IT14" s="103">
        <v>3007</v>
      </c>
      <c r="IU14" s="104">
        <v>5219</v>
      </c>
      <c r="IV14" s="101">
        <v>1480</v>
      </c>
      <c r="IW14" s="102">
        <v>937</v>
      </c>
      <c r="IX14" s="103">
        <v>2417</v>
      </c>
      <c r="IY14" s="413">
        <v>0</v>
      </c>
      <c r="IZ14" s="102">
        <v>1505</v>
      </c>
      <c r="JA14" s="102">
        <v>722</v>
      </c>
      <c r="JB14" s="102">
        <v>562</v>
      </c>
      <c r="JC14" s="102">
        <v>524</v>
      </c>
      <c r="JD14" s="102">
        <v>376</v>
      </c>
      <c r="JE14" s="103">
        <v>3689</v>
      </c>
      <c r="JF14" s="104">
        <v>6106</v>
      </c>
      <c r="JG14" s="101">
        <v>828</v>
      </c>
      <c r="JH14" s="102">
        <v>694</v>
      </c>
      <c r="JI14" s="103">
        <v>1522</v>
      </c>
      <c r="JJ14" s="413">
        <v>0</v>
      </c>
      <c r="JK14" s="102">
        <v>1335</v>
      </c>
      <c r="JL14" s="102">
        <v>881</v>
      </c>
      <c r="JM14" s="102">
        <v>778</v>
      </c>
      <c r="JN14" s="102">
        <v>906</v>
      </c>
      <c r="JO14" s="102">
        <v>539</v>
      </c>
      <c r="JP14" s="103">
        <v>4439</v>
      </c>
      <c r="JQ14" s="104">
        <v>5961</v>
      </c>
      <c r="JR14" s="101">
        <v>75</v>
      </c>
      <c r="JS14" s="102">
        <v>74</v>
      </c>
      <c r="JT14" s="103">
        <v>149</v>
      </c>
      <c r="JU14" s="413">
        <v>0</v>
      </c>
      <c r="JV14" s="102">
        <v>130</v>
      </c>
      <c r="JW14" s="102">
        <v>93</v>
      </c>
      <c r="JX14" s="102">
        <v>68</v>
      </c>
      <c r="JY14" s="102">
        <v>55</v>
      </c>
      <c r="JZ14" s="102">
        <v>63</v>
      </c>
      <c r="KA14" s="103">
        <v>409</v>
      </c>
      <c r="KB14" s="104">
        <v>558</v>
      </c>
      <c r="KC14" s="101">
        <v>4872</v>
      </c>
      <c r="KD14" s="102">
        <v>3316</v>
      </c>
      <c r="KE14" s="103">
        <v>8188</v>
      </c>
      <c r="KF14" s="413">
        <v>0</v>
      </c>
      <c r="KG14" s="102">
        <v>5381</v>
      </c>
      <c r="KH14" s="102">
        <v>2920</v>
      </c>
      <c r="KI14" s="102">
        <v>2227</v>
      </c>
      <c r="KJ14" s="102">
        <v>2296</v>
      </c>
      <c r="KK14" s="102">
        <v>1651</v>
      </c>
      <c r="KL14" s="103">
        <v>14475</v>
      </c>
      <c r="KM14" s="104">
        <v>22663</v>
      </c>
    </row>
    <row r="15" spans="2:299" s="70" customFormat="1" ht="21" customHeight="1" x14ac:dyDescent="0.2">
      <c r="B15" s="106" t="s">
        <v>11</v>
      </c>
      <c r="C15" s="96">
        <v>453</v>
      </c>
      <c r="D15" s="97">
        <v>361</v>
      </c>
      <c r="E15" s="98">
        <v>814</v>
      </c>
      <c r="F15" s="413">
        <v>0</v>
      </c>
      <c r="G15" s="97">
        <v>873</v>
      </c>
      <c r="H15" s="97">
        <v>595</v>
      </c>
      <c r="I15" s="97">
        <v>471</v>
      </c>
      <c r="J15" s="97">
        <v>435</v>
      </c>
      <c r="K15" s="97">
        <v>246</v>
      </c>
      <c r="L15" s="99">
        <v>2620</v>
      </c>
      <c r="M15" s="100">
        <v>3434</v>
      </c>
      <c r="N15" s="101">
        <v>14</v>
      </c>
      <c r="O15" s="102">
        <v>17</v>
      </c>
      <c r="P15" s="103">
        <v>31</v>
      </c>
      <c r="Q15" s="413">
        <v>0</v>
      </c>
      <c r="R15" s="102">
        <v>48</v>
      </c>
      <c r="S15" s="102">
        <v>22</v>
      </c>
      <c r="T15" s="102">
        <v>25</v>
      </c>
      <c r="U15" s="102">
        <v>14</v>
      </c>
      <c r="V15" s="102">
        <v>10</v>
      </c>
      <c r="W15" s="103">
        <v>119</v>
      </c>
      <c r="X15" s="104">
        <v>150</v>
      </c>
      <c r="Y15" s="101">
        <v>41</v>
      </c>
      <c r="Z15" s="102">
        <v>40</v>
      </c>
      <c r="AA15" s="103">
        <v>81</v>
      </c>
      <c r="AB15" s="413">
        <v>0</v>
      </c>
      <c r="AC15" s="102">
        <v>92</v>
      </c>
      <c r="AD15" s="102">
        <v>58</v>
      </c>
      <c r="AE15" s="102">
        <v>46</v>
      </c>
      <c r="AF15" s="102">
        <v>41</v>
      </c>
      <c r="AG15" s="102">
        <v>25</v>
      </c>
      <c r="AH15" s="103">
        <v>262</v>
      </c>
      <c r="AI15" s="104">
        <v>343</v>
      </c>
      <c r="AJ15" s="101">
        <v>64</v>
      </c>
      <c r="AK15" s="102">
        <v>63</v>
      </c>
      <c r="AL15" s="103">
        <v>127</v>
      </c>
      <c r="AM15" s="413">
        <v>0</v>
      </c>
      <c r="AN15" s="102">
        <v>131</v>
      </c>
      <c r="AO15" s="102">
        <v>113</v>
      </c>
      <c r="AP15" s="102">
        <v>81</v>
      </c>
      <c r="AQ15" s="102">
        <v>73</v>
      </c>
      <c r="AR15" s="102">
        <v>40</v>
      </c>
      <c r="AS15" s="103">
        <v>438</v>
      </c>
      <c r="AT15" s="104">
        <v>565</v>
      </c>
      <c r="AU15" s="101">
        <v>114</v>
      </c>
      <c r="AV15" s="102">
        <v>90</v>
      </c>
      <c r="AW15" s="103">
        <v>204</v>
      </c>
      <c r="AX15" s="413">
        <v>0</v>
      </c>
      <c r="AY15" s="102">
        <v>212</v>
      </c>
      <c r="AZ15" s="102">
        <v>138</v>
      </c>
      <c r="BA15" s="102">
        <v>119</v>
      </c>
      <c r="BB15" s="102">
        <v>103</v>
      </c>
      <c r="BC15" s="102">
        <v>71</v>
      </c>
      <c r="BD15" s="103">
        <v>643</v>
      </c>
      <c r="BE15" s="104">
        <v>847</v>
      </c>
      <c r="BF15" s="101">
        <v>134</v>
      </c>
      <c r="BG15" s="102">
        <v>83</v>
      </c>
      <c r="BH15" s="103">
        <v>217</v>
      </c>
      <c r="BI15" s="413">
        <v>0</v>
      </c>
      <c r="BJ15" s="102">
        <v>207</v>
      </c>
      <c r="BK15" s="102">
        <v>151</v>
      </c>
      <c r="BL15" s="102">
        <v>115</v>
      </c>
      <c r="BM15" s="102">
        <v>109</v>
      </c>
      <c r="BN15" s="102">
        <v>45</v>
      </c>
      <c r="BO15" s="103">
        <v>627</v>
      </c>
      <c r="BP15" s="104">
        <v>844</v>
      </c>
      <c r="BQ15" s="101">
        <v>86</v>
      </c>
      <c r="BR15" s="102">
        <v>68</v>
      </c>
      <c r="BS15" s="103">
        <v>154</v>
      </c>
      <c r="BT15" s="413">
        <v>0</v>
      </c>
      <c r="BU15" s="102">
        <v>183</v>
      </c>
      <c r="BV15" s="102">
        <v>113</v>
      </c>
      <c r="BW15" s="102">
        <v>85</v>
      </c>
      <c r="BX15" s="102">
        <v>95</v>
      </c>
      <c r="BY15" s="102">
        <v>55</v>
      </c>
      <c r="BZ15" s="103">
        <v>531</v>
      </c>
      <c r="CA15" s="104">
        <v>685</v>
      </c>
      <c r="CB15" s="101">
        <v>5</v>
      </c>
      <c r="CC15" s="102">
        <v>17</v>
      </c>
      <c r="CD15" s="103">
        <v>22</v>
      </c>
      <c r="CE15" s="413">
        <v>0</v>
      </c>
      <c r="CF15" s="102">
        <v>24</v>
      </c>
      <c r="CG15" s="102">
        <v>18</v>
      </c>
      <c r="CH15" s="102">
        <v>14</v>
      </c>
      <c r="CI15" s="102">
        <v>24</v>
      </c>
      <c r="CJ15" s="102">
        <v>15</v>
      </c>
      <c r="CK15" s="103">
        <v>95</v>
      </c>
      <c r="CL15" s="104">
        <v>117</v>
      </c>
      <c r="CM15" s="101">
        <v>458</v>
      </c>
      <c r="CN15" s="102">
        <v>378</v>
      </c>
      <c r="CO15" s="103">
        <v>836</v>
      </c>
      <c r="CP15" s="413">
        <v>0</v>
      </c>
      <c r="CQ15" s="102">
        <v>897</v>
      </c>
      <c r="CR15" s="102">
        <v>613</v>
      </c>
      <c r="CS15" s="102">
        <v>485</v>
      </c>
      <c r="CT15" s="102">
        <v>459</v>
      </c>
      <c r="CU15" s="102">
        <v>261</v>
      </c>
      <c r="CV15" s="103">
        <v>2715</v>
      </c>
      <c r="CW15" s="104">
        <v>3551</v>
      </c>
      <c r="CX15" s="105">
        <v>935</v>
      </c>
      <c r="CY15" s="97">
        <v>833</v>
      </c>
      <c r="CZ15" s="98">
        <v>1768</v>
      </c>
      <c r="DA15" s="413">
        <v>0</v>
      </c>
      <c r="DB15" s="97">
        <v>1669</v>
      </c>
      <c r="DC15" s="97">
        <v>1097</v>
      </c>
      <c r="DD15" s="97">
        <v>930</v>
      </c>
      <c r="DE15" s="97">
        <v>994</v>
      </c>
      <c r="DF15" s="97">
        <v>593</v>
      </c>
      <c r="DG15" s="99">
        <v>5283</v>
      </c>
      <c r="DH15" s="100">
        <v>7051</v>
      </c>
      <c r="DI15" s="101">
        <v>21</v>
      </c>
      <c r="DJ15" s="102">
        <v>18</v>
      </c>
      <c r="DK15" s="103">
        <v>39</v>
      </c>
      <c r="DL15" s="413">
        <v>0</v>
      </c>
      <c r="DM15" s="102">
        <v>45</v>
      </c>
      <c r="DN15" s="102">
        <v>16</v>
      </c>
      <c r="DO15" s="102">
        <v>15</v>
      </c>
      <c r="DP15" s="102">
        <v>17</v>
      </c>
      <c r="DQ15" s="102">
        <v>19</v>
      </c>
      <c r="DR15" s="103">
        <v>112</v>
      </c>
      <c r="DS15" s="104">
        <v>151</v>
      </c>
      <c r="DT15" s="101">
        <v>50</v>
      </c>
      <c r="DU15" s="102">
        <v>63</v>
      </c>
      <c r="DV15" s="103">
        <v>113</v>
      </c>
      <c r="DW15" s="413">
        <v>0</v>
      </c>
      <c r="DX15" s="102">
        <v>86</v>
      </c>
      <c r="DY15" s="102">
        <v>48</v>
      </c>
      <c r="DZ15" s="102">
        <v>47</v>
      </c>
      <c r="EA15" s="102">
        <v>45</v>
      </c>
      <c r="EB15" s="102">
        <v>24</v>
      </c>
      <c r="EC15" s="103">
        <v>250</v>
      </c>
      <c r="ED15" s="104">
        <v>363</v>
      </c>
      <c r="EE15" s="101">
        <v>134</v>
      </c>
      <c r="EF15" s="102">
        <v>111</v>
      </c>
      <c r="EG15" s="103">
        <v>245</v>
      </c>
      <c r="EH15" s="413">
        <v>0</v>
      </c>
      <c r="EI15" s="102">
        <v>150</v>
      </c>
      <c r="EJ15" s="102">
        <v>99</v>
      </c>
      <c r="EK15" s="102">
        <v>82</v>
      </c>
      <c r="EL15" s="102">
        <v>76</v>
      </c>
      <c r="EM15" s="102">
        <v>58</v>
      </c>
      <c r="EN15" s="103">
        <v>465</v>
      </c>
      <c r="EO15" s="104">
        <v>710</v>
      </c>
      <c r="EP15" s="101">
        <v>275</v>
      </c>
      <c r="EQ15" s="102">
        <v>224</v>
      </c>
      <c r="ER15" s="103">
        <v>499</v>
      </c>
      <c r="ES15" s="413">
        <v>0</v>
      </c>
      <c r="ET15" s="102">
        <v>404</v>
      </c>
      <c r="EU15" s="102">
        <v>255</v>
      </c>
      <c r="EV15" s="102">
        <v>170</v>
      </c>
      <c r="EW15" s="102">
        <v>163</v>
      </c>
      <c r="EX15" s="102">
        <v>115</v>
      </c>
      <c r="EY15" s="103">
        <v>1107</v>
      </c>
      <c r="EZ15" s="104">
        <v>1606</v>
      </c>
      <c r="FA15" s="101">
        <v>291</v>
      </c>
      <c r="FB15" s="102">
        <v>236</v>
      </c>
      <c r="FC15" s="103">
        <v>527</v>
      </c>
      <c r="FD15" s="413">
        <v>0</v>
      </c>
      <c r="FE15" s="102">
        <v>503</v>
      </c>
      <c r="FF15" s="102">
        <v>304</v>
      </c>
      <c r="FG15" s="102">
        <v>235</v>
      </c>
      <c r="FH15" s="102">
        <v>222</v>
      </c>
      <c r="FI15" s="102">
        <v>143</v>
      </c>
      <c r="FJ15" s="103">
        <v>1407</v>
      </c>
      <c r="FK15" s="104">
        <v>1934</v>
      </c>
      <c r="FL15" s="101">
        <v>164</v>
      </c>
      <c r="FM15" s="102">
        <v>181</v>
      </c>
      <c r="FN15" s="103">
        <v>345</v>
      </c>
      <c r="FO15" s="413">
        <v>0</v>
      </c>
      <c r="FP15" s="102">
        <v>481</v>
      </c>
      <c r="FQ15" s="102">
        <v>375</v>
      </c>
      <c r="FR15" s="102">
        <v>381</v>
      </c>
      <c r="FS15" s="102">
        <v>471</v>
      </c>
      <c r="FT15" s="102">
        <v>234</v>
      </c>
      <c r="FU15" s="103">
        <v>1942</v>
      </c>
      <c r="FV15" s="104">
        <v>2287</v>
      </c>
      <c r="FW15" s="101">
        <v>16</v>
      </c>
      <c r="FX15" s="102">
        <v>10</v>
      </c>
      <c r="FY15" s="103">
        <v>26</v>
      </c>
      <c r="FZ15" s="413">
        <v>0</v>
      </c>
      <c r="GA15" s="102">
        <v>25</v>
      </c>
      <c r="GB15" s="102">
        <v>14</v>
      </c>
      <c r="GC15" s="102">
        <v>22</v>
      </c>
      <c r="GD15" s="102">
        <v>11</v>
      </c>
      <c r="GE15" s="102">
        <v>12</v>
      </c>
      <c r="GF15" s="103">
        <v>84</v>
      </c>
      <c r="GG15" s="104">
        <v>110</v>
      </c>
      <c r="GH15" s="101">
        <v>951</v>
      </c>
      <c r="GI15" s="102">
        <v>843</v>
      </c>
      <c r="GJ15" s="103">
        <v>1794</v>
      </c>
      <c r="GK15" s="413">
        <v>0</v>
      </c>
      <c r="GL15" s="102">
        <v>1694</v>
      </c>
      <c r="GM15" s="102">
        <v>1111</v>
      </c>
      <c r="GN15" s="102">
        <v>952</v>
      </c>
      <c r="GO15" s="102">
        <v>1005</v>
      </c>
      <c r="GP15" s="102">
        <v>605</v>
      </c>
      <c r="GQ15" s="103">
        <v>5367</v>
      </c>
      <c r="GR15" s="104">
        <v>7161</v>
      </c>
      <c r="GS15" s="105">
        <v>1388</v>
      </c>
      <c r="GT15" s="97">
        <v>1194</v>
      </c>
      <c r="GU15" s="98">
        <v>2582</v>
      </c>
      <c r="GV15" s="413">
        <v>0</v>
      </c>
      <c r="GW15" s="97">
        <v>2542</v>
      </c>
      <c r="GX15" s="97">
        <v>1692</v>
      </c>
      <c r="GY15" s="97">
        <v>1401</v>
      </c>
      <c r="GZ15" s="97">
        <v>1429</v>
      </c>
      <c r="HA15" s="97">
        <v>839</v>
      </c>
      <c r="HB15" s="99">
        <v>7903</v>
      </c>
      <c r="HC15" s="100">
        <v>10485</v>
      </c>
      <c r="HD15" s="101">
        <v>35</v>
      </c>
      <c r="HE15" s="102">
        <v>35</v>
      </c>
      <c r="HF15" s="103">
        <v>70</v>
      </c>
      <c r="HG15" s="416">
        <v>0</v>
      </c>
      <c r="HH15" s="102">
        <v>93</v>
      </c>
      <c r="HI15" s="102">
        <v>38</v>
      </c>
      <c r="HJ15" s="102">
        <v>40</v>
      </c>
      <c r="HK15" s="102">
        <v>31</v>
      </c>
      <c r="HL15" s="102">
        <v>29</v>
      </c>
      <c r="HM15" s="103">
        <v>231</v>
      </c>
      <c r="HN15" s="104">
        <v>301</v>
      </c>
      <c r="HO15" s="101">
        <v>91</v>
      </c>
      <c r="HP15" s="102">
        <v>103</v>
      </c>
      <c r="HQ15" s="103">
        <v>194</v>
      </c>
      <c r="HR15" s="413">
        <v>0</v>
      </c>
      <c r="HS15" s="102">
        <v>178</v>
      </c>
      <c r="HT15" s="102">
        <v>106</v>
      </c>
      <c r="HU15" s="102">
        <v>93</v>
      </c>
      <c r="HV15" s="102">
        <v>86</v>
      </c>
      <c r="HW15" s="102">
        <v>49</v>
      </c>
      <c r="HX15" s="103">
        <v>512</v>
      </c>
      <c r="HY15" s="104">
        <v>706</v>
      </c>
      <c r="HZ15" s="101">
        <v>198</v>
      </c>
      <c r="IA15" s="102">
        <v>174</v>
      </c>
      <c r="IB15" s="103">
        <v>372</v>
      </c>
      <c r="IC15" s="413">
        <v>0</v>
      </c>
      <c r="ID15" s="102">
        <v>281</v>
      </c>
      <c r="IE15" s="102">
        <v>212</v>
      </c>
      <c r="IF15" s="102">
        <v>163</v>
      </c>
      <c r="IG15" s="102">
        <v>149</v>
      </c>
      <c r="IH15" s="102">
        <v>98</v>
      </c>
      <c r="II15" s="103">
        <v>903</v>
      </c>
      <c r="IJ15" s="104">
        <v>1275</v>
      </c>
      <c r="IK15" s="101">
        <v>389</v>
      </c>
      <c r="IL15" s="102">
        <v>314</v>
      </c>
      <c r="IM15" s="103">
        <v>703</v>
      </c>
      <c r="IN15" s="413">
        <v>0</v>
      </c>
      <c r="IO15" s="102">
        <v>616</v>
      </c>
      <c r="IP15" s="102">
        <v>393</v>
      </c>
      <c r="IQ15" s="102">
        <v>289</v>
      </c>
      <c r="IR15" s="102">
        <v>266</v>
      </c>
      <c r="IS15" s="102">
        <v>186</v>
      </c>
      <c r="IT15" s="103">
        <v>1750</v>
      </c>
      <c r="IU15" s="104">
        <v>2453</v>
      </c>
      <c r="IV15" s="101">
        <v>425</v>
      </c>
      <c r="IW15" s="102">
        <v>319</v>
      </c>
      <c r="IX15" s="103">
        <v>744</v>
      </c>
      <c r="IY15" s="413">
        <v>0</v>
      </c>
      <c r="IZ15" s="102">
        <v>710</v>
      </c>
      <c r="JA15" s="102">
        <v>455</v>
      </c>
      <c r="JB15" s="102">
        <v>350</v>
      </c>
      <c r="JC15" s="102">
        <v>331</v>
      </c>
      <c r="JD15" s="102">
        <v>188</v>
      </c>
      <c r="JE15" s="103">
        <v>2034</v>
      </c>
      <c r="JF15" s="104">
        <v>2778</v>
      </c>
      <c r="JG15" s="101">
        <v>250</v>
      </c>
      <c r="JH15" s="102">
        <v>249</v>
      </c>
      <c r="JI15" s="103">
        <v>499</v>
      </c>
      <c r="JJ15" s="413">
        <v>0</v>
      </c>
      <c r="JK15" s="102">
        <v>664</v>
      </c>
      <c r="JL15" s="102">
        <v>488</v>
      </c>
      <c r="JM15" s="102">
        <v>466</v>
      </c>
      <c r="JN15" s="102">
        <v>566</v>
      </c>
      <c r="JO15" s="102">
        <v>289</v>
      </c>
      <c r="JP15" s="103">
        <v>2473</v>
      </c>
      <c r="JQ15" s="104">
        <v>2972</v>
      </c>
      <c r="JR15" s="101">
        <v>21</v>
      </c>
      <c r="JS15" s="102">
        <v>27</v>
      </c>
      <c r="JT15" s="103">
        <v>48</v>
      </c>
      <c r="JU15" s="413">
        <v>0</v>
      </c>
      <c r="JV15" s="102">
        <v>49</v>
      </c>
      <c r="JW15" s="102">
        <v>32</v>
      </c>
      <c r="JX15" s="102">
        <v>36</v>
      </c>
      <c r="JY15" s="102">
        <v>35</v>
      </c>
      <c r="JZ15" s="102">
        <v>27</v>
      </c>
      <c r="KA15" s="103">
        <v>179</v>
      </c>
      <c r="KB15" s="104">
        <v>227</v>
      </c>
      <c r="KC15" s="101">
        <v>1409</v>
      </c>
      <c r="KD15" s="102">
        <v>1221</v>
      </c>
      <c r="KE15" s="103">
        <v>2630</v>
      </c>
      <c r="KF15" s="413">
        <v>0</v>
      </c>
      <c r="KG15" s="102">
        <v>2591</v>
      </c>
      <c r="KH15" s="102">
        <v>1724</v>
      </c>
      <c r="KI15" s="102">
        <v>1437</v>
      </c>
      <c r="KJ15" s="102">
        <v>1464</v>
      </c>
      <c r="KK15" s="102">
        <v>866</v>
      </c>
      <c r="KL15" s="103">
        <v>8082</v>
      </c>
      <c r="KM15" s="104">
        <v>10712</v>
      </c>
    </row>
    <row r="16" spans="2:299" s="70" customFormat="1" ht="21" customHeight="1" x14ac:dyDescent="0.2">
      <c r="B16" s="106" t="s">
        <v>12</v>
      </c>
      <c r="C16" s="96">
        <v>743</v>
      </c>
      <c r="D16" s="97">
        <v>697</v>
      </c>
      <c r="E16" s="98">
        <v>1440</v>
      </c>
      <c r="F16" s="413">
        <v>0</v>
      </c>
      <c r="G16" s="97">
        <v>716</v>
      </c>
      <c r="H16" s="97">
        <v>717</v>
      </c>
      <c r="I16" s="97">
        <v>483</v>
      </c>
      <c r="J16" s="97">
        <v>462</v>
      </c>
      <c r="K16" s="97">
        <v>207</v>
      </c>
      <c r="L16" s="99">
        <v>2585</v>
      </c>
      <c r="M16" s="100">
        <v>4025</v>
      </c>
      <c r="N16" s="107">
        <v>26</v>
      </c>
      <c r="O16" s="102">
        <v>24</v>
      </c>
      <c r="P16" s="103">
        <v>50</v>
      </c>
      <c r="Q16" s="413">
        <v>0</v>
      </c>
      <c r="R16" s="102">
        <v>16</v>
      </c>
      <c r="S16" s="102">
        <v>30</v>
      </c>
      <c r="T16" s="102">
        <v>14</v>
      </c>
      <c r="U16" s="102">
        <v>17</v>
      </c>
      <c r="V16" s="102">
        <v>6</v>
      </c>
      <c r="W16" s="103">
        <v>83</v>
      </c>
      <c r="X16" s="104">
        <v>133</v>
      </c>
      <c r="Y16" s="101">
        <v>55</v>
      </c>
      <c r="Z16" s="102">
        <v>56</v>
      </c>
      <c r="AA16" s="103">
        <v>111</v>
      </c>
      <c r="AB16" s="413">
        <v>0</v>
      </c>
      <c r="AC16" s="102">
        <v>46</v>
      </c>
      <c r="AD16" s="102">
        <v>51</v>
      </c>
      <c r="AE16" s="102">
        <v>44</v>
      </c>
      <c r="AF16" s="102">
        <v>46</v>
      </c>
      <c r="AG16" s="102">
        <v>17</v>
      </c>
      <c r="AH16" s="103">
        <v>204</v>
      </c>
      <c r="AI16" s="104">
        <v>315</v>
      </c>
      <c r="AJ16" s="107">
        <v>94</v>
      </c>
      <c r="AK16" s="102">
        <v>113</v>
      </c>
      <c r="AL16" s="103">
        <v>207</v>
      </c>
      <c r="AM16" s="413">
        <v>0</v>
      </c>
      <c r="AN16" s="102">
        <v>100</v>
      </c>
      <c r="AO16" s="102">
        <v>108</v>
      </c>
      <c r="AP16" s="102">
        <v>74</v>
      </c>
      <c r="AQ16" s="102">
        <v>75</v>
      </c>
      <c r="AR16" s="102">
        <v>34</v>
      </c>
      <c r="AS16" s="103">
        <v>391</v>
      </c>
      <c r="AT16" s="104">
        <v>598</v>
      </c>
      <c r="AU16" s="101">
        <v>198</v>
      </c>
      <c r="AV16" s="102">
        <v>177</v>
      </c>
      <c r="AW16" s="103">
        <v>375</v>
      </c>
      <c r="AX16" s="413">
        <v>0</v>
      </c>
      <c r="AY16" s="102">
        <v>175</v>
      </c>
      <c r="AZ16" s="102">
        <v>192</v>
      </c>
      <c r="BA16" s="102">
        <v>117</v>
      </c>
      <c r="BB16" s="102">
        <v>95</v>
      </c>
      <c r="BC16" s="102">
        <v>57</v>
      </c>
      <c r="BD16" s="103">
        <v>636</v>
      </c>
      <c r="BE16" s="104">
        <v>1011</v>
      </c>
      <c r="BF16" s="107">
        <v>238</v>
      </c>
      <c r="BG16" s="102">
        <v>189</v>
      </c>
      <c r="BH16" s="103">
        <v>427</v>
      </c>
      <c r="BI16" s="413">
        <v>0</v>
      </c>
      <c r="BJ16" s="102">
        <v>220</v>
      </c>
      <c r="BK16" s="102">
        <v>179</v>
      </c>
      <c r="BL16" s="102">
        <v>130</v>
      </c>
      <c r="BM16" s="102">
        <v>123</v>
      </c>
      <c r="BN16" s="102">
        <v>53</v>
      </c>
      <c r="BO16" s="103">
        <v>705</v>
      </c>
      <c r="BP16" s="104">
        <v>1132</v>
      </c>
      <c r="BQ16" s="101">
        <v>132</v>
      </c>
      <c r="BR16" s="102">
        <v>138</v>
      </c>
      <c r="BS16" s="103">
        <v>270</v>
      </c>
      <c r="BT16" s="413">
        <v>0</v>
      </c>
      <c r="BU16" s="102">
        <v>159</v>
      </c>
      <c r="BV16" s="102">
        <v>157</v>
      </c>
      <c r="BW16" s="102">
        <v>104</v>
      </c>
      <c r="BX16" s="102">
        <v>106</v>
      </c>
      <c r="BY16" s="102">
        <v>40</v>
      </c>
      <c r="BZ16" s="103">
        <v>566</v>
      </c>
      <c r="CA16" s="104">
        <v>836</v>
      </c>
      <c r="CB16" s="101">
        <v>15</v>
      </c>
      <c r="CC16" s="102">
        <v>35</v>
      </c>
      <c r="CD16" s="103">
        <v>50</v>
      </c>
      <c r="CE16" s="413">
        <v>0</v>
      </c>
      <c r="CF16" s="102">
        <v>12</v>
      </c>
      <c r="CG16" s="102">
        <v>30</v>
      </c>
      <c r="CH16" s="102">
        <v>17</v>
      </c>
      <c r="CI16" s="102">
        <v>18</v>
      </c>
      <c r="CJ16" s="102">
        <v>19</v>
      </c>
      <c r="CK16" s="103">
        <v>96</v>
      </c>
      <c r="CL16" s="104">
        <v>146</v>
      </c>
      <c r="CM16" s="101">
        <v>758</v>
      </c>
      <c r="CN16" s="102">
        <v>732</v>
      </c>
      <c r="CO16" s="103">
        <v>1490</v>
      </c>
      <c r="CP16" s="413">
        <v>0</v>
      </c>
      <c r="CQ16" s="102">
        <v>728</v>
      </c>
      <c r="CR16" s="102">
        <v>747</v>
      </c>
      <c r="CS16" s="102">
        <v>500</v>
      </c>
      <c r="CT16" s="102">
        <v>480</v>
      </c>
      <c r="CU16" s="102">
        <v>226</v>
      </c>
      <c r="CV16" s="103">
        <v>2681</v>
      </c>
      <c r="CW16" s="104">
        <v>4171</v>
      </c>
      <c r="CX16" s="105">
        <v>1471</v>
      </c>
      <c r="CY16" s="97">
        <v>1522</v>
      </c>
      <c r="CZ16" s="98">
        <v>2993</v>
      </c>
      <c r="DA16" s="413">
        <v>0</v>
      </c>
      <c r="DB16" s="97">
        <v>1537</v>
      </c>
      <c r="DC16" s="97">
        <v>1174</v>
      </c>
      <c r="DD16" s="97">
        <v>1010</v>
      </c>
      <c r="DE16" s="97">
        <v>1072</v>
      </c>
      <c r="DF16" s="97">
        <v>648</v>
      </c>
      <c r="DG16" s="99">
        <v>5441</v>
      </c>
      <c r="DH16" s="100">
        <v>8434</v>
      </c>
      <c r="DI16" s="107">
        <v>23</v>
      </c>
      <c r="DJ16" s="102">
        <v>33</v>
      </c>
      <c r="DK16" s="103">
        <v>56</v>
      </c>
      <c r="DL16" s="413">
        <v>0</v>
      </c>
      <c r="DM16" s="102">
        <v>21</v>
      </c>
      <c r="DN16" s="102">
        <v>20</v>
      </c>
      <c r="DO16" s="102">
        <v>20</v>
      </c>
      <c r="DP16" s="102">
        <v>14</v>
      </c>
      <c r="DQ16" s="102">
        <v>13</v>
      </c>
      <c r="DR16" s="103">
        <v>88</v>
      </c>
      <c r="DS16" s="104">
        <v>144</v>
      </c>
      <c r="DT16" s="101">
        <v>90</v>
      </c>
      <c r="DU16" s="102">
        <v>88</v>
      </c>
      <c r="DV16" s="103">
        <v>178</v>
      </c>
      <c r="DW16" s="413">
        <v>0</v>
      </c>
      <c r="DX16" s="102">
        <v>41</v>
      </c>
      <c r="DY16" s="102">
        <v>40</v>
      </c>
      <c r="DZ16" s="102">
        <v>41</v>
      </c>
      <c r="EA16" s="102">
        <v>37</v>
      </c>
      <c r="EB16" s="102">
        <v>34</v>
      </c>
      <c r="EC16" s="103">
        <v>193</v>
      </c>
      <c r="ED16" s="104">
        <v>371</v>
      </c>
      <c r="EE16" s="107">
        <v>209</v>
      </c>
      <c r="EF16" s="102">
        <v>222</v>
      </c>
      <c r="EG16" s="103">
        <v>431</v>
      </c>
      <c r="EH16" s="413">
        <v>0</v>
      </c>
      <c r="EI16" s="102">
        <v>151</v>
      </c>
      <c r="EJ16" s="102">
        <v>104</v>
      </c>
      <c r="EK16" s="102">
        <v>87</v>
      </c>
      <c r="EL16" s="102">
        <v>99</v>
      </c>
      <c r="EM16" s="102">
        <v>65</v>
      </c>
      <c r="EN16" s="103">
        <v>506</v>
      </c>
      <c r="EO16" s="104">
        <v>937</v>
      </c>
      <c r="EP16" s="101">
        <v>458</v>
      </c>
      <c r="EQ16" s="102">
        <v>398</v>
      </c>
      <c r="ER16" s="103">
        <v>856</v>
      </c>
      <c r="ES16" s="413">
        <v>0</v>
      </c>
      <c r="ET16" s="102">
        <v>378</v>
      </c>
      <c r="EU16" s="102">
        <v>244</v>
      </c>
      <c r="EV16" s="102">
        <v>172</v>
      </c>
      <c r="EW16" s="102">
        <v>175</v>
      </c>
      <c r="EX16" s="102">
        <v>119</v>
      </c>
      <c r="EY16" s="103">
        <v>1088</v>
      </c>
      <c r="EZ16" s="104">
        <v>1944</v>
      </c>
      <c r="FA16" s="107">
        <v>442</v>
      </c>
      <c r="FB16" s="102">
        <v>437</v>
      </c>
      <c r="FC16" s="103">
        <v>879</v>
      </c>
      <c r="FD16" s="413">
        <v>0</v>
      </c>
      <c r="FE16" s="102">
        <v>484</v>
      </c>
      <c r="FF16" s="102">
        <v>334</v>
      </c>
      <c r="FG16" s="102">
        <v>276</v>
      </c>
      <c r="FH16" s="102">
        <v>267</v>
      </c>
      <c r="FI16" s="102">
        <v>167</v>
      </c>
      <c r="FJ16" s="103">
        <v>1528</v>
      </c>
      <c r="FK16" s="104">
        <v>2407</v>
      </c>
      <c r="FL16" s="101">
        <v>249</v>
      </c>
      <c r="FM16" s="102">
        <v>344</v>
      </c>
      <c r="FN16" s="103">
        <v>593</v>
      </c>
      <c r="FO16" s="413">
        <v>0</v>
      </c>
      <c r="FP16" s="102">
        <v>462</v>
      </c>
      <c r="FQ16" s="102">
        <v>432</v>
      </c>
      <c r="FR16" s="102">
        <v>414</v>
      </c>
      <c r="FS16" s="102">
        <v>480</v>
      </c>
      <c r="FT16" s="102">
        <v>250</v>
      </c>
      <c r="FU16" s="103">
        <v>2038</v>
      </c>
      <c r="FV16" s="104">
        <v>2631</v>
      </c>
      <c r="FW16" s="101">
        <v>14</v>
      </c>
      <c r="FX16" s="102">
        <v>26</v>
      </c>
      <c r="FY16" s="103">
        <v>40</v>
      </c>
      <c r="FZ16" s="413">
        <v>0</v>
      </c>
      <c r="GA16" s="102">
        <v>13</v>
      </c>
      <c r="GB16" s="102">
        <v>17</v>
      </c>
      <c r="GC16" s="102">
        <v>17</v>
      </c>
      <c r="GD16" s="102">
        <v>12</v>
      </c>
      <c r="GE16" s="102">
        <v>10</v>
      </c>
      <c r="GF16" s="103">
        <v>69</v>
      </c>
      <c r="GG16" s="104">
        <v>109</v>
      </c>
      <c r="GH16" s="101">
        <v>1485</v>
      </c>
      <c r="GI16" s="102">
        <v>1548</v>
      </c>
      <c r="GJ16" s="103">
        <v>3033</v>
      </c>
      <c r="GK16" s="413">
        <v>0</v>
      </c>
      <c r="GL16" s="102">
        <v>1550</v>
      </c>
      <c r="GM16" s="102">
        <v>1191</v>
      </c>
      <c r="GN16" s="102">
        <v>1027</v>
      </c>
      <c r="GO16" s="102">
        <v>1084</v>
      </c>
      <c r="GP16" s="102">
        <v>658</v>
      </c>
      <c r="GQ16" s="103">
        <v>5510</v>
      </c>
      <c r="GR16" s="104">
        <v>8543</v>
      </c>
      <c r="GS16" s="105">
        <v>2214</v>
      </c>
      <c r="GT16" s="97">
        <v>2219</v>
      </c>
      <c r="GU16" s="98">
        <v>4433</v>
      </c>
      <c r="GV16" s="413">
        <v>0</v>
      </c>
      <c r="GW16" s="97">
        <v>2253</v>
      </c>
      <c r="GX16" s="97">
        <v>1891</v>
      </c>
      <c r="GY16" s="97">
        <v>1493</v>
      </c>
      <c r="GZ16" s="97">
        <v>1534</v>
      </c>
      <c r="HA16" s="97">
        <v>855</v>
      </c>
      <c r="HB16" s="99">
        <v>8026</v>
      </c>
      <c r="HC16" s="100">
        <v>12459</v>
      </c>
      <c r="HD16" s="107">
        <v>49</v>
      </c>
      <c r="HE16" s="102">
        <v>57</v>
      </c>
      <c r="HF16" s="103">
        <v>106</v>
      </c>
      <c r="HG16" s="416">
        <v>0</v>
      </c>
      <c r="HH16" s="102">
        <v>37</v>
      </c>
      <c r="HI16" s="102">
        <v>50</v>
      </c>
      <c r="HJ16" s="102">
        <v>34</v>
      </c>
      <c r="HK16" s="102">
        <v>31</v>
      </c>
      <c r="HL16" s="102">
        <v>19</v>
      </c>
      <c r="HM16" s="103">
        <v>171</v>
      </c>
      <c r="HN16" s="104">
        <v>277</v>
      </c>
      <c r="HO16" s="101">
        <v>145</v>
      </c>
      <c r="HP16" s="102">
        <v>144</v>
      </c>
      <c r="HQ16" s="103">
        <v>289</v>
      </c>
      <c r="HR16" s="413">
        <v>0</v>
      </c>
      <c r="HS16" s="102">
        <v>87</v>
      </c>
      <c r="HT16" s="102">
        <v>91</v>
      </c>
      <c r="HU16" s="102">
        <v>85</v>
      </c>
      <c r="HV16" s="102">
        <v>83</v>
      </c>
      <c r="HW16" s="102">
        <v>51</v>
      </c>
      <c r="HX16" s="103">
        <v>397</v>
      </c>
      <c r="HY16" s="104">
        <v>686</v>
      </c>
      <c r="HZ16" s="107">
        <v>303</v>
      </c>
      <c r="IA16" s="102">
        <v>335</v>
      </c>
      <c r="IB16" s="103">
        <v>638</v>
      </c>
      <c r="IC16" s="413">
        <v>0</v>
      </c>
      <c r="ID16" s="102">
        <v>251</v>
      </c>
      <c r="IE16" s="102">
        <v>212</v>
      </c>
      <c r="IF16" s="102">
        <v>161</v>
      </c>
      <c r="IG16" s="102">
        <v>174</v>
      </c>
      <c r="IH16" s="102">
        <v>99</v>
      </c>
      <c r="II16" s="103">
        <v>897</v>
      </c>
      <c r="IJ16" s="104">
        <v>1535</v>
      </c>
      <c r="IK16" s="101">
        <v>656</v>
      </c>
      <c r="IL16" s="102">
        <v>575</v>
      </c>
      <c r="IM16" s="103">
        <v>1231</v>
      </c>
      <c r="IN16" s="413">
        <v>0</v>
      </c>
      <c r="IO16" s="102">
        <v>553</v>
      </c>
      <c r="IP16" s="102">
        <v>436</v>
      </c>
      <c r="IQ16" s="102">
        <v>289</v>
      </c>
      <c r="IR16" s="102">
        <v>270</v>
      </c>
      <c r="IS16" s="102">
        <v>176</v>
      </c>
      <c r="IT16" s="103">
        <v>1724</v>
      </c>
      <c r="IU16" s="104">
        <v>2955</v>
      </c>
      <c r="IV16" s="107">
        <v>680</v>
      </c>
      <c r="IW16" s="102">
        <v>626</v>
      </c>
      <c r="IX16" s="103">
        <v>1306</v>
      </c>
      <c r="IY16" s="413">
        <v>0</v>
      </c>
      <c r="IZ16" s="102">
        <v>704</v>
      </c>
      <c r="JA16" s="102">
        <v>513</v>
      </c>
      <c r="JB16" s="102">
        <v>406</v>
      </c>
      <c r="JC16" s="102">
        <v>390</v>
      </c>
      <c r="JD16" s="102">
        <v>220</v>
      </c>
      <c r="JE16" s="103">
        <v>2233</v>
      </c>
      <c r="JF16" s="104">
        <v>3539</v>
      </c>
      <c r="JG16" s="101">
        <v>381</v>
      </c>
      <c r="JH16" s="102">
        <v>482</v>
      </c>
      <c r="JI16" s="103">
        <v>863</v>
      </c>
      <c r="JJ16" s="413">
        <v>0</v>
      </c>
      <c r="JK16" s="102">
        <v>621</v>
      </c>
      <c r="JL16" s="102">
        <v>589</v>
      </c>
      <c r="JM16" s="102">
        <v>518</v>
      </c>
      <c r="JN16" s="102">
        <v>586</v>
      </c>
      <c r="JO16" s="102">
        <v>290</v>
      </c>
      <c r="JP16" s="103">
        <v>2604</v>
      </c>
      <c r="JQ16" s="104">
        <v>3467</v>
      </c>
      <c r="JR16" s="101">
        <v>29</v>
      </c>
      <c r="JS16" s="102">
        <v>61</v>
      </c>
      <c r="JT16" s="103">
        <v>90</v>
      </c>
      <c r="JU16" s="413">
        <v>0</v>
      </c>
      <c r="JV16" s="102">
        <v>25</v>
      </c>
      <c r="JW16" s="102">
        <v>47</v>
      </c>
      <c r="JX16" s="102">
        <v>34</v>
      </c>
      <c r="JY16" s="102">
        <v>30</v>
      </c>
      <c r="JZ16" s="102">
        <v>29</v>
      </c>
      <c r="KA16" s="103">
        <v>165</v>
      </c>
      <c r="KB16" s="104">
        <v>255</v>
      </c>
      <c r="KC16" s="101">
        <v>2243</v>
      </c>
      <c r="KD16" s="102">
        <v>2280</v>
      </c>
      <c r="KE16" s="103">
        <v>4523</v>
      </c>
      <c r="KF16" s="413">
        <v>0</v>
      </c>
      <c r="KG16" s="102">
        <v>2278</v>
      </c>
      <c r="KH16" s="102">
        <v>1938</v>
      </c>
      <c r="KI16" s="102">
        <v>1527</v>
      </c>
      <c r="KJ16" s="102">
        <v>1564</v>
      </c>
      <c r="KK16" s="102">
        <v>884</v>
      </c>
      <c r="KL16" s="103">
        <v>8191</v>
      </c>
      <c r="KM16" s="104">
        <v>12714</v>
      </c>
    </row>
    <row r="17" spans="2:299" s="70" customFormat="1" ht="21" customHeight="1" x14ac:dyDescent="0.2">
      <c r="B17" s="106" t="s">
        <v>13</v>
      </c>
      <c r="C17" s="96">
        <v>169</v>
      </c>
      <c r="D17" s="97">
        <v>159</v>
      </c>
      <c r="E17" s="98">
        <v>328</v>
      </c>
      <c r="F17" s="413">
        <v>0</v>
      </c>
      <c r="G17" s="97">
        <v>324</v>
      </c>
      <c r="H17" s="97">
        <v>290</v>
      </c>
      <c r="I17" s="97">
        <v>182</v>
      </c>
      <c r="J17" s="97">
        <v>135</v>
      </c>
      <c r="K17" s="97">
        <v>109</v>
      </c>
      <c r="L17" s="99">
        <v>1040</v>
      </c>
      <c r="M17" s="100">
        <v>1368</v>
      </c>
      <c r="N17" s="101">
        <v>5</v>
      </c>
      <c r="O17" s="102">
        <v>4</v>
      </c>
      <c r="P17" s="103">
        <v>9</v>
      </c>
      <c r="Q17" s="413">
        <v>0</v>
      </c>
      <c r="R17" s="102">
        <v>12</v>
      </c>
      <c r="S17" s="102">
        <v>8</v>
      </c>
      <c r="T17" s="102">
        <v>4</v>
      </c>
      <c r="U17" s="102">
        <v>7</v>
      </c>
      <c r="V17" s="102">
        <v>7</v>
      </c>
      <c r="W17" s="103">
        <v>38</v>
      </c>
      <c r="X17" s="104">
        <v>47</v>
      </c>
      <c r="Y17" s="101">
        <v>11</v>
      </c>
      <c r="Z17" s="102">
        <v>8</v>
      </c>
      <c r="AA17" s="103">
        <v>19</v>
      </c>
      <c r="AB17" s="413">
        <v>0</v>
      </c>
      <c r="AC17" s="102">
        <v>20</v>
      </c>
      <c r="AD17" s="102">
        <v>18</v>
      </c>
      <c r="AE17" s="102">
        <v>15</v>
      </c>
      <c r="AF17" s="102">
        <v>13</v>
      </c>
      <c r="AG17" s="102">
        <v>9</v>
      </c>
      <c r="AH17" s="103">
        <v>75</v>
      </c>
      <c r="AI17" s="104">
        <v>94</v>
      </c>
      <c r="AJ17" s="101">
        <v>20</v>
      </c>
      <c r="AK17" s="102">
        <v>15</v>
      </c>
      <c r="AL17" s="103">
        <v>35</v>
      </c>
      <c r="AM17" s="413">
        <v>0</v>
      </c>
      <c r="AN17" s="102">
        <v>41</v>
      </c>
      <c r="AO17" s="102">
        <v>45</v>
      </c>
      <c r="AP17" s="102">
        <v>25</v>
      </c>
      <c r="AQ17" s="102">
        <v>14</v>
      </c>
      <c r="AR17" s="102">
        <v>13</v>
      </c>
      <c r="AS17" s="103">
        <v>138</v>
      </c>
      <c r="AT17" s="104">
        <v>173</v>
      </c>
      <c r="AU17" s="101">
        <v>43</v>
      </c>
      <c r="AV17" s="102">
        <v>37</v>
      </c>
      <c r="AW17" s="103">
        <v>80</v>
      </c>
      <c r="AX17" s="413">
        <v>0</v>
      </c>
      <c r="AY17" s="102">
        <v>75</v>
      </c>
      <c r="AZ17" s="102">
        <v>60</v>
      </c>
      <c r="BA17" s="102">
        <v>44</v>
      </c>
      <c r="BB17" s="102">
        <v>27</v>
      </c>
      <c r="BC17" s="102">
        <v>22</v>
      </c>
      <c r="BD17" s="103">
        <v>228</v>
      </c>
      <c r="BE17" s="104">
        <v>308</v>
      </c>
      <c r="BF17" s="101">
        <v>52</v>
      </c>
      <c r="BG17" s="102">
        <v>56</v>
      </c>
      <c r="BH17" s="103">
        <v>108</v>
      </c>
      <c r="BI17" s="413">
        <v>0</v>
      </c>
      <c r="BJ17" s="102">
        <v>102</v>
      </c>
      <c r="BK17" s="102">
        <v>87</v>
      </c>
      <c r="BL17" s="102">
        <v>49</v>
      </c>
      <c r="BM17" s="102">
        <v>36</v>
      </c>
      <c r="BN17" s="102">
        <v>23</v>
      </c>
      <c r="BO17" s="103">
        <v>297</v>
      </c>
      <c r="BP17" s="104">
        <v>405</v>
      </c>
      <c r="BQ17" s="101">
        <v>38</v>
      </c>
      <c r="BR17" s="102">
        <v>39</v>
      </c>
      <c r="BS17" s="103">
        <v>77</v>
      </c>
      <c r="BT17" s="413">
        <v>0</v>
      </c>
      <c r="BU17" s="102">
        <v>74</v>
      </c>
      <c r="BV17" s="102">
        <v>72</v>
      </c>
      <c r="BW17" s="102">
        <v>45</v>
      </c>
      <c r="BX17" s="102">
        <v>38</v>
      </c>
      <c r="BY17" s="102">
        <v>35</v>
      </c>
      <c r="BZ17" s="103">
        <v>264</v>
      </c>
      <c r="CA17" s="104">
        <v>341</v>
      </c>
      <c r="CB17" s="101">
        <v>5</v>
      </c>
      <c r="CC17" s="102">
        <v>3</v>
      </c>
      <c r="CD17" s="103">
        <v>8</v>
      </c>
      <c r="CE17" s="413">
        <v>0</v>
      </c>
      <c r="CF17" s="102">
        <v>8</v>
      </c>
      <c r="CG17" s="102">
        <v>11</v>
      </c>
      <c r="CH17" s="102">
        <v>7</v>
      </c>
      <c r="CI17" s="102">
        <v>2</v>
      </c>
      <c r="CJ17" s="102">
        <v>7</v>
      </c>
      <c r="CK17" s="103">
        <v>35</v>
      </c>
      <c r="CL17" s="104">
        <v>43</v>
      </c>
      <c r="CM17" s="101">
        <v>174</v>
      </c>
      <c r="CN17" s="102">
        <v>162</v>
      </c>
      <c r="CO17" s="103">
        <v>336</v>
      </c>
      <c r="CP17" s="413">
        <v>0</v>
      </c>
      <c r="CQ17" s="102">
        <v>332</v>
      </c>
      <c r="CR17" s="102">
        <v>301</v>
      </c>
      <c r="CS17" s="102">
        <v>189</v>
      </c>
      <c r="CT17" s="102">
        <v>137</v>
      </c>
      <c r="CU17" s="102">
        <v>116</v>
      </c>
      <c r="CV17" s="103">
        <v>1075</v>
      </c>
      <c r="CW17" s="104">
        <v>1411</v>
      </c>
      <c r="CX17" s="105">
        <v>386</v>
      </c>
      <c r="CY17" s="97">
        <v>428</v>
      </c>
      <c r="CZ17" s="98">
        <v>814</v>
      </c>
      <c r="DA17" s="413">
        <v>0</v>
      </c>
      <c r="DB17" s="97">
        <v>591</v>
      </c>
      <c r="DC17" s="97">
        <v>539</v>
      </c>
      <c r="DD17" s="97">
        <v>338</v>
      </c>
      <c r="DE17" s="97">
        <v>382</v>
      </c>
      <c r="DF17" s="97">
        <v>291</v>
      </c>
      <c r="DG17" s="99">
        <v>2141</v>
      </c>
      <c r="DH17" s="100">
        <v>2955</v>
      </c>
      <c r="DI17" s="101">
        <v>6</v>
      </c>
      <c r="DJ17" s="102">
        <v>4</v>
      </c>
      <c r="DK17" s="103">
        <v>10</v>
      </c>
      <c r="DL17" s="413">
        <v>0</v>
      </c>
      <c r="DM17" s="102">
        <v>11</v>
      </c>
      <c r="DN17" s="102">
        <v>3</v>
      </c>
      <c r="DO17" s="102">
        <v>3</v>
      </c>
      <c r="DP17" s="102">
        <v>8</v>
      </c>
      <c r="DQ17" s="102">
        <v>3</v>
      </c>
      <c r="DR17" s="103">
        <v>28</v>
      </c>
      <c r="DS17" s="104">
        <v>38</v>
      </c>
      <c r="DT17" s="101">
        <v>20</v>
      </c>
      <c r="DU17" s="102">
        <v>25</v>
      </c>
      <c r="DV17" s="103">
        <v>45</v>
      </c>
      <c r="DW17" s="413">
        <v>0</v>
      </c>
      <c r="DX17" s="102">
        <v>12</v>
      </c>
      <c r="DY17" s="102">
        <v>22</v>
      </c>
      <c r="DZ17" s="102">
        <v>11</v>
      </c>
      <c r="EA17" s="102">
        <v>9</v>
      </c>
      <c r="EB17" s="102">
        <v>8</v>
      </c>
      <c r="EC17" s="103">
        <v>62</v>
      </c>
      <c r="ED17" s="104">
        <v>107</v>
      </c>
      <c r="EE17" s="101">
        <v>39</v>
      </c>
      <c r="EF17" s="102">
        <v>40</v>
      </c>
      <c r="EG17" s="103">
        <v>79</v>
      </c>
      <c r="EH17" s="413">
        <v>0</v>
      </c>
      <c r="EI17" s="102">
        <v>61</v>
      </c>
      <c r="EJ17" s="102">
        <v>39</v>
      </c>
      <c r="EK17" s="102">
        <v>37</v>
      </c>
      <c r="EL17" s="102">
        <v>25</v>
      </c>
      <c r="EM17" s="102">
        <v>25</v>
      </c>
      <c r="EN17" s="103">
        <v>187</v>
      </c>
      <c r="EO17" s="104">
        <v>266</v>
      </c>
      <c r="EP17" s="101">
        <v>112</v>
      </c>
      <c r="EQ17" s="102">
        <v>135</v>
      </c>
      <c r="ER17" s="103">
        <v>247</v>
      </c>
      <c r="ES17" s="413">
        <v>0</v>
      </c>
      <c r="ET17" s="102">
        <v>143</v>
      </c>
      <c r="EU17" s="102">
        <v>111</v>
      </c>
      <c r="EV17" s="102">
        <v>52</v>
      </c>
      <c r="EW17" s="102">
        <v>63</v>
      </c>
      <c r="EX17" s="102">
        <v>52</v>
      </c>
      <c r="EY17" s="103">
        <v>421</v>
      </c>
      <c r="EZ17" s="104">
        <v>668</v>
      </c>
      <c r="FA17" s="101">
        <v>138</v>
      </c>
      <c r="FB17" s="102">
        <v>131</v>
      </c>
      <c r="FC17" s="103">
        <v>269</v>
      </c>
      <c r="FD17" s="413">
        <v>0</v>
      </c>
      <c r="FE17" s="102">
        <v>189</v>
      </c>
      <c r="FF17" s="102">
        <v>153</v>
      </c>
      <c r="FG17" s="102">
        <v>76</v>
      </c>
      <c r="FH17" s="102">
        <v>92</v>
      </c>
      <c r="FI17" s="102">
        <v>70</v>
      </c>
      <c r="FJ17" s="103">
        <v>580</v>
      </c>
      <c r="FK17" s="104">
        <v>849</v>
      </c>
      <c r="FL17" s="101">
        <v>71</v>
      </c>
      <c r="FM17" s="102">
        <v>93</v>
      </c>
      <c r="FN17" s="103">
        <v>164</v>
      </c>
      <c r="FO17" s="413">
        <v>0</v>
      </c>
      <c r="FP17" s="102">
        <v>175</v>
      </c>
      <c r="FQ17" s="102">
        <v>211</v>
      </c>
      <c r="FR17" s="102">
        <v>159</v>
      </c>
      <c r="FS17" s="102">
        <v>185</v>
      </c>
      <c r="FT17" s="102">
        <v>133</v>
      </c>
      <c r="FU17" s="103">
        <v>863</v>
      </c>
      <c r="FV17" s="104">
        <v>1027</v>
      </c>
      <c r="FW17" s="101">
        <v>1</v>
      </c>
      <c r="FX17" s="102">
        <v>3</v>
      </c>
      <c r="FY17" s="103">
        <v>4</v>
      </c>
      <c r="FZ17" s="413">
        <v>0</v>
      </c>
      <c r="GA17" s="102">
        <v>12</v>
      </c>
      <c r="GB17" s="102">
        <v>9</v>
      </c>
      <c r="GC17" s="102">
        <v>5</v>
      </c>
      <c r="GD17" s="102">
        <v>0</v>
      </c>
      <c r="GE17" s="102">
        <v>5</v>
      </c>
      <c r="GF17" s="103">
        <v>31</v>
      </c>
      <c r="GG17" s="104">
        <v>35</v>
      </c>
      <c r="GH17" s="101">
        <v>387</v>
      </c>
      <c r="GI17" s="102">
        <v>431</v>
      </c>
      <c r="GJ17" s="103">
        <v>818</v>
      </c>
      <c r="GK17" s="413">
        <v>0</v>
      </c>
      <c r="GL17" s="102">
        <v>603</v>
      </c>
      <c r="GM17" s="102">
        <v>548</v>
      </c>
      <c r="GN17" s="102">
        <v>343</v>
      </c>
      <c r="GO17" s="102">
        <v>382</v>
      </c>
      <c r="GP17" s="102">
        <v>296</v>
      </c>
      <c r="GQ17" s="103">
        <v>2172</v>
      </c>
      <c r="GR17" s="104">
        <v>2990</v>
      </c>
      <c r="GS17" s="105">
        <v>555</v>
      </c>
      <c r="GT17" s="97">
        <v>587</v>
      </c>
      <c r="GU17" s="98">
        <v>1142</v>
      </c>
      <c r="GV17" s="413">
        <v>0</v>
      </c>
      <c r="GW17" s="97">
        <v>915</v>
      </c>
      <c r="GX17" s="97">
        <v>829</v>
      </c>
      <c r="GY17" s="97">
        <v>520</v>
      </c>
      <c r="GZ17" s="97">
        <v>517</v>
      </c>
      <c r="HA17" s="97">
        <v>400</v>
      </c>
      <c r="HB17" s="99">
        <v>3181</v>
      </c>
      <c r="HC17" s="100">
        <v>4323</v>
      </c>
      <c r="HD17" s="101">
        <v>11</v>
      </c>
      <c r="HE17" s="102">
        <v>8</v>
      </c>
      <c r="HF17" s="103">
        <v>19</v>
      </c>
      <c r="HG17" s="416">
        <v>0</v>
      </c>
      <c r="HH17" s="102">
        <v>23</v>
      </c>
      <c r="HI17" s="102">
        <v>11</v>
      </c>
      <c r="HJ17" s="102">
        <v>7</v>
      </c>
      <c r="HK17" s="102">
        <v>15</v>
      </c>
      <c r="HL17" s="102">
        <v>10</v>
      </c>
      <c r="HM17" s="103">
        <v>66</v>
      </c>
      <c r="HN17" s="104">
        <v>85</v>
      </c>
      <c r="HO17" s="101">
        <v>31</v>
      </c>
      <c r="HP17" s="102">
        <v>33</v>
      </c>
      <c r="HQ17" s="103">
        <v>64</v>
      </c>
      <c r="HR17" s="413">
        <v>0</v>
      </c>
      <c r="HS17" s="102">
        <v>32</v>
      </c>
      <c r="HT17" s="102">
        <v>40</v>
      </c>
      <c r="HU17" s="102">
        <v>26</v>
      </c>
      <c r="HV17" s="102">
        <v>22</v>
      </c>
      <c r="HW17" s="102">
        <v>17</v>
      </c>
      <c r="HX17" s="103">
        <v>137</v>
      </c>
      <c r="HY17" s="104">
        <v>201</v>
      </c>
      <c r="HZ17" s="101">
        <v>59</v>
      </c>
      <c r="IA17" s="102">
        <v>55</v>
      </c>
      <c r="IB17" s="103">
        <v>114</v>
      </c>
      <c r="IC17" s="413">
        <v>0</v>
      </c>
      <c r="ID17" s="102">
        <v>102</v>
      </c>
      <c r="IE17" s="102">
        <v>84</v>
      </c>
      <c r="IF17" s="102">
        <v>62</v>
      </c>
      <c r="IG17" s="102">
        <v>39</v>
      </c>
      <c r="IH17" s="102">
        <v>38</v>
      </c>
      <c r="II17" s="103">
        <v>325</v>
      </c>
      <c r="IJ17" s="104">
        <v>439</v>
      </c>
      <c r="IK17" s="101">
        <v>155</v>
      </c>
      <c r="IL17" s="102">
        <v>172</v>
      </c>
      <c r="IM17" s="103">
        <v>327</v>
      </c>
      <c r="IN17" s="413">
        <v>0</v>
      </c>
      <c r="IO17" s="102">
        <v>218</v>
      </c>
      <c r="IP17" s="102">
        <v>171</v>
      </c>
      <c r="IQ17" s="102">
        <v>96</v>
      </c>
      <c r="IR17" s="102">
        <v>90</v>
      </c>
      <c r="IS17" s="102">
        <v>74</v>
      </c>
      <c r="IT17" s="103">
        <v>649</v>
      </c>
      <c r="IU17" s="104">
        <v>976</v>
      </c>
      <c r="IV17" s="101">
        <v>190</v>
      </c>
      <c r="IW17" s="102">
        <v>187</v>
      </c>
      <c r="IX17" s="103">
        <v>377</v>
      </c>
      <c r="IY17" s="413">
        <v>0</v>
      </c>
      <c r="IZ17" s="102">
        <v>291</v>
      </c>
      <c r="JA17" s="102">
        <v>240</v>
      </c>
      <c r="JB17" s="102">
        <v>125</v>
      </c>
      <c r="JC17" s="102">
        <v>128</v>
      </c>
      <c r="JD17" s="102">
        <v>93</v>
      </c>
      <c r="JE17" s="103">
        <v>877</v>
      </c>
      <c r="JF17" s="104">
        <v>1254</v>
      </c>
      <c r="JG17" s="101">
        <v>109</v>
      </c>
      <c r="JH17" s="102">
        <v>132</v>
      </c>
      <c r="JI17" s="103">
        <v>241</v>
      </c>
      <c r="JJ17" s="413">
        <v>0</v>
      </c>
      <c r="JK17" s="102">
        <v>249</v>
      </c>
      <c r="JL17" s="102">
        <v>283</v>
      </c>
      <c r="JM17" s="102">
        <v>204</v>
      </c>
      <c r="JN17" s="102">
        <v>223</v>
      </c>
      <c r="JO17" s="102">
        <v>168</v>
      </c>
      <c r="JP17" s="103">
        <v>1127</v>
      </c>
      <c r="JQ17" s="104">
        <v>1368</v>
      </c>
      <c r="JR17" s="101">
        <v>6</v>
      </c>
      <c r="JS17" s="102">
        <v>6</v>
      </c>
      <c r="JT17" s="103">
        <v>12</v>
      </c>
      <c r="JU17" s="413">
        <v>0</v>
      </c>
      <c r="JV17" s="102">
        <v>20</v>
      </c>
      <c r="JW17" s="102">
        <v>20</v>
      </c>
      <c r="JX17" s="102">
        <v>12</v>
      </c>
      <c r="JY17" s="102">
        <v>2</v>
      </c>
      <c r="JZ17" s="102">
        <v>12</v>
      </c>
      <c r="KA17" s="103">
        <v>66</v>
      </c>
      <c r="KB17" s="104">
        <v>78</v>
      </c>
      <c r="KC17" s="101">
        <v>561</v>
      </c>
      <c r="KD17" s="102">
        <v>593</v>
      </c>
      <c r="KE17" s="103">
        <v>1154</v>
      </c>
      <c r="KF17" s="413">
        <v>0</v>
      </c>
      <c r="KG17" s="102">
        <v>935</v>
      </c>
      <c r="KH17" s="102">
        <v>849</v>
      </c>
      <c r="KI17" s="102">
        <v>532</v>
      </c>
      <c r="KJ17" s="102">
        <v>519</v>
      </c>
      <c r="KK17" s="102">
        <v>412</v>
      </c>
      <c r="KL17" s="103">
        <v>3247</v>
      </c>
      <c r="KM17" s="104">
        <v>4401</v>
      </c>
    </row>
    <row r="18" spans="2:299" s="70" customFormat="1" ht="21" customHeight="1" x14ac:dyDescent="0.2">
      <c r="B18" s="106" t="s">
        <v>15</v>
      </c>
      <c r="C18" s="96">
        <v>127</v>
      </c>
      <c r="D18" s="97">
        <v>141</v>
      </c>
      <c r="E18" s="98">
        <v>268</v>
      </c>
      <c r="F18" s="413">
        <v>0</v>
      </c>
      <c r="G18" s="97">
        <v>271</v>
      </c>
      <c r="H18" s="97">
        <v>220</v>
      </c>
      <c r="I18" s="97">
        <v>139</v>
      </c>
      <c r="J18" s="97">
        <v>149</v>
      </c>
      <c r="K18" s="97">
        <v>65</v>
      </c>
      <c r="L18" s="99">
        <v>844</v>
      </c>
      <c r="M18" s="100">
        <v>1112</v>
      </c>
      <c r="N18" s="101">
        <v>5</v>
      </c>
      <c r="O18" s="102">
        <v>5</v>
      </c>
      <c r="P18" s="103">
        <v>10</v>
      </c>
      <c r="Q18" s="413">
        <v>0</v>
      </c>
      <c r="R18" s="102">
        <v>13</v>
      </c>
      <c r="S18" s="102">
        <v>16</v>
      </c>
      <c r="T18" s="102">
        <v>3</v>
      </c>
      <c r="U18" s="102">
        <v>6</v>
      </c>
      <c r="V18" s="102">
        <v>5</v>
      </c>
      <c r="W18" s="103">
        <v>43</v>
      </c>
      <c r="X18" s="104">
        <v>53</v>
      </c>
      <c r="Y18" s="101">
        <v>13</v>
      </c>
      <c r="Z18" s="102">
        <v>15</v>
      </c>
      <c r="AA18" s="103">
        <v>28</v>
      </c>
      <c r="AB18" s="413">
        <v>0</v>
      </c>
      <c r="AC18" s="102">
        <v>34</v>
      </c>
      <c r="AD18" s="102">
        <v>24</v>
      </c>
      <c r="AE18" s="102">
        <v>21</v>
      </c>
      <c r="AF18" s="102">
        <v>14</v>
      </c>
      <c r="AG18" s="102">
        <v>7</v>
      </c>
      <c r="AH18" s="103">
        <v>100</v>
      </c>
      <c r="AI18" s="104">
        <v>128</v>
      </c>
      <c r="AJ18" s="101">
        <v>25</v>
      </c>
      <c r="AK18" s="102">
        <v>24</v>
      </c>
      <c r="AL18" s="103">
        <v>49</v>
      </c>
      <c r="AM18" s="413">
        <v>0</v>
      </c>
      <c r="AN18" s="102">
        <v>36</v>
      </c>
      <c r="AO18" s="102">
        <v>47</v>
      </c>
      <c r="AP18" s="102">
        <v>20</v>
      </c>
      <c r="AQ18" s="102">
        <v>31</v>
      </c>
      <c r="AR18" s="102">
        <v>18</v>
      </c>
      <c r="AS18" s="103">
        <v>152</v>
      </c>
      <c r="AT18" s="104">
        <v>201</v>
      </c>
      <c r="AU18" s="101">
        <v>38</v>
      </c>
      <c r="AV18" s="102">
        <v>33</v>
      </c>
      <c r="AW18" s="103">
        <v>71</v>
      </c>
      <c r="AX18" s="413">
        <v>0</v>
      </c>
      <c r="AY18" s="102">
        <v>79</v>
      </c>
      <c r="AZ18" s="102">
        <v>47</v>
      </c>
      <c r="BA18" s="102">
        <v>28</v>
      </c>
      <c r="BB18" s="102">
        <v>33</v>
      </c>
      <c r="BC18" s="102">
        <v>17</v>
      </c>
      <c r="BD18" s="103">
        <v>204</v>
      </c>
      <c r="BE18" s="104">
        <v>275</v>
      </c>
      <c r="BF18" s="101">
        <v>32</v>
      </c>
      <c r="BG18" s="102">
        <v>43</v>
      </c>
      <c r="BH18" s="103">
        <v>75</v>
      </c>
      <c r="BI18" s="413">
        <v>0</v>
      </c>
      <c r="BJ18" s="102">
        <v>61</v>
      </c>
      <c r="BK18" s="102">
        <v>48</v>
      </c>
      <c r="BL18" s="102">
        <v>33</v>
      </c>
      <c r="BM18" s="102">
        <v>35</v>
      </c>
      <c r="BN18" s="102">
        <v>11</v>
      </c>
      <c r="BO18" s="103">
        <v>188</v>
      </c>
      <c r="BP18" s="104">
        <v>263</v>
      </c>
      <c r="BQ18" s="101">
        <v>14</v>
      </c>
      <c r="BR18" s="102">
        <v>21</v>
      </c>
      <c r="BS18" s="103">
        <v>35</v>
      </c>
      <c r="BT18" s="413">
        <v>0</v>
      </c>
      <c r="BU18" s="102">
        <v>48</v>
      </c>
      <c r="BV18" s="102">
        <v>38</v>
      </c>
      <c r="BW18" s="102">
        <v>34</v>
      </c>
      <c r="BX18" s="102">
        <v>30</v>
      </c>
      <c r="BY18" s="102">
        <v>7</v>
      </c>
      <c r="BZ18" s="103">
        <v>157</v>
      </c>
      <c r="CA18" s="104">
        <v>192</v>
      </c>
      <c r="CB18" s="101">
        <v>0</v>
      </c>
      <c r="CC18" s="102">
        <v>3</v>
      </c>
      <c r="CD18" s="103">
        <v>3</v>
      </c>
      <c r="CE18" s="413">
        <v>0</v>
      </c>
      <c r="CF18" s="102">
        <v>7</v>
      </c>
      <c r="CG18" s="102">
        <v>9</v>
      </c>
      <c r="CH18" s="102">
        <v>6</v>
      </c>
      <c r="CI18" s="102">
        <v>9</v>
      </c>
      <c r="CJ18" s="102">
        <v>8</v>
      </c>
      <c r="CK18" s="103">
        <v>39</v>
      </c>
      <c r="CL18" s="104">
        <v>42</v>
      </c>
      <c r="CM18" s="101">
        <v>127</v>
      </c>
      <c r="CN18" s="102">
        <v>144</v>
      </c>
      <c r="CO18" s="103">
        <v>271</v>
      </c>
      <c r="CP18" s="413">
        <v>0</v>
      </c>
      <c r="CQ18" s="102">
        <v>278</v>
      </c>
      <c r="CR18" s="102">
        <v>229</v>
      </c>
      <c r="CS18" s="102">
        <v>145</v>
      </c>
      <c r="CT18" s="102">
        <v>158</v>
      </c>
      <c r="CU18" s="102">
        <v>73</v>
      </c>
      <c r="CV18" s="103">
        <v>883</v>
      </c>
      <c r="CW18" s="104">
        <v>1154</v>
      </c>
      <c r="CX18" s="105">
        <v>277</v>
      </c>
      <c r="CY18" s="97">
        <v>384</v>
      </c>
      <c r="CZ18" s="98">
        <v>661</v>
      </c>
      <c r="DA18" s="413">
        <v>0</v>
      </c>
      <c r="DB18" s="97">
        <v>450</v>
      </c>
      <c r="DC18" s="97">
        <v>454</v>
      </c>
      <c r="DD18" s="97">
        <v>288</v>
      </c>
      <c r="DE18" s="97">
        <v>328</v>
      </c>
      <c r="DF18" s="97">
        <v>171</v>
      </c>
      <c r="DG18" s="99">
        <v>1691</v>
      </c>
      <c r="DH18" s="100">
        <v>2352</v>
      </c>
      <c r="DI18" s="101">
        <v>5</v>
      </c>
      <c r="DJ18" s="102">
        <v>6</v>
      </c>
      <c r="DK18" s="103">
        <v>11</v>
      </c>
      <c r="DL18" s="413">
        <v>0</v>
      </c>
      <c r="DM18" s="102">
        <v>7</v>
      </c>
      <c r="DN18" s="102">
        <v>13</v>
      </c>
      <c r="DO18" s="102">
        <v>4</v>
      </c>
      <c r="DP18" s="102">
        <v>0</v>
      </c>
      <c r="DQ18" s="102">
        <v>4</v>
      </c>
      <c r="DR18" s="103">
        <v>28</v>
      </c>
      <c r="DS18" s="104">
        <v>39</v>
      </c>
      <c r="DT18" s="101">
        <v>19</v>
      </c>
      <c r="DU18" s="102">
        <v>23</v>
      </c>
      <c r="DV18" s="103">
        <v>42</v>
      </c>
      <c r="DW18" s="413">
        <v>0</v>
      </c>
      <c r="DX18" s="102">
        <v>25</v>
      </c>
      <c r="DY18" s="102">
        <v>27</v>
      </c>
      <c r="DZ18" s="102">
        <v>14</v>
      </c>
      <c r="EA18" s="102">
        <v>14</v>
      </c>
      <c r="EB18" s="102">
        <v>8</v>
      </c>
      <c r="EC18" s="103">
        <v>88</v>
      </c>
      <c r="ED18" s="104">
        <v>130</v>
      </c>
      <c r="EE18" s="101">
        <v>49</v>
      </c>
      <c r="EF18" s="102">
        <v>57</v>
      </c>
      <c r="EG18" s="103">
        <v>106</v>
      </c>
      <c r="EH18" s="413">
        <v>0</v>
      </c>
      <c r="EI18" s="102">
        <v>50</v>
      </c>
      <c r="EJ18" s="102">
        <v>63</v>
      </c>
      <c r="EK18" s="102">
        <v>25</v>
      </c>
      <c r="EL18" s="102">
        <v>15</v>
      </c>
      <c r="EM18" s="102">
        <v>20</v>
      </c>
      <c r="EN18" s="103">
        <v>173</v>
      </c>
      <c r="EO18" s="104">
        <v>279</v>
      </c>
      <c r="EP18" s="101">
        <v>91</v>
      </c>
      <c r="EQ18" s="102">
        <v>115</v>
      </c>
      <c r="ER18" s="103">
        <v>206</v>
      </c>
      <c r="ES18" s="413">
        <v>0</v>
      </c>
      <c r="ET18" s="102">
        <v>109</v>
      </c>
      <c r="EU18" s="102">
        <v>100</v>
      </c>
      <c r="EV18" s="102">
        <v>52</v>
      </c>
      <c r="EW18" s="102">
        <v>47</v>
      </c>
      <c r="EX18" s="102">
        <v>35</v>
      </c>
      <c r="EY18" s="103">
        <v>343</v>
      </c>
      <c r="EZ18" s="104">
        <v>549</v>
      </c>
      <c r="FA18" s="101">
        <v>75</v>
      </c>
      <c r="FB18" s="102">
        <v>113</v>
      </c>
      <c r="FC18" s="103">
        <v>188</v>
      </c>
      <c r="FD18" s="413">
        <v>0</v>
      </c>
      <c r="FE18" s="102">
        <v>127</v>
      </c>
      <c r="FF18" s="102">
        <v>131</v>
      </c>
      <c r="FG18" s="102">
        <v>81</v>
      </c>
      <c r="FH18" s="102">
        <v>92</v>
      </c>
      <c r="FI18" s="102">
        <v>48</v>
      </c>
      <c r="FJ18" s="103">
        <v>479</v>
      </c>
      <c r="FK18" s="104">
        <v>667</v>
      </c>
      <c r="FL18" s="101">
        <v>38</v>
      </c>
      <c r="FM18" s="102">
        <v>70</v>
      </c>
      <c r="FN18" s="103">
        <v>108</v>
      </c>
      <c r="FO18" s="413">
        <v>0</v>
      </c>
      <c r="FP18" s="102">
        <v>132</v>
      </c>
      <c r="FQ18" s="102">
        <v>120</v>
      </c>
      <c r="FR18" s="102">
        <v>112</v>
      </c>
      <c r="FS18" s="102">
        <v>160</v>
      </c>
      <c r="FT18" s="102">
        <v>56</v>
      </c>
      <c r="FU18" s="103">
        <v>580</v>
      </c>
      <c r="FV18" s="104">
        <v>688</v>
      </c>
      <c r="FW18" s="101">
        <v>0</v>
      </c>
      <c r="FX18" s="102">
        <v>4</v>
      </c>
      <c r="FY18" s="103">
        <v>4</v>
      </c>
      <c r="FZ18" s="413">
        <v>0</v>
      </c>
      <c r="GA18" s="102">
        <v>4</v>
      </c>
      <c r="GB18" s="102">
        <v>6</v>
      </c>
      <c r="GC18" s="102">
        <v>3</v>
      </c>
      <c r="GD18" s="102">
        <v>3</v>
      </c>
      <c r="GE18" s="102">
        <v>7</v>
      </c>
      <c r="GF18" s="103">
        <v>23</v>
      </c>
      <c r="GG18" s="104">
        <v>27</v>
      </c>
      <c r="GH18" s="101">
        <v>277</v>
      </c>
      <c r="GI18" s="102">
        <v>388</v>
      </c>
      <c r="GJ18" s="103">
        <v>665</v>
      </c>
      <c r="GK18" s="413">
        <v>0</v>
      </c>
      <c r="GL18" s="102">
        <v>454</v>
      </c>
      <c r="GM18" s="102">
        <v>460</v>
      </c>
      <c r="GN18" s="102">
        <v>291</v>
      </c>
      <c r="GO18" s="102">
        <v>331</v>
      </c>
      <c r="GP18" s="102">
        <v>178</v>
      </c>
      <c r="GQ18" s="103">
        <v>1714</v>
      </c>
      <c r="GR18" s="104">
        <v>2379</v>
      </c>
      <c r="GS18" s="105">
        <v>404</v>
      </c>
      <c r="GT18" s="97">
        <v>525</v>
      </c>
      <c r="GU18" s="98">
        <v>929</v>
      </c>
      <c r="GV18" s="413">
        <v>0</v>
      </c>
      <c r="GW18" s="97">
        <v>721</v>
      </c>
      <c r="GX18" s="97">
        <v>674</v>
      </c>
      <c r="GY18" s="97">
        <v>427</v>
      </c>
      <c r="GZ18" s="97">
        <v>477</v>
      </c>
      <c r="HA18" s="97">
        <v>236</v>
      </c>
      <c r="HB18" s="99">
        <v>2535</v>
      </c>
      <c r="HC18" s="100">
        <v>3464</v>
      </c>
      <c r="HD18" s="101">
        <v>10</v>
      </c>
      <c r="HE18" s="102">
        <v>11</v>
      </c>
      <c r="HF18" s="103">
        <v>21</v>
      </c>
      <c r="HG18" s="416">
        <v>0</v>
      </c>
      <c r="HH18" s="102">
        <v>20</v>
      </c>
      <c r="HI18" s="102">
        <v>29</v>
      </c>
      <c r="HJ18" s="102">
        <v>7</v>
      </c>
      <c r="HK18" s="102">
        <v>6</v>
      </c>
      <c r="HL18" s="102">
        <v>9</v>
      </c>
      <c r="HM18" s="103">
        <v>71</v>
      </c>
      <c r="HN18" s="104">
        <v>92</v>
      </c>
      <c r="HO18" s="101">
        <v>32</v>
      </c>
      <c r="HP18" s="102">
        <v>38</v>
      </c>
      <c r="HQ18" s="103">
        <v>70</v>
      </c>
      <c r="HR18" s="413">
        <v>0</v>
      </c>
      <c r="HS18" s="102">
        <v>59</v>
      </c>
      <c r="HT18" s="102">
        <v>51</v>
      </c>
      <c r="HU18" s="102">
        <v>35</v>
      </c>
      <c r="HV18" s="102">
        <v>28</v>
      </c>
      <c r="HW18" s="102">
        <v>15</v>
      </c>
      <c r="HX18" s="103">
        <v>188</v>
      </c>
      <c r="HY18" s="104">
        <v>258</v>
      </c>
      <c r="HZ18" s="101">
        <v>74</v>
      </c>
      <c r="IA18" s="102">
        <v>81</v>
      </c>
      <c r="IB18" s="103">
        <v>155</v>
      </c>
      <c r="IC18" s="413">
        <v>0</v>
      </c>
      <c r="ID18" s="102">
        <v>86</v>
      </c>
      <c r="IE18" s="102">
        <v>110</v>
      </c>
      <c r="IF18" s="102">
        <v>45</v>
      </c>
      <c r="IG18" s="102">
        <v>46</v>
      </c>
      <c r="IH18" s="102">
        <v>38</v>
      </c>
      <c r="II18" s="103">
        <v>325</v>
      </c>
      <c r="IJ18" s="104">
        <v>480</v>
      </c>
      <c r="IK18" s="101">
        <v>129</v>
      </c>
      <c r="IL18" s="102">
        <v>148</v>
      </c>
      <c r="IM18" s="103">
        <v>277</v>
      </c>
      <c r="IN18" s="413">
        <v>0</v>
      </c>
      <c r="IO18" s="102">
        <v>188</v>
      </c>
      <c r="IP18" s="102">
        <v>147</v>
      </c>
      <c r="IQ18" s="102">
        <v>80</v>
      </c>
      <c r="IR18" s="102">
        <v>80</v>
      </c>
      <c r="IS18" s="102">
        <v>52</v>
      </c>
      <c r="IT18" s="103">
        <v>547</v>
      </c>
      <c r="IU18" s="104">
        <v>824</v>
      </c>
      <c r="IV18" s="101">
        <v>107</v>
      </c>
      <c r="IW18" s="102">
        <v>156</v>
      </c>
      <c r="IX18" s="103">
        <v>263</v>
      </c>
      <c r="IY18" s="413">
        <v>0</v>
      </c>
      <c r="IZ18" s="102">
        <v>188</v>
      </c>
      <c r="JA18" s="102">
        <v>179</v>
      </c>
      <c r="JB18" s="102">
        <v>114</v>
      </c>
      <c r="JC18" s="102">
        <v>127</v>
      </c>
      <c r="JD18" s="102">
        <v>59</v>
      </c>
      <c r="JE18" s="103">
        <v>667</v>
      </c>
      <c r="JF18" s="104">
        <v>930</v>
      </c>
      <c r="JG18" s="101">
        <v>52</v>
      </c>
      <c r="JH18" s="102">
        <v>91</v>
      </c>
      <c r="JI18" s="103">
        <v>143</v>
      </c>
      <c r="JJ18" s="413">
        <v>0</v>
      </c>
      <c r="JK18" s="102">
        <v>180</v>
      </c>
      <c r="JL18" s="102">
        <v>158</v>
      </c>
      <c r="JM18" s="102">
        <v>146</v>
      </c>
      <c r="JN18" s="102">
        <v>190</v>
      </c>
      <c r="JO18" s="102">
        <v>63</v>
      </c>
      <c r="JP18" s="103">
        <v>737</v>
      </c>
      <c r="JQ18" s="104">
        <v>880</v>
      </c>
      <c r="JR18" s="101">
        <v>0</v>
      </c>
      <c r="JS18" s="102">
        <v>7</v>
      </c>
      <c r="JT18" s="103">
        <v>7</v>
      </c>
      <c r="JU18" s="413">
        <v>0</v>
      </c>
      <c r="JV18" s="102">
        <v>11</v>
      </c>
      <c r="JW18" s="102">
        <v>15</v>
      </c>
      <c r="JX18" s="102">
        <v>9</v>
      </c>
      <c r="JY18" s="102">
        <v>12</v>
      </c>
      <c r="JZ18" s="102">
        <v>15</v>
      </c>
      <c r="KA18" s="103">
        <v>62</v>
      </c>
      <c r="KB18" s="104">
        <v>69</v>
      </c>
      <c r="KC18" s="101">
        <v>404</v>
      </c>
      <c r="KD18" s="102">
        <v>532</v>
      </c>
      <c r="KE18" s="103">
        <v>936</v>
      </c>
      <c r="KF18" s="413">
        <v>0</v>
      </c>
      <c r="KG18" s="102">
        <v>732</v>
      </c>
      <c r="KH18" s="102">
        <v>689</v>
      </c>
      <c r="KI18" s="102">
        <v>436</v>
      </c>
      <c r="KJ18" s="102">
        <v>489</v>
      </c>
      <c r="KK18" s="102">
        <v>251</v>
      </c>
      <c r="KL18" s="103">
        <v>2597</v>
      </c>
      <c r="KM18" s="104">
        <v>3533</v>
      </c>
    </row>
    <row r="19" spans="2:299" s="70" customFormat="1" ht="21" customHeight="1" x14ac:dyDescent="0.2">
      <c r="B19" s="106" t="s">
        <v>16</v>
      </c>
      <c r="C19" s="96">
        <v>238</v>
      </c>
      <c r="D19" s="97">
        <v>313</v>
      </c>
      <c r="E19" s="98">
        <v>551</v>
      </c>
      <c r="F19" s="413">
        <v>0</v>
      </c>
      <c r="G19" s="97">
        <v>513</v>
      </c>
      <c r="H19" s="97">
        <v>634</v>
      </c>
      <c r="I19" s="97">
        <v>423</v>
      </c>
      <c r="J19" s="97">
        <v>327</v>
      </c>
      <c r="K19" s="97">
        <v>196</v>
      </c>
      <c r="L19" s="99">
        <v>2093</v>
      </c>
      <c r="M19" s="100">
        <v>2644</v>
      </c>
      <c r="N19" s="101">
        <v>7</v>
      </c>
      <c r="O19" s="102">
        <v>11</v>
      </c>
      <c r="P19" s="103">
        <v>18</v>
      </c>
      <c r="Q19" s="413">
        <v>0</v>
      </c>
      <c r="R19" s="102">
        <v>17</v>
      </c>
      <c r="S19" s="102">
        <v>28</v>
      </c>
      <c r="T19" s="102">
        <v>24</v>
      </c>
      <c r="U19" s="102">
        <v>15</v>
      </c>
      <c r="V19" s="102">
        <v>12</v>
      </c>
      <c r="W19" s="103">
        <v>96</v>
      </c>
      <c r="X19" s="104">
        <v>114</v>
      </c>
      <c r="Y19" s="101">
        <v>29</v>
      </c>
      <c r="Z19" s="102">
        <v>43</v>
      </c>
      <c r="AA19" s="103">
        <v>72</v>
      </c>
      <c r="AB19" s="413">
        <v>0</v>
      </c>
      <c r="AC19" s="102">
        <v>50</v>
      </c>
      <c r="AD19" s="102">
        <v>71</v>
      </c>
      <c r="AE19" s="102">
        <v>46</v>
      </c>
      <c r="AF19" s="102">
        <v>36</v>
      </c>
      <c r="AG19" s="102">
        <v>29</v>
      </c>
      <c r="AH19" s="103">
        <v>232</v>
      </c>
      <c r="AI19" s="104">
        <v>304</v>
      </c>
      <c r="AJ19" s="101">
        <v>48</v>
      </c>
      <c r="AK19" s="102">
        <v>63</v>
      </c>
      <c r="AL19" s="103">
        <v>111</v>
      </c>
      <c r="AM19" s="413">
        <v>0</v>
      </c>
      <c r="AN19" s="102">
        <v>86</v>
      </c>
      <c r="AO19" s="102">
        <v>108</v>
      </c>
      <c r="AP19" s="102">
        <v>73</v>
      </c>
      <c r="AQ19" s="102">
        <v>66</v>
      </c>
      <c r="AR19" s="102">
        <v>39</v>
      </c>
      <c r="AS19" s="103">
        <v>372</v>
      </c>
      <c r="AT19" s="104">
        <v>483</v>
      </c>
      <c r="AU19" s="101">
        <v>81</v>
      </c>
      <c r="AV19" s="102">
        <v>68</v>
      </c>
      <c r="AW19" s="103">
        <v>149</v>
      </c>
      <c r="AX19" s="413">
        <v>0</v>
      </c>
      <c r="AY19" s="102">
        <v>145</v>
      </c>
      <c r="AZ19" s="102">
        <v>179</v>
      </c>
      <c r="BA19" s="102">
        <v>100</v>
      </c>
      <c r="BB19" s="102">
        <v>87</v>
      </c>
      <c r="BC19" s="102">
        <v>47</v>
      </c>
      <c r="BD19" s="103">
        <v>558</v>
      </c>
      <c r="BE19" s="104">
        <v>707</v>
      </c>
      <c r="BF19" s="101">
        <v>48</v>
      </c>
      <c r="BG19" s="102">
        <v>78</v>
      </c>
      <c r="BH19" s="103">
        <v>126</v>
      </c>
      <c r="BI19" s="413">
        <v>0</v>
      </c>
      <c r="BJ19" s="102">
        <v>144</v>
      </c>
      <c r="BK19" s="102">
        <v>140</v>
      </c>
      <c r="BL19" s="102">
        <v>93</v>
      </c>
      <c r="BM19" s="102">
        <v>64</v>
      </c>
      <c r="BN19" s="102">
        <v>40</v>
      </c>
      <c r="BO19" s="103">
        <v>481</v>
      </c>
      <c r="BP19" s="104">
        <v>607</v>
      </c>
      <c r="BQ19" s="101">
        <v>25</v>
      </c>
      <c r="BR19" s="102">
        <v>50</v>
      </c>
      <c r="BS19" s="103">
        <v>75</v>
      </c>
      <c r="BT19" s="413">
        <v>0</v>
      </c>
      <c r="BU19" s="102">
        <v>71</v>
      </c>
      <c r="BV19" s="102">
        <v>108</v>
      </c>
      <c r="BW19" s="102">
        <v>87</v>
      </c>
      <c r="BX19" s="102">
        <v>59</v>
      </c>
      <c r="BY19" s="102">
        <v>29</v>
      </c>
      <c r="BZ19" s="103">
        <v>354</v>
      </c>
      <c r="CA19" s="104">
        <v>429</v>
      </c>
      <c r="CB19" s="101">
        <v>9</v>
      </c>
      <c r="CC19" s="102">
        <v>18</v>
      </c>
      <c r="CD19" s="103">
        <v>27</v>
      </c>
      <c r="CE19" s="413">
        <v>0</v>
      </c>
      <c r="CF19" s="102">
        <v>12</v>
      </c>
      <c r="CG19" s="102">
        <v>24</v>
      </c>
      <c r="CH19" s="102">
        <v>20</v>
      </c>
      <c r="CI19" s="102">
        <v>14</v>
      </c>
      <c r="CJ19" s="102">
        <v>13</v>
      </c>
      <c r="CK19" s="103">
        <v>83</v>
      </c>
      <c r="CL19" s="104">
        <v>110</v>
      </c>
      <c r="CM19" s="101">
        <v>247</v>
      </c>
      <c r="CN19" s="102">
        <v>331</v>
      </c>
      <c r="CO19" s="103">
        <v>578</v>
      </c>
      <c r="CP19" s="413">
        <v>0</v>
      </c>
      <c r="CQ19" s="102">
        <v>525</v>
      </c>
      <c r="CR19" s="102">
        <v>658</v>
      </c>
      <c r="CS19" s="102">
        <v>443</v>
      </c>
      <c r="CT19" s="102">
        <v>341</v>
      </c>
      <c r="CU19" s="102">
        <v>209</v>
      </c>
      <c r="CV19" s="103">
        <v>2176</v>
      </c>
      <c r="CW19" s="104">
        <v>2754</v>
      </c>
      <c r="CX19" s="105">
        <v>463</v>
      </c>
      <c r="CY19" s="97">
        <v>652</v>
      </c>
      <c r="CZ19" s="98">
        <v>1115</v>
      </c>
      <c r="DA19" s="413">
        <v>0</v>
      </c>
      <c r="DB19" s="97">
        <v>866</v>
      </c>
      <c r="DC19" s="97">
        <v>1004</v>
      </c>
      <c r="DD19" s="97">
        <v>777</v>
      </c>
      <c r="DE19" s="97">
        <v>821</v>
      </c>
      <c r="DF19" s="97">
        <v>449</v>
      </c>
      <c r="DG19" s="99">
        <v>3917</v>
      </c>
      <c r="DH19" s="100">
        <v>5032</v>
      </c>
      <c r="DI19" s="101">
        <v>18</v>
      </c>
      <c r="DJ19" s="102">
        <v>22</v>
      </c>
      <c r="DK19" s="103">
        <v>40</v>
      </c>
      <c r="DL19" s="413">
        <v>0</v>
      </c>
      <c r="DM19" s="102">
        <v>10</v>
      </c>
      <c r="DN19" s="102">
        <v>26</v>
      </c>
      <c r="DO19" s="102">
        <v>17</v>
      </c>
      <c r="DP19" s="102">
        <v>12</v>
      </c>
      <c r="DQ19" s="102">
        <v>11</v>
      </c>
      <c r="DR19" s="103">
        <v>76</v>
      </c>
      <c r="DS19" s="104">
        <v>116</v>
      </c>
      <c r="DT19" s="101">
        <v>37</v>
      </c>
      <c r="DU19" s="102">
        <v>60</v>
      </c>
      <c r="DV19" s="103">
        <v>97</v>
      </c>
      <c r="DW19" s="413">
        <v>0</v>
      </c>
      <c r="DX19" s="102">
        <v>39</v>
      </c>
      <c r="DY19" s="102">
        <v>76</v>
      </c>
      <c r="DZ19" s="102">
        <v>36</v>
      </c>
      <c r="EA19" s="102">
        <v>47</v>
      </c>
      <c r="EB19" s="102">
        <v>21</v>
      </c>
      <c r="EC19" s="103">
        <v>219</v>
      </c>
      <c r="ED19" s="104">
        <v>316</v>
      </c>
      <c r="EE19" s="101">
        <v>73</v>
      </c>
      <c r="EF19" s="102">
        <v>106</v>
      </c>
      <c r="EG19" s="103">
        <v>179</v>
      </c>
      <c r="EH19" s="413">
        <v>0</v>
      </c>
      <c r="EI19" s="102">
        <v>111</v>
      </c>
      <c r="EJ19" s="102">
        <v>114</v>
      </c>
      <c r="EK19" s="102">
        <v>82</v>
      </c>
      <c r="EL19" s="102">
        <v>88</v>
      </c>
      <c r="EM19" s="102">
        <v>50</v>
      </c>
      <c r="EN19" s="103">
        <v>445</v>
      </c>
      <c r="EO19" s="104">
        <v>624</v>
      </c>
      <c r="EP19" s="101">
        <v>150</v>
      </c>
      <c r="EQ19" s="102">
        <v>178</v>
      </c>
      <c r="ER19" s="103">
        <v>328</v>
      </c>
      <c r="ES19" s="413">
        <v>0</v>
      </c>
      <c r="ET19" s="102">
        <v>211</v>
      </c>
      <c r="EU19" s="102">
        <v>248</v>
      </c>
      <c r="EV19" s="102">
        <v>154</v>
      </c>
      <c r="EW19" s="102">
        <v>148</v>
      </c>
      <c r="EX19" s="102">
        <v>92</v>
      </c>
      <c r="EY19" s="103">
        <v>853</v>
      </c>
      <c r="EZ19" s="104">
        <v>1181</v>
      </c>
      <c r="FA19" s="101">
        <v>118</v>
      </c>
      <c r="FB19" s="102">
        <v>157</v>
      </c>
      <c r="FC19" s="103">
        <v>275</v>
      </c>
      <c r="FD19" s="413">
        <v>0</v>
      </c>
      <c r="FE19" s="102">
        <v>260</v>
      </c>
      <c r="FF19" s="102">
        <v>245</v>
      </c>
      <c r="FG19" s="102">
        <v>201</v>
      </c>
      <c r="FH19" s="102">
        <v>189</v>
      </c>
      <c r="FI19" s="102">
        <v>102</v>
      </c>
      <c r="FJ19" s="103">
        <v>997</v>
      </c>
      <c r="FK19" s="104">
        <v>1272</v>
      </c>
      <c r="FL19" s="101">
        <v>67</v>
      </c>
      <c r="FM19" s="102">
        <v>129</v>
      </c>
      <c r="FN19" s="103">
        <v>196</v>
      </c>
      <c r="FO19" s="413">
        <v>0</v>
      </c>
      <c r="FP19" s="102">
        <v>235</v>
      </c>
      <c r="FQ19" s="102">
        <v>295</v>
      </c>
      <c r="FR19" s="102">
        <v>287</v>
      </c>
      <c r="FS19" s="102">
        <v>337</v>
      </c>
      <c r="FT19" s="102">
        <v>173</v>
      </c>
      <c r="FU19" s="103">
        <v>1327</v>
      </c>
      <c r="FV19" s="104">
        <v>1523</v>
      </c>
      <c r="FW19" s="101">
        <v>6</v>
      </c>
      <c r="FX19" s="102">
        <v>17</v>
      </c>
      <c r="FY19" s="103">
        <v>23</v>
      </c>
      <c r="FZ19" s="413">
        <v>0</v>
      </c>
      <c r="GA19" s="102">
        <v>6</v>
      </c>
      <c r="GB19" s="102">
        <v>19</v>
      </c>
      <c r="GC19" s="102">
        <v>14</v>
      </c>
      <c r="GD19" s="102">
        <v>11</v>
      </c>
      <c r="GE19" s="102">
        <v>10</v>
      </c>
      <c r="GF19" s="103">
        <v>60</v>
      </c>
      <c r="GG19" s="104">
        <v>83</v>
      </c>
      <c r="GH19" s="101">
        <v>469</v>
      </c>
      <c r="GI19" s="102">
        <v>669</v>
      </c>
      <c r="GJ19" s="103">
        <v>1138</v>
      </c>
      <c r="GK19" s="413">
        <v>0</v>
      </c>
      <c r="GL19" s="102">
        <v>872</v>
      </c>
      <c r="GM19" s="102">
        <v>1023</v>
      </c>
      <c r="GN19" s="102">
        <v>791</v>
      </c>
      <c r="GO19" s="102">
        <v>832</v>
      </c>
      <c r="GP19" s="102">
        <v>459</v>
      </c>
      <c r="GQ19" s="103">
        <v>3977</v>
      </c>
      <c r="GR19" s="104">
        <v>5115</v>
      </c>
      <c r="GS19" s="105">
        <v>701</v>
      </c>
      <c r="GT19" s="97">
        <v>965</v>
      </c>
      <c r="GU19" s="98">
        <v>1666</v>
      </c>
      <c r="GV19" s="413">
        <v>0</v>
      </c>
      <c r="GW19" s="97">
        <v>1379</v>
      </c>
      <c r="GX19" s="97">
        <v>1638</v>
      </c>
      <c r="GY19" s="97">
        <v>1200</v>
      </c>
      <c r="GZ19" s="97">
        <v>1148</v>
      </c>
      <c r="HA19" s="97">
        <v>645</v>
      </c>
      <c r="HB19" s="99">
        <v>6010</v>
      </c>
      <c r="HC19" s="100">
        <v>7676</v>
      </c>
      <c r="HD19" s="101">
        <v>25</v>
      </c>
      <c r="HE19" s="102">
        <v>33</v>
      </c>
      <c r="HF19" s="103">
        <v>58</v>
      </c>
      <c r="HG19" s="416">
        <v>0</v>
      </c>
      <c r="HH19" s="102">
        <v>27</v>
      </c>
      <c r="HI19" s="102">
        <v>54</v>
      </c>
      <c r="HJ19" s="102">
        <v>41</v>
      </c>
      <c r="HK19" s="102">
        <v>27</v>
      </c>
      <c r="HL19" s="102">
        <v>23</v>
      </c>
      <c r="HM19" s="103">
        <v>172</v>
      </c>
      <c r="HN19" s="104">
        <v>230</v>
      </c>
      <c r="HO19" s="101">
        <v>66</v>
      </c>
      <c r="HP19" s="102">
        <v>103</v>
      </c>
      <c r="HQ19" s="103">
        <v>169</v>
      </c>
      <c r="HR19" s="413">
        <v>0</v>
      </c>
      <c r="HS19" s="102">
        <v>89</v>
      </c>
      <c r="HT19" s="102">
        <v>147</v>
      </c>
      <c r="HU19" s="102">
        <v>82</v>
      </c>
      <c r="HV19" s="102">
        <v>83</v>
      </c>
      <c r="HW19" s="102">
        <v>50</v>
      </c>
      <c r="HX19" s="103">
        <v>451</v>
      </c>
      <c r="HY19" s="104">
        <v>620</v>
      </c>
      <c r="HZ19" s="101">
        <v>121</v>
      </c>
      <c r="IA19" s="102">
        <v>169</v>
      </c>
      <c r="IB19" s="103">
        <v>290</v>
      </c>
      <c r="IC19" s="413">
        <v>0</v>
      </c>
      <c r="ID19" s="102">
        <v>197</v>
      </c>
      <c r="IE19" s="102">
        <v>222</v>
      </c>
      <c r="IF19" s="102">
        <v>155</v>
      </c>
      <c r="IG19" s="102">
        <v>154</v>
      </c>
      <c r="IH19" s="102">
        <v>89</v>
      </c>
      <c r="II19" s="103">
        <v>817</v>
      </c>
      <c r="IJ19" s="104">
        <v>1107</v>
      </c>
      <c r="IK19" s="101">
        <v>231</v>
      </c>
      <c r="IL19" s="102">
        <v>246</v>
      </c>
      <c r="IM19" s="103">
        <v>477</v>
      </c>
      <c r="IN19" s="413">
        <v>0</v>
      </c>
      <c r="IO19" s="102">
        <v>356</v>
      </c>
      <c r="IP19" s="102">
        <v>427</v>
      </c>
      <c r="IQ19" s="102">
        <v>254</v>
      </c>
      <c r="IR19" s="102">
        <v>235</v>
      </c>
      <c r="IS19" s="102">
        <v>139</v>
      </c>
      <c r="IT19" s="103">
        <v>1411</v>
      </c>
      <c r="IU19" s="104">
        <v>1888</v>
      </c>
      <c r="IV19" s="101">
        <v>166</v>
      </c>
      <c r="IW19" s="102">
        <v>235</v>
      </c>
      <c r="IX19" s="103">
        <v>401</v>
      </c>
      <c r="IY19" s="413">
        <v>0</v>
      </c>
      <c r="IZ19" s="102">
        <v>404</v>
      </c>
      <c r="JA19" s="102">
        <v>385</v>
      </c>
      <c r="JB19" s="102">
        <v>294</v>
      </c>
      <c r="JC19" s="102">
        <v>253</v>
      </c>
      <c r="JD19" s="102">
        <v>142</v>
      </c>
      <c r="JE19" s="103">
        <v>1478</v>
      </c>
      <c r="JF19" s="104">
        <v>1879</v>
      </c>
      <c r="JG19" s="101">
        <v>92</v>
      </c>
      <c r="JH19" s="102">
        <v>179</v>
      </c>
      <c r="JI19" s="103">
        <v>271</v>
      </c>
      <c r="JJ19" s="413">
        <v>0</v>
      </c>
      <c r="JK19" s="102">
        <v>306</v>
      </c>
      <c r="JL19" s="102">
        <v>403</v>
      </c>
      <c r="JM19" s="102">
        <v>374</v>
      </c>
      <c r="JN19" s="102">
        <v>396</v>
      </c>
      <c r="JO19" s="102">
        <v>202</v>
      </c>
      <c r="JP19" s="103">
        <v>1681</v>
      </c>
      <c r="JQ19" s="104">
        <v>1952</v>
      </c>
      <c r="JR19" s="101">
        <v>15</v>
      </c>
      <c r="JS19" s="102">
        <v>35</v>
      </c>
      <c r="JT19" s="103">
        <v>50</v>
      </c>
      <c r="JU19" s="413">
        <v>0</v>
      </c>
      <c r="JV19" s="102">
        <v>18</v>
      </c>
      <c r="JW19" s="102">
        <v>43</v>
      </c>
      <c r="JX19" s="102">
        <v>34</v>
      </c>
      <c r="JY19" s="102">
        <v>25</v>
      </c>
      <c r="JZ19" s="102">
        <v>23</v>
      </c>
      <c r="KA19" s="103">
        <v>143</v>
      </c>
      <c r="KB19" s="104">
        <v>193</v>
      </c>
      <c r="KC19" s="101">
        <v>716</v>
      </c>
      <c r="KD19" s="102">
        <v>1000</v>
      </c>
      <c r="KE19" s="103">
        <v>1716</v>
      </c>
      <c r="KF19" s="413">
        <v>0</v>
      </c>
      <c r="KG19" s="102">
        <v>1397</v>
      </c>
      <c r="KH19" s="102">
        <v>1681</v>
      </c>
      <c r="KI19" s="102">
        <v>1234</v>
      </c>
      <c r="KJ19" s="102">
        <v>1173</v>
      </c>
      <c r="KK19" s="102">
        <v>668</v>
      </c>
      <c r="KL19" s="103">
        <v>6153</v>
      </c>
      <c r="KM19" s="104">
        <v>7869</v>
      </c>
    </row>
    <row r="20" spans="2:299" s="70" customFormat="1" ht="21" customHeight="1" x14ac:dyDescent="0.2">
      <c r="B20" s="106" t="s">
        <v>17</v>
      </c>
      <c r="C20" s="96">
        <v>360</v>
      </c>
      <c r="D20" s="97">
        <v>380</v>
      </c>
      <c r="E20" s="98">
        <v>740</v>
      </c>
      <c r="F20" s="413">
        <v>0</v>
      </c>
      <c r="G20" s="97">
        <v>549</v>
      </c>
      <c r="H20" s="97">
        <v>842</v>
      </c>
      <c r="I20" s="97">
        <v>575</v>
      </c>
      <c r="J20" s="97">
        <v>447</v>
      </c>
      <c r="K20" s="97">
        <v>230</v>
      </c>
      <c r="L20" s="99">
        <v>2643</v>
      </c>
      <c r="M20" s="100">
        <v>3383</v>
      </c>
      <c r="N20" s="101">
        <v>20</v>
      </c>
      <c r="O20" s="102">
        <v>16</v>
      </c>
      <c r="P20" s="103">
        <v>36</v>
      </c>
      <c r="Q20" s="413">
        <v>0</v>
      </c>
      <c r="R20" s="102">
        <v>17</v>
      </c>
      <c r="S20" s="102">
        <v>49</v>
      </c>
      <c r="T20" s="102">
        <v>32</v>
      </c>
      <c r="U20" s="102">
        <v>24</v>
      </c>
      <c r="V20" s="102">
        <v>16</v>
      </c>
      <c r="W20" s="103">
        <v>138</v>
      </c>
      <c r="X20" s="104">
        <v>174</v>
      </c>
      <c r="Y20" s="101">
        <v>30</v>
      </c>
      <c r="Z20" s="102">
        <v>48</v>
      </c>
      <c r="AA20" s="103">
        <v>78</v>
      </c>
      <c r="AB20" s="413">
        <v>0</v>
      </c>
      <c r="AC20" s="102">
        <v>54</v>
      </c>
      <c r="AD20" s="102">
        <v>93</v>
      </c>
      <c r="AE20" s="102">
        <v>61</v>
      </c>
      <c r="AF20" s="102">
        <v>48</v>
      </c>
      <c r="AG20" s="102">
        <v>31</v>
      </c>
      <c r="AH20" s="103">
        <v>287</v>
      </c>
      <c r="AI20" s="104">
        <v>365</v>
      </c>
      <c r="AJ20" s="101">
        <v>45</v>
      </c>
      <c r="AK20" s="102">
        <v>76</v>
      </c>
      <c r="AL20" s="103">
        <v>121</v>
      </c>
      <c r="AM20" s="413">
        <v>0</v>
      </c>
      <c r="AN20" s="102">
        <v>96</v>
      </c>
      <c r="AO20" s="102">
        <v>162</v>
      </c>
      <c r="AP20" s="102">
        <v>96</v>
      </c>
      <c r="AQ20" s="102">
        <v>69</v>
      </c>
      <c r="AR20" s="102">
        <v>51</v>
      </c>
      <c r="AS20" s="103">
        <v>474</v>
      </c>
      <c r="AT20" s="104">
        <v>595</v>
      </c>
      <c r="AU20" s="101">
        <v>115</v>
      </c>
      <c r="AV20" s="102">
        <v>90</v>
      </c>
      <c r="AW20" s="103">
        <v>205</v>
      </c>
      <c r="AX20" s="413">
        <v>0</v>
      </c>
      <c r="AY20" s="102">
        <v>165</v>
      </c>
      <c r="AZ20" s="102">
        <v>229</v>
      </c>
      <c r="BA20" s="102">
        <v>165</v>
      </c>
      <c r="BB20" s="102">
        <v>116</v>
      </c>
      <c r="BC20" s="102">
        <v>47</v>
      </c>
      <c r="BD20" s="103">
        <v>722</v>
      </c>
      <c r="BE20" s="104">
        <v>927</v>
      </c>
      <c r="BF20" s="101">
        <v>103</v>
      </c>
      <c r="BG20" s="102">
        <v>87</v>
      </c>
      <c r="BH20" s="103">
        <v>190</v>
      </c>
      <c r="BI20" s="413">
        <v>0</v>
      </c>
      <c r="BJ20" s="102">
        <v>139</v>
      </c>
      <c r="BK20" s="102">
        <v>173</v>
      </c>
      <c r="BL20" s="102">
        <v>127</v>
      </c>
      <c r="BM20" s="102">
        <v>112</v>
      </c>
      <c r="BN20" s="102">
        <v>48</v>
      </c>
      <c r="BO20" s="103">
        <v>599</v>
      </c>
      <c r="BP20" s="104">
        <v>789</v>
      </c>
      <c r="BQ20" s="101">
        <v>47</v>
      </c>
      <c r="BR20" s="102">
        <v>63</v>
      </c>
      <c r="BS20" s="103">
        <v>110</v>
      </c>
      <c r="BT20" s="413">
        <v>0</v>
      </c>
      <c r="BU20" s="102">
        <v>78</v>
      </c>
      <c r="BV20" s="102">
        <v>136</v>
      </c>
      <c r="BW20" s="102">
        <v>94</v>
      </c>
      <c r="BX20" s="102">
        <v>78</v>
      </c>
      <c r="BY20" s="102">
        <v>37</v>
      </c>
      <c r="BZ20" s="103">
        <v>423</v>
      </c>
      <c r="CA20" s="104">
        <v>533</v>
      </c>
      <c r="CB20" s="101">
        <v>8</v>
      </c>
      <c r="CC20" s="102">
        <v>18</v>
      </c>
      <c r="CD20" s="103">
        <v>26</v>
      </c>
      <c r="CE20" s="413">
        <v>0</v>
      </c>
      <c r="CF20" s="102">
        <v>27</v>
      </c>
      <c r="CG20" s="102">
        <v>38</v>
      </c>
      <c r="CH20" s="102">
        <v>33</v>
      </c>
      <c r="CI20" s="102">
        <v>14</v>
      </c>
      <c r="CJ20" s="102">
        <v>19</v>
      </c>
      <c r="CK20" s="103">
        <v>131</v>
      </c>
      <c r="CL20" s="104">
        <v>157</v>
      </c>
      <c r="CM20" s="101">
        <v>368</v>
      </c>
      <c r="CN20" s="102">
        <v>398</v>
      </c>
      <c r="CO20" s="103">
        <v>766</v>
      </c>
      <c r="CP20" s="413">
        <v>0</v>
      </c>
      <c r="CQ20" s="102">
        <v>576</v>
      </c>
      <c r="CR20" s="102">
        <v>880</v>
      </c>
      <c r="CS20" s="102">
        <v>608</v>
      </c>
      <c r="CT20" s="102">
        <v>461</v>
      </c>
      <c r="CU20" s="102">
        <v>249</v>
      </c>
      <c r="CV20" s="103">
        <v>2774</v>
      </c>
      <c r="CW20" s="104">
        <v>3540</v>
      </c>
      <c r="CX20" s="105">
        <v>666</v>
      </c>
      <c r="CY20" s="97">
        <v>926</v>
      </c>
      <c r="CZ20" s="98">
        <v>1592</v>
      </c>
      <c r="DA20" s="413">
        <v>0</v>
      </c>
      <c r="DB20" s="97">
        <v>943</v>
      </c>
      <c r="DC20" s="97">
        <v>1369</v>
      </c>
      <c r="DD20" s="97">
        <v>1008</v>
      </c>
      <c r="DE20" s="97">
        <v>921</v>
      </c>
      <c r="DF20" s="97">
        <v>599</v>
      </c>
      <c r="DG20" s="99">
        <v>4840</v>
      </c>
      <c r="DH20" s="100">
        <v>6432</v>
      </c>
      <c r="DI20" s="101">
        <v>16</v>
      </c>
      <c r="DJ20" s="102">
        <v>34</v>
      </c>
      <c r="DK20" s="103">
        <v>50</v>
      </c>
      <c r="DL20" s="413">
        <v>0</v>
      </c>
      <c r="DM20" s="102">
        <v>11</v>
      </c>
      <c r="DN20" s="102">
        <v>34</v>
      </c>
      <c r="DO20" s="102">
        <v>25</v>
      </c>
      <c r="DP20" s="102">
        <v>21</v>
      </c>
      <c r="DQ20" s="102">
        <v>16</v>
      </c>
      <c r="DR20" s="103">
        <v>107</v>
      </c>
      <c r="DS20" s="104">
        <v>157</v>
      </c>
      <c r="DT20" s="101">
        <v>49</v>
      </c>
      <c r="DU20" s="102">
        <v>70</v>
      </c>
      <c r="DV20" s="103">
        <v>119</v>
      </c>
      <c r="DW20" s="413">
        <v>0</v>
      </c>
      <c r="DX20" s="102">
        <v>59</v>
      </c>
      <c r="DY20" s="102">
        <v>79</v>
      </c>
      <c r="DZ20" s="102">
        <v>53</v>
      </c>
      <c r="EA20" s="102">
        <v>58</v>
      </c>
      <c r="EB20" s="102">
        <v>26</v>
      </c>
      <c r="EC20" s="103">
        <v>275</v>
      </c>
      <c r="ED20" s="104">
        <v>394</v>
      </c>
      <c r="EE20" s="101">
        <v>112</v>
      </c>
      <c r="EF20" s="102">
        <v>156</v>
      </c>
      <c r="EG20" s="103">
        <v>268</v>
      </c>
      <c r="EH20" s="413">
        <v>0</v>
      </c>
      <c r="EI20" s="102">
        <v>125</v>
      </c>
      <c r="EJ20" s="102">
        <v>165</v>
      </c>
      <c r="EK20" s="102">
        <v>122</v>
      </c>
      <c r="EL20" s="102">
        <v>85</v>
      </c>
      <c r="EM20" s="102">
        <v>66</v>
      </c>
      <c r="EN20" s="103">
        <v>563</v>
      </c>
      <c r="EO20" s="104">
        <v>831</v>
      </c>
      <c r="EP20" s="101">
        <v>214</v>
      </c>
      <c r="EQ20" s="102">
        <v>261</v>
      </c>
      <c r="ER20" s="103">
        <v>475</v>
      </c>
      <c r="ES20" s="413">
        <v>0</v>
      </c>
      <c r="ET20" s="102">
        <v>264</v>
      </c>
      <c r="EU20" s="102">
        <v>363</v>
      </c>
      <c r="EV20" s="102">
        <v>225</v>
      </c>
      <c r="EW20" s="102">
        <v>193</v>
      </c>
      <c r="EX20" s="102">
        <v>132</v>
      </c>
      <c r="EY20" s="103">
        <v>1177</v>
      </c>
      <c r="EZ20" s="104">
        <v>1652</v>
      </c>
      <c r="FA20" s="101">
        <v>188</v>
      </c>
      <c r="FB20" s="102">
        <v>258</v>
      </c>
      <c r="FC20" s="103">
        <v>446</v>
      </c>
      <c r="FD20" s="413">
        <v>0</v>
      </c>
      <c r="FE20" s="102">
        <v>261</v>
      </c>
      <c r="FF20" s="102">
        <v>386</v>
      </c>
      <c r="FG20" s="102">
        <v>269</v>
      </c>
      <c r="FH20" s="102">
        <v>220</v>
      </c>
      <c r="FI20" s="102">
        <v>159</v>
      </c>
      <c r="FJ20" s="103">
        <v>1295</v>
      </c>
      <c r="FK20" s="104">
        <v>1741</v>
      </c>
      <c r="FL20" s="101">
        <v>87</v>
      </c>
      <c r="FM20" s="102">
        <v>147</v>
      </c>
      <c r="FN20" s="103">
        <v>234</v>
      </c>
      <c r="FO20" s="413">
        <v>0</v>
      </c>
      <c r="FP20" s="102">
        <v>223</v>
      </c>
      <c r="FQ20" s="102">
        <v>342</v>
      </c>
      <c r="FR20" s="102">
        <v>314</v>
      </c>
      <c r="FS20" s="102">
        <v>344</v>
      </c>
      <c r="FT20" s="102">
        <v>200</v>
      </c>
      <c r="FU20" s="103">
        <v>1423</v>
      </c>
      <c r="FV20" s="104">
        <v>1657</v>
      </c>
      <c r="FW20" s="101">
        <v>7</v>
      </c>
      <c r="FX20" s="102">
        <v>18</v>
      </c>
      <c r="FY20" s="103">
        <v>25</v>
      </c>
      <c r="FZ20" s="413">
        <v>0</v>
      </c>
      <c r="GA20" s="102">
        <v>6</v>
      </c>
      <c r="GB20" s="102">
        <v>30</v>
      </c>
      <c r="GC20" s="102">
        <v>17</v>
      </c>
      <c r="GD20" s="102">
        <v>20</v>
      </c>
      <c r="GE20" s="102">
        <v>21</v>
      </c>
      <c r="GF20" s="103">
        <v>94</v>
      </c>
      <c r="GG20" s="104">
        <v>119</v>
      </c>
      <c r="GH20" s="101">
        <v>673</v>
      </c>
      <c r="GI20" s="102">
        <v>944</v>
      </c>
      <c r="GJ20" s="103">
        <v>1617</v>
      </c>
      <c r="GK20" s="413">
        <v>0</v>
      </c>
      <c r="GL20" s="102">
        <v>949</v>
      </c>
      <c r="GM20" s="102">
        <v>1399</v>
      </c>
      <c r="GN20" s="102">
        <v>1025</v>
      </c>
      <c r="GO20" s="102">
        <v>941</v>
      </c>
      <c r="GP20" s="102">
        <v>620</v>
      </c>
      <c r="GQ20" s="103">
        <v>4934</v>
      </c>
      <c r="GR20" s="104">
        <v>6551</v>
      </c>
      <c r="GS20" s="105">
        <v>1026</v>
      </c>
      <c r="GT20" s="97">
        <v>1306</v>
      </c>
      <c r="GU20" s="98">
        <v>2332</v>
      </c>
      <c r="GV20" s="413">
        <v>0</v>
      </c>
      <c r="GW20" s="97">
        <v>1492</v>
      </c>
      <c r="GX20" s="97">
        <v>2211</v>
      </c>
      <c r="GY20" s="97">
        <v>1583</v>
      </c>
      <c r="GZ20" s="97">
        <v>1368</v>
      </c>
      <c r="HA20" s="97">
        <v>829</v>
      </c>
      <c r="HB20" s="99">
        <v>7483</v>
      </c>
      <c r="HC20" s="100">
        <v>9815</v>
      </c>
      <c r="HD20" s="101">
        <v>36</v>
      </c>
      <c r="HE20" s="102">
        <v>50</v>
      </c>
      <c r="HF20" s="103">
        <v>86</v>
      </c>
      <c r="HG20" s="416">
        <v>0</v>
      </c>
      <c r="HH20" s="102">
        <v>28</v>
      </c>
      <c r="HI20" s="102">
        <v>83</v>
      </c>
      <c r="HJ20" s="102">
        <v>57</v>
      </c>
      <c r="HK20" s="102">
        <v>45</v>
      </c>
      <c r="HL20" s="102">
        <v>32</v>
      </c>
      <c r="HM20" s="103">
        <v>245</v>
      </c>
      <c r="HN20" s="104">
        <v>331</v>
      </c>
      <c r="HO20" s="101">
        <v>79</v>
      </c>
      <c r="HP20" s="102">
        <v>118</v>
      </c>
      <c r="HQ20" s="103">
        <v>197</v>
      </c>
      <c r="HR20" s="413">
        <v>0</v>
      </c>
      <c r="HS20" s="102">
        <v>113</v>
      </c>
      <c r="HT20" s="102">
        <v>172</v>
      </c>
      <c r="HU20" s="102">
        <v>114</v>
      </c>
      <c r="HV20" s="102">
        <v>106</v>
      </c>
      <c r="HW20" s="102">
        <v>57</v>
      </c>
      <c r="HX20" s="103">
        <v>562</v>
      </c>
      <c r="HY20" s="104">
        <v>759</v>
      </c>
      <c r="HZ20" s="101">
        <v>157</v>
      </c>
      <c r="IA20" s="102">
        <v>232</v>
      </c>
      <c r="IB20" s="103">
        <v>389</v>
      </c>
      <c r="IC20" s="413">
        <v>0</v>
      </c>
      <c r="ID20" s="102">
        <v>221</v>
      </c>
      <c r="IE20" s="102">
        <v>327</v>
      </c>
      <c r="IF20" s="102">
        <v>218</v>
      </c>
      <c r="IG20" s="102">
        <v>154</v>
      </c>
      <c r="IH20" s="102">
        <v>117</v>
      </c>
      <c r="II20" s="103">
        <v>1037</v>
      </c>
      <c r="IJ20" s="104">
        <v>1426</v>
      </c>
      <c r="IK20" s="101">
        <v>329</v>
      </c>
      <c r="IL20" s="102">
        <v>351</v>
      </c>
      <c r="IM20" s="103">
        <v>680</v>
      </c>
      <c r="IN20" s="413">
        <v>0</v>
      </c>
      <c r="IO20" s="102">
        <v>429</v>
      </c>
      <c r="IP20" s="102">
        <v>592</v>
      </c>
      <c r="IQ20" s="102">
        <v>390</v>
      </c>
      <c r="IR20" s="102">
        <v>309</v>
      </c>
      <c r="IS20" s="102">
        <v>179</v>
      </c>
      <c r="IT20" s="103">
        <v>1899</v>
      </c>
      <c r="IU20" s="104">
        <v>2579</v>
      </c>
      <c r="IV20" s="101">
        <v>291</v>
      </c>
      <c r="IW20" s="102">
        <v>345</v>
      </c>
      <c r="IX20" s="103">
        <v>636</v>
      </c>
      <c r="IY20" s="413">
        <v>0</v>
      </c>
      <c r="IZ20" s="102">
        <v>400</v>
      </c>
      <c r="JA20" s="102">
        <v>559</v>
      </c>
      <c r="JB20" s="102">
        <v>396</v>
      </c>
      <c r="JC20" s="102">
        <v>332</v>
      </c>
      <c r="JD20" s="102">
        <v>207</v>
      </c>
      <c r="JE20" s="103">
        <v>1894</v>
      </c>
      <c r="JF20" s="104">
        <v>2530</v>
      </c>
      <c r="JG20" s="101">
        <v>134</v>
      </c>
      <c r="JH20" s="102">
        <v>210</v>
      </c>
      <c r="JI20" s="103">
        <v>344</v>
      </c>
      <c r="JJ20" s="413">
        <v>0</v>
      </c>
      <c r="JK20" s="102">
        <v>301</v>
      </c>
      <c r="JL20" s="102">
        <v>478</v>
      </c>
      <c r="JM20" s="102">
        <v>408</v>
      </c>
      <c r="JN20" s="102">
        <v>422</v>
      </c>
      <c r="JO20" s="102">
        <v>237</v>
      </c>
      <c r="JP20" s="103">
        <v>1846</v>
      </c>
      <c r="JQ20" s="104">
        <v>2190</v>
      </c>
      <c r="JR20" s="101">
        <v>15</v>
      </c>
      <c r="JS20" s="102">
        <v>36</v>
      </c>
      <c r="JT20" s="103">
        <v>51</v>
      </c>
      <c r="JU20" s="413">
        <v>0</v>
      </c>
      <c r="JV20" s="102">
        <v>33</v>
      </c>
      <c r="JW20" s="102">
        <v>68</v>
      </c>
      <c r="JX20" s="102">
        <v>50</v>
      </c>
      <c r="JY20" s="102">
        <v>34</v>
      </c>
      <c r="JZ20" s="102">
        <v>40</v>
      </c>
      <c r="KA20" s="103">
        <v>225</v>
      </c>
      <c r="KB20" s="104">
        <v>276</v>
      </c>
      <c r="KC20" s="101">
        <v>1041</v>
      </c>
      <c r="KD20" s="102">
        <v>1342</v>
      </c>
      <c r="KE20" s="103">
        <v>2383</v>
      </c>
      <c r="KF20" s="413">
        <v>0</v>
      </c>
      <c r="KG20" s="102">
        <v>1525</v>
      </c>
      <c r="KH20" s="102">
        <v>2279</v>
      </c>
      <c r="KI20" s="102">
        <v>1633</v>
      </c>
      <c r="KJ20" s="102">
        <v>1402</v>
      </c>
      <c r="KK20" s="102">
        <v>869</v>
      </c>
      <c r="KL20" s="103">
        <v>7708</v>
      </c>
      <c r="KM20" s="104">
        <v>10091</v>
      </c>
    </row>
    <row r="21" spans="2:299" s="70" customFormat="1" ht="21" customHeight="1" x14ac:dyDescent="0.2">
      <c r="B21" s="106" t="s">
        <v>18</v>
      </c>
      <c r="C21" s="96">
        <v>464</v>
      </c>
      <c r="D21" s="97">
        <v>465</v>
      </c>
      <c r="E21" s="98">
        <v>929</v>
      </c>
      <c r="F21" s="413">
        <v>0</v>
      </c>
      <c r="G21" s="97">
        <v>1000</v>
      </c>
      <c r="H21" s="97">
        <v>824</v>
      </c>
      <c r="I21" s="97">
        <v>547</v>
      </c>
      <c r="J21" s="97">
        <v>438</v>
      </c>
      <c r="K21" s="97">
        <v>302</v>
      </c>
      <c r="L21" s="99">
        <v>3111</v>
      </c>
      <c r="M21" s="100">
        <v>4040</v>
      </c>
      <c r="N21" s="101">
        <v>24</v>
      </c>
      <c r="O21" s="102">
        <v>22</v>
      </c>
      <c r="P21" s="103">
        <v>46</v>
      </c>
      <c r="Q21" s="413">
        <v>0</v>
      </c>
      <c r="R21" s="102">
        <v>48</v>
      </c>
      <c r="S21" s="102">
        <v>45</v>
      </c>
      <c r="T21" s="102">
        <v>31</v>
      </c>
      <c r="U21" s="102">
        <v>22</v>
      </c>
      <c r="V21" s="102">
        <v>25</v>
      </c>
      <c r="W21" s="103">
        <v>171</v>
      </c>
      <c r="X21" s="104">
        <v>217</v>
      </c>
      <c r="Y21" s="101">
        <v>46</v>
      </c>
      <c r="Z21" s="102">
        <v>46</v>
      </c>
      <c r="AA21" s="103">
        <v>92</v>
      </c>
      <c r="AB21" s="413">
        <v>0</v>
      </c>
      <c r="AC21" s="102">
        <v>105</v>
      </c>
      <c r="AD21" s="102">
        <v>81</v>
      </c>
      <c r="AE21" s="102">
        <v>57</v>
      </c>
      <c r="AF21" s="102">
        <v>53</v>
      </c>
      <c r="AG21" s="102">
        <v>37</v>
      </c>
      <c r="AH21" s="103">
        <v>333</v>
      </c>
      <c r="AI21" s="104">
        <v>425</v>
      </c>
      <c r="AJ21" s="101">
        <v>73</v>
      </c>
      <c r="AK21" s="102">
        <v>86</v>
      </c>
      <c r="AL21" s="103">
        <v>159</v>
      </c>
      <c r="AM21" s="413">
        <v>0</v>
      </c>
      <c r="AN21" s="102">
        <v>161</v>
      </c>
      <c r="AO21" s="102">
        <v>128</v>
      </c>
      <c r="AP21" s="102">
        <v>87</v>
      </c>
      <c r="AQ21" s="102">
        <v>69</v>
      </c>
      <c r="AR21" s="102">
        <v>55</v>
      </c>
      <c r="AS21" s="103">
        <v>500</v>
      </c>
      <c r="AT21" s="104">
        <v>659</v>
      </c>
      <c r="AU21" s="101">
        <v>137</v>
      </c>
      <c r="AV21" s="102">
        <v>126</v>
      </c>
      <c r="AW21" s="103">
        <v>263</v>
      </c>
      <c r="AX21" s="413">
        <v>0</v>
      </c>
      <c r="AY21" s="102">
        <v>278</v>
      </c>
      <c r="AZ21" s="102">
        <v>242</v>
      </c>
      <c r="BA21" s="102">
        <v>123</v>
      </c>
      <c r="BB21" s="102">
        <v>112</v>
      </c>
      <c r="BC21" s="102">
        <v>98</v>
      </c>
      <c r="BD21" s="103">
        <v>853</v>
      </c>
      <c r="BE21" s="104">
        <v>1116</v>
      </c>
      <c r="BF21" s="101">
        <v>125</v>
      </c>
      <c r="BG21" s="102">
        <v>117</v>
      </c>
      <c r="BH21" s="103">
        <v>242</v>
      </c>
      <c r="BI21" s="413">
        <v>0</v>
      </c>
      <c r="BJ21" s="102">
        <v>263</v>
      </c>
      <c r="BK21" s="102">
        <v>199</v>
      </c>
      <c r="BL21" s="102">
        <v>151</v>
      </c>
      <c r="BM21" s="102">
        <v>114</v>
      </c>
      <c r="BN21" s="102">
        <v>47</v>
      </c>
      <c r="BO21" s="103">
        <v>774</v>
      </c>
      <c r="BP21" s="104">
        <v>1016</v>
      </c>
      <c r="BQ21" s="101">
        <v>59</v>
      </c>
      <c r="BR21" s="102">
        <v>68</v>
      </c>
      <c r="BS21" s="103">
        <v>127</v>
      </c>
      <c r="BT21" s="413">
        <v>0</v>
      </c>
      <c r="BU21" s="102">
        <v>145</v>
      </c>
      <c r="BV21" s="102">
        <v>129</v>
      </c>
      <c r="BW21" s="102">
        <v>98</v>
      </c>
      <c r="BX21" s="102">
        <v>68</v>
      </c>
      <c r="BY21" s="102">
        <v>40</v>
      </c>
      <c r="BZ21" s="103">
        <v>480</v>
      </c>
      <c r="CA21" s="104">
        <v>607</v>
      </c>
      <c r="CB21" s="101">
        <v>10</v>
      </c>
      <c r="CC21" s="102">
        <v>25</v>
      </c>
      <c r="CD21" s="103">
        <v>35</v>
      </c>
      <c r="CE21" s="413">
        <v>0</v>
      </c>
      <c r="CF21" s="102">
        <v>31</v>
      </c>
      <c r="CG21" s="102">
        <v>37</v>
      </c>
      <c r="CH21" s="102">
        <v>27</v>
      </c>
      <c r="CI21" s="102">
        <v>30</v>
      </c>
      <c r="CJ21" s="102">
        <v>18</v>
      </c>
      <c r="CK21" s="103">
        <v>143</v>
      </c>
      <c r="CL21" s="104">
        <v>178</v>
      </c>
      <c r="CM21" s="101">
        <v>474</v>
      </c>
      <c r="CN21" s="102">
        <v>490</v>
      </c>
      <c r="CO21" s="103">
        <v>964</v>
      </c>
      <c r="CP21" s="413">
        <v>0</v>
      </c>
      <c r="CQ21" s="102">
        <v>1031</v>
      </c>
      <c r="CR21" s="102">
        <v>861</v>
      </c>
      <c r="CS21" s="102">
        <v>574</v>
      </c>
      <c r="CT21" s="102">
        <v>468</v>
      </c>
      <c r="CU21" s="102">
        <v>320</v>
      </c>
      <c r="CV21" s="103">
        <v>3254</v>
      </c>
      <c r="CW21" s="104">
        <v>4218</v>
      </c>
      <c r="CX21" s="105">
        <v>826</v>
      </c>
      <c r="CY21" s="97">
        <v>1194</v>
      </c>
      <c r="CZ21" s="98">
        <v>2020</v>
      </c>
      <c r="DA21" s="413">
        <v>0</v>
      </c>
      <c r="DB21" s="97">
        <v>1509</v>
      </c>
      <c r="DC21" s="97">
        <v>1269</v>
      </c>
      <c r="DD21" s="97">
        <v>1005</v>
      </c>
      <c r="DE21" s="97">
        <v>996</v>
      </c>
      <c r="DF21" s="97">
        <v>671</v>
      </c>
      <c r="DG21" s="99">
        <v>5450</v>
      </c>
      <c r="DH21" s="100">
        <v>7470</v>
      </c>
      <c r="DI21" s="101">
        <v>12</v>
      </c>
      <c r="DJ21" s="102">
        <v>39</v>
      </c>
      <c r="DK21" s="103">
        <v>51</v>
      </c>
      <c r="DL21" s="413">
        <v>0</v>
      </c>
      <c r="DM21" s="102">
        <v>40</v>
      </c>
      <c r="DN21" s="102">
        <v>19</v>
      </c>
      <c r="DO21" s="102">
        <v>17</v>
      </c>
      <c r="DP21" s="102">
        <v>23</v>
      </c>
      <c r="DQ21" s="102">
        <v>15</v>
      </c>
      <c r="DR21" s="103">
        <v>114</v>
      </c>
      <c r="DS21" s="104">
        <v>165</v>
      </c>
      <c r="DT21" s="101">
        <v>72</v>
      </c>
      <c r="DU21" s="102">
        <v>75</v>
      </c>
      <c r="DV21" s="103">
        <v>147</v>
      </c>
      <c r="DW21" s="413">
        <v>0</v>
      </c>
      <c r="DX21" s="102">
        <v>83</v>
      </c>
      <c r="DY21" s="102">
        <v>76</v>
      </c>
      <c r="DZ21" s="102">
        <v>33</v>
      </c>
      <c r="EA21" s="102">
        <v>48</v>
      </c>
      <c r="EB21" s="102">
        <v>37</v>
      </c>
      <c r="EC21" s="103">
        <v>277</v>
      </c>
      <c r="ED21" s="104">
        <v>424</v>
      </c>
      <c r="EE21" s="101">
        <v>149</v>
      </c>
      <c r="EF21" s="102">
        <v>197</v>
      </c>
      <c r="EG21" s="103">
        <v>346</v>
      </c>
      <c r="EH21" s="413">
        <v>0</v>
      </c>
      <c r="EI21" s="102">
        <v>203</v>
      </c>
      <c r="EJ21" s="102">
        <v>149</v>
      </c>
      <c r="EK21" s="102">
        <v>110</v>
      </c>
      <c r="EL21" s="102">
        <v>96</v>
      </c>
      <c r="EM21" s="102">
        <v>79</v>
      </c>
      <c r="EN21" s="103">
        <v>637</v>
      </c>
      <c r="EO21" s="104">
        <v>983</v>
      </c>
      <c r="EP21" s="101">
        <v>290</v>
      </c>
      <c r="EQ21" s="102">
        <v>363</v>
      </c>
      <c r="ER21" s="103">
        <v>653</v>
      </c>
      <c r="ES21" s="413">
        <v>0</v>
      </c>
      <c r="ET21" s="102">
        <v>437</v>
      </c>
      <c r="EU21" s="102">
        <v>297</v>
      </c>
      <c r="EV21" s="102">
        <v>231</v>
      </c>
      <c r="EW21" s="102">
        <v>196</v>
      </c>
      <c r="EX21" s="102">
        <v>136</v>
      </c>
      <c r="EY21" s="103">
        <v>1297</v>
      </c>
      <c r="EZ21" s="104">
        <v>1950</v>
      </c>
      <c r="FA21" s="101">
        <v>203</v>
      </c>
      <c r="FB21" s="102">
        <v>334</v>
      </c>
      <c r="FC21" s="103">
        <v>537</v>
      </c>
      <c r="FD21" s="413">
        <v>0</v>
      </c>
      <c r="FE21" s="102">
        <v>413</v>
      </c>
      <c r="FF21" s="102">
        <v>394</v>
      </c>
      <c r="FG21" s="102">
        <v>296</v>
      </c>
      <c r="FH21" s="102">
        <v>256</v>
      </c>
      <c r="FI21" s="102">
        <v>183</v>
      </c>
      <c r="FJ21" s="103">
        <v>1542</v>
      </c>
      <c r="FK21" s="104">
        <v>2079</v>
      </c>
      <c r="FL21" s="101">
        <v>100</v>
      </c>
      <c r="FM21" s="102">
        <v>186</v>
      </c>
      <c r="FN21" s="103">
        <v>286</v>
      </c>
      <c r="FO21" s="413">
        <v>0</v>
      </c>
      <c r="FP21" s="102">
        <v>333</v>
      </c>
      <c r="FQ21" s="102">
        <v>334</v>
      </c>
      <c r="FR21" s="102">
        <v>318</v>
      </c>
      <c r="FS21" s="102">
        <v>377</v>
      </c>
      <c r="FT21" s="102">
        <v>221</v>
      </c>
      <c r="FU21" s="103">
        <v>1583</v>
      </c>
      <c r="FV21" s="104">
        <v>1869</v>
      </c>
      <c r="FW21" s="101">
        <v>16</v>
      </c>
      <c r="FX21" s="102">
        <v>15</v>
      </c>
      <c r="FY21" s="103">
        <v>31</v>
      </c>
      <c r="FZ21" s="413">
        <v>0</v>
      </c>
      <c r="GA21" s="102">
        <v>29</v>
      </c>
      <c r="GB21" s="102">
        <v>29</v>
      </c>
      <c r="GC21" s="102">
        <v>11</v>
      </c>
      <c r="GD21" s="102">
        <v>20</v>
      </c>
      <c r="GE21" s="102">
        <v>17</v>
      </c>
      <c r="GF21" s="103">
        <v>106</v>
      </c>
      <c r="GG21" s="104">
        <v>137</v>
      </c>
      <c r="GH21" s="101">
        <v>842</v>
      </c>
      <c r="GI21" s="102">
        <v>1209</v>
      </c>
      <c r="GJ21" s="103">
        <v>2051</v>
      </c>
      <c r="GK21" s="413">
        <v>0</v>
      </c>
      <c r="GL21" s="102">
        <v>1538</v>
      </c>
      <c r="GM21" s="102">
        <v>1298</v>
      </c>
      <c r="GN21" s="102">
        <v>1016</v>
      </c>
      <c r="GO21" s="102">
        <v>1016</v>
      </c>
      <c r="GP21" s="102">
        <v>688</v>
      </c>
      <c r="GQ21" s="103">
        <v>5556</v>
      </c>
      <c r="GR21" s="104">
        <v>7607</v>
      </c>
      <c r="GS21" s="105">
        <v>1290</v>
      </c>
      <c r="GT21" s="97">
        <v>1659</v>
      </c>
      <c r="GU21" s="98">
        <v>2949</v>
      </c>
      <c r="GV21" s="413">
        <v>0</v>
      </c>
      <c r="GW21" s="97">
        <v>2509</v>
      </c>
      <c r="GX21" s="97">
        <v>2093</v>
      </c>
      <c r="GY21" s="97">
        <v>1552</v>
      </c>
      <c r="GZ21" s="97">
        <v>1434</v>
      </c>
      <c r="HA21" s="97">
        <v>973</v>
      </c>
      <c r="HB21" s="99">
        <v>8561</v>
      </c>
      <c r="HC21" s="100">
        <v>11510</v>
      </c>
      <c r="HD21" s="101">
        <v>36</v>
      </c>
      <c r="HE21" s="102">
        <v>61</v>
      </c>
      <c r="HF21" s="103">
        <v>97</v>
      </c>
      <c r="HG21" s="416">
        <v>0</v>
      </c>
      <c r="HH21" s="102">
        <v>88</v>
      </c>
      <c r="HI21" s="102">
        <v>64</v>
      </c>
      <c r="HJ21" s="102">
        <v>48</v>
      </c>
      <c r="HK21" s="102">
        <v>45</v>
      </c>
      <c r="HL21" s="102">
        <v>40</v>
      </c>
      <c r="HM21" s="103">
        <v>285</v>
      </c>
      <c r="HN21" s="104">
        <v>382</v>
      </c>
      <c r="HO21" s="101">
        <v>118</v>
      </c>
      <c r="HP21" s="102">
        <v>121</v>
      </c>
      <c r="HQ21" s="103">
        <v>239</v>
      </c>
      <c r="HR21" s="413">
        <v>0</v>
      </c>
      <c r="HS21" s="102">
        <v>188</v>
      </c>
      <c r="HT21" s="102">
        <v>157</v>
      </c>
      <c r="HU21" s="102">
        <v>90</v>
      </c>
      <c r="HV21" s="102">
        <v>101</v>
      </c>
      <c r="HW21" s="102">
        <v>74</v>
      </c>
      <c r="HX21" s="103">
        <v>610</v>
      </c>
      <c r="HY21" s="104">
        <v>849</v>
      </c>
      <c r="HZ21" s="101">
        <v>222</v>
      </c>
      <c r="IA21" s="102">
        <v>283</v>
      </c>
      <c r="IB21" s="103">
        <v>505</v>
      </c>
      <c r="IC21" s="413">
        <v>0</v>
      </c>
      <c r="ID21" s="102">
        <v>364</v>
      </c>
      <c r="IE21" s="102">
        <v>277</v>
      </c>
      <c r="IF21" s="102">
        <v>197</v>
      </c>
      <c r="IG21" s="102">
        <v>165</v>
      </c>
      <c r="IH21" s="102">
        <v>134</v>
      </c>
      <c r="II21" s="103">
        <v>1137</v>
      </c>
      <c r="IJ21" s="104">
        <v>1642</v>
      </c>
      <c r="IK21" s="101">
        <v>427</v>
      </c>
      <c r="IL21" s="102">
        <v>489</v>
      </c>
      <c r="IM21" s="103">
        <v>916</v>
      </c>
      <c r="IN21" s="413">
        <v>0</v>
      </c>
      <c r="IO21" s="102">
        <v>715</v>
      </c>
      <c r="IP21" s="102">
        <v>539</v>
      </c>
      <c r="IQ21" s="102">
        <v>354</v>
      </c>
      <c r="IR21" s="102">
        <v>308</v>
      </c>
      <c r="IS21" s="102">
        <v>234</v>
      </c>
      <c r="IT21" s="103">
        <v>2150</v>
      </c>
      <c r="IU21" s="104">
        <v>3066</v>
      </c>
      <c r="IV21" s="101">
        <v>328</v>
      </c>
      <c r="IW21" s="102">
        <v>451</v>
      </c>
      <c r="IX21" s="103">
        <v>779</v>
      </c>
      <c r="IY21" s="413">
        <v>0</v>
      </c>
      <c r="IZ21" s="102">
        <v>676</v>
      </c>
      <c r="JA21" s="102">
        <v>593</v>
      </c>
      <c r="JB21" s="102">
        <v>447</v>
      </c>
      <c r="JC21" s="102">
        <v>370</v>
      </c>
      <c r="JD21" s="102">
        <v>230</v>
      </c>
      <c r="JE21" s="103">
        <v>2316</v>
      </c>
      <c r="JF21" s="104">
        <v>3095</v>
      </c>
      <c r="JG21" s="101">
        <v>159</v>
      </c>
      <c r="JH21" s="102">
        <v>254</v>
      </c>
      <c r="JI21" s="103">
        <v>413</v>
      </c>
      <c r="JJ21" s="413">
        <v>0</v>
      </c>
      <c r="JK21" s="102">
        <v>478</v>
      </c>
      <c r="JL21" s="102">
        <v>463</v>
      </c>
      <c r="JM21" s="102">
        <v>416</v>
      </c>
      <c r="JN21" s="102">
        <v>445</v>
      </c>
      <c r="JO21" s="102">
        <v>261</v>
      </c>
      <c r="JP21" s="103">
        <v>2063</v>
      </c>
      <c r="JQ21" s="104">
        <v>2476</v>
      </c>
      <c r="JR21" s="101">
        <v>26</v>
      </c>
      <c r="JS21" s="102">
        <v>40</v>
      </c>
      <c r="JT21" s="103">
        <v>66</v>
      </c>
      <c r="JU21" s="413">
        <v>0</v>
      </c>
      <c r="JV21" s="102">
        <v>60</v>
      </c>
      <c r="JW21" s="102">
        <v>66</v>
      </c>
      <c r="JX21" s="102">
        <v>38</v>
      </c>
      <c r="JY21" s="102">
        <v>50</v>
      </c>
      <c r="JZ21" s="102">
        <v>35</v>
      </c>
      <c r="KA21" s="103">
        <v>249</v>
      </c>
      <c r="KB21" s="104">
        <v>315</v>
      </c>
      <c r="KC21" s="101">
        <v>1316</v>
      </c>
      <c r="KD21" s="102">
        <v>1699</v>
      </c>
      <c r="KE21" s="103">
        <v>3015</v>
      </c>
      <c r="KF21" s="413">
        <v>0</v>
      </c>
      <c r="KG21" s="102">
        <v>2569</v>
      </c>
      <c r="KH21" s="102">
        <v>2159</v>
      </c>
      <c r="KI21" s="102">
        <v>1590</v>
      </c>
      <c r="KJ21" s="102">
        <v>1484</v>
      </c>
      <c r="KK21" s="102">
        <v>1008</v>
      </c>
      <c r="KL21" s="103">
        <v>8810</v>
      </c>
      <c r="KM21" s="104">
        <v>11825</v>
      </c>
    </row>
    <row r="22" spans="2:299" s="70" customFormat="1" ht="21" customHeight="1" x14ac:dyDescent="0.2">
      <c r="B22" s="106" t="s">
        <v>19</v>
      </c>
      <c r="C22" s="96">
        <v>247</v>
      </c>
      <c r="D22" s="97">
        <v>179</v>
      </c>
      <c r="E22" s="98">
        <v>426</v>
      </c>
      <c r="F22" s="413">
        <v>0</v>
      </c>
      <c r="G22" s="97">
        <v>409</v>
      </c>
      <c r="H22" s="97">
        <v>328</v>
      </c>
      <c r="I22" s="97">
        <v>233</v>
      </c>
      <c r="J22" s="97">
        <v>144</v>
      </c>
      <c r="K22" s="97">
        <v>103</v>
      </c>
      <c r="L22" s="99">
        <v>1217</v>
      </c>
      <c r="M22" s="100">
        <v>1643</v>
      </c>
      <c r="N22" s="107">
        <v>6</v>
      </c>
      <c r="O22" s="102">
        <v>9</v>
      </c>
      <c r="P22" s="103">
        <v>15</v>
      </c>
      <c r="Q22" s="413">
        <v>0</v>
      </c>
      <c r="R22" s="102">
        <v>15</v>
      </c>
      <c r="S22" s="102">
        <v>12</v>
      </c>
      <c r="T22" s="102">
        <v>13</v>
      </c>
      <c r="U22" s="102">
        <v>5</v>
      </c>
      <c r="V22" s="102">
        <v>8</v>
      </c>
      <c r="W22" s="103">
        <v>53</v>
      </c>
      <c r="X22" s="104">
        <v>68</v>
      </c>
      <c r="Y22" s="101">
        <v>19</v>
      </c>
      <c r="Z22" s="102">
        <v>19</v>
      </c>
      <c r="AA22" s="103">
        <v>38</v>
      </c>
      <c r="AB22" s="413">
        <v>0</v>
      </c>
      <c r="AC22" s="102">
        <v>47</v>
      </c>
      <c r="AD22" s="102">
        <v>35</v>
      </c>
      <c r="AE22" s="102">
        <v>24</v>
      </c>
      <c r="AF22" s="102">
        <v>13</v>
      </c>
      <c r="AG22" s="102">
        <v>9</v>
      </c>
      <c r="AH22" s="103">
        <v>128</v>
      </c>
      <c r="AI22" s="104">
        <v>166</v>
      </c>
      <c r="AJ22" s="107">
        <v>36</v>
      </c>
      <c r="AK22" s="102">
        <v>26</v>
      </c>
      <c r="AL22" s="103">
        <v>62</v>
      </c>
      <c r="AM22" s="413">
        <v>0</v>
      </c>
      <c r="AN22" s="102">
        <v>74</v>
      </c>
      <c r="AO22" s="102">
        <v>60</v>
      </c>
      <c r="AP22" s="102">
        <v>36</v>
      </c>
      <c r="AQ22" s="102">
        <v>30</v>
      </c>
      <c r="AR22" s="102">
        <v>16</v>
      </c>
      <c r="AS22" s="103">
        <v>216</v>
      </c>
      <c r="AT22" s="104">
        <v>278</v>
      </c>
      <c r="AU22" s="101">
        <v>67</v>
      </c>
      <c r="AV22" s="102">
        <v>50</v>
      </c>
      <c r="AW22" s="103">
        <v>117</v>
      </c>
      <c r="AX22" s="413">
        <v>0</v>
      </c>
      <c r="AY22" s="102">
        <v>98</v>
      </c>
      <c r="AZ22" s="102">
        <v>91</v>
      </c>
      <c r="BA22" s="102">
        <v>65</v>
      </c>
      <c r="BB22" s="102">
        <v>40</v>
      </c>
      <c r="BC22" s="102">
        <v>26</v>
      </c>
      <c r="BD22" s="103">
        <v>320</v>
      </c>
      <c r="BE22" s="104">
        <v>437</v>
      </c>
      <c r="BF22" s="107">
        <v>74</v>
      </c>
      <c r="BG22" s="102">
        <v>33</v>
      </c>
      <c r="BH22" s="103">
        <v>107</v>
      </c>
      <c r="BI22" s="413">
        <v>0</v>
      </c>
      <c r="BJ22" s="102">
        <v>99</v>
      </c>
      <c r="BK22" s="102">
        <v>71</v>
      </c>
      <c r="BL22" s="102">
        <v>50</v>
      </c>
      <c r="BM22" s="102">
        <v>38</v>
      </c>
      <c r="BN22" s="102">
        <v>33</v>
      </c>
      <c r="BO22" s="103">
        <v>291</v>
      </c>
      <c r="BP22" s="104">
        <v>398</v>
      </c>
      <c r="BQ22" s="101">
        <v>45</v>
      </c>
      <c r="BR22" s="102">
        <v>42</v>
      </c>
      <c r="BS22" s="103">
        <v>87</v>
      </c>
      <c r="BT22" s="413">
        <v>0</v>
      </c>
      <c r="BU22" s="102">
        <v>76</v>
      </c>
      <c r="BV22" s="102">
        <v>59</v>
      </c>
      <c r="BW22" s="102">
        <v>45</v>
      </c>
      <c r="BX22" s="102">
        <v>18</v>
      </c>
      <c r="BY22" s="102">
        <v>11</v>
      </c>
      <c r="BZ22" s="103">
        <v>209</v>
      </c>
      <c r="CA22" s="104">
        <v>296</v>
      </c>
      <c r="CB22" s="101">
        <v>9</v>
      </c>
      <c r="CC22" s="102">
        <v>7</v>
      </c>
      <c r="CD22" s="103">
        <v>16</v>
      </c>
      <c r="CE22" s="413">
        <v>0</v>
      </c>
      <c r="CF22" s="102">
        <v>21</v>
      </c>
      <c r="CG22" s="102">
        <v>9</v>
      </c>
      <c r="CH22" s="102">
        <v>12</v>
      </c>
      <c r="CI22" s="102">
        <v>6</v>
      </c>
      <c r="CJ22" s="102">
        <v>6</v>
      </c>
      <c r="CK22" s="103">
        <v>54</v>
      </c>
      <c r="CL22" s="104">
        <v>70</v>
      </c>
      <c r="CM22" s="101">
        <v>256</v>
      </c>
      <c r="CN22" s="102">
        <v>186</v>
      </c>
      <c r="CO22" s="103">
        <v>442</v>
      </c>
      <c r="CP22" s="413">
        <v>0</v>
      </c>
      <c r="CQ22" s="102">
        <v>430</v>
      </c>
      <c r="CR22" s="102">
        <v>337</v>
      </c>
      <c r="CS22" s="102">
        <v>245</v>
      </c>
      <c r="CT22" s="102">
        <v>150</v>
      </c>
      <c r="CU22" s="102">
        <v>109</v>
      </c>
      <c r="CV22" s="103">
        <v>1271</v>
      </c>
      <c r="CW22" s="104">
        <v>1713</v>
      </c>
      <c r="CX22" s="105">
        <v>397</v>
      </c>
      <c r="CY22" s="97">
        <v>423</v>
      </c>
      <c r="CZ22" s="98">
        <v>820</v>
      </c>
      <c r="DA22" s="413">
        <v>0</v>
      </c>
      <c r="DB22" s="97">
        <v>695</v>
      </c>
      <c r="DC22" s="97">
        <v>499</v>
      </c>
      <c r="DD22" s="97">
        <v>444</v>
      </c>
      <c r="DE22" s="97">
        <v>323</v>
      </c>
      <c r="DF22" s="97">
        <v>265</v>
      </c>
      <c r="DG22" s="99">
        <v>2226</v>
      </c>
      <c r="DH22" s="100">
        <v>3046</v>
      </c>
      <c r="DI22" s="107">
        <v>11</v>
      </c>
      <c r="DJ22" s="102">
        <v>4</v>
      </c>
      <c r="DK22" s="103">
        <v>15</v>
      </c>
      <c r="DL22" s="413">
        <v>0</v>
      </c>
      <c r="DM22" s="102">
        <v>12</v>
      </c>
      <c r="DN22" s="102">
        <v>15</v>
      </c>
      <c r="DO22" s="102">
        <v>10</v>
      </c>
      <c r="DP22" s="102">
        <v>4</v>
      </c>
      <c r="DQ22" s="102">
        <v>1</v>
      </c>
      <c r="DR22" s="103">
        <v>42</v>
      </c>
      <c r="DS22" s="104">
        <v>57</v>
      </c>
      <c r="DT22" s="101">
        <v>29</v>
      </c>
      <c r="DU22" s="102">
        <v>32</v>
      </c>
      <c r="DV22" s="103">
        <v>61</v>
      </c>
      <c r="DW22" s="413">
        <v>0</v>
      </c>
      <c r="DX22" s="102">
        <v>38</v>
      </c>
      <c r="DY22" s="102">
        <v>23</v>
      </c>
      <c r="DZ22" s="102">
        <v>16</v>
      </c>
      <c r="EA22" s="102">
        <v>10</v>
      </c>
      <c r="EB22" s="102">
        <v>19</v>
      </c>
      <c r="EC22" s="103">
        <v>106</v>
      </c>
      <c r="ED22" s="104">
        <v>167</v>
      </c>
      <c r="EE22" s="107">
        <v>61</v>
      </c>
      <c r="EF22" s="102">
        <v>66</v>
      </c>
      <c r="EG22" s="103">
        <v>127</v>
      </c>
      <c r="EH22" s="413">
        <v>0</v>
      </c>
      <c r="EI22" s="102">
        <v>86</v>
      </c>
      <c r="EJ22" s="102">
        <v>52</v>
      </c>
      <c r="EK22" s="102">
        <v>40</v>
      </c>
      <c r="EL22" s="102">
        <v>33</v>
      </c>
      <c r="EM22" s="102">
        <v>20</v>
      </c>
      <c r="EN22" s="103">
        <v>231</v>
      </c>
      <c r="EO22" s="104">
        <v>358</v>
      </c>
      <c r="EP22" s="101">
        <v>127</v>
      </c>
      <c r="EQ22" s="102">
        <v>120</v>
      </c>
      <c r="ER22" s="103">
        <v>247</v>
      </c>
      <c r="ES22" s="413">
        <v>0</v>
      </c>
      <c r="ET22" s="102">
        <v>185</v>
      </c>
      <c r="EU22" s="102">
        <v>124</v>
      </c>
      <c r="EV22" s="102">
        <v>87</v>
      </c>
      <c r="EW22" s="102">
        <v>65</v>
      </c>
      <c r="EX22" s="102">
        <v>56</v>
      </c>
      <c r="EY22" s="103">
        <v>517</v>
      </c>
      <c r="EZ22" s="104">
        <v>764</v>
      </c>
      <c r="FA22" s="107">
        <v>115</v>
      </c>
      <c r="FB22" s="102">
        <v>114</v>
      </c>
      <c r="FC22" s="103">
        <v>229</v>
      </c>
      <c r="FD22" s="413">
        <v>0</v>
      </c>
      <c r="FE22" s="102">
        <v>200</v>
      </c>
      <c r="FF22" s="102">
        <v>147</v>
      </c>
      <c r="FG22" s="102">
        <v>125</v>
      </c>
      <c r="FH22" s="102">
        <v>88</v>
      </c>
      <c r="FI22" s="102">
        <v>64</v>
      </c>
      <c r="FJ22" s="103">
        <v>624</v>
      </c>
      <c r="FK22" s="104">
        <v>853</v>
      </c>
      <c r="FL22" s="101">
        <v>54</v>
      </c>
      <c r="FM22" s="102">
        <v>87</v>
      </c>
      <c r="FN22" s="103">
        <v>141</v>
      </c>
      <c r="FO22" s="413">
        <v>0</v>
      </c>
      <c r="FP22" s="102">
        <v>174</v>
      </c>
      <c r="FQ22" s="102">
        <v>138</v>
      </c>
      <c r="FR22" s="102">
        <v>166</v>
      </c>
      <c r="FS22" s="102">
        <v>123</v>
      </c>
      <c r="FT22" s="102">
        <v>105</v>
      </c>
      <c r="FU22" s="103">
        <v>706</v>
      </c>
      <c r="FV22" s="104">
        <v>847</v>
      </c>
      <c r="FW22" s="101">
        <v>4</v>
      </c>
      <c r="FX22" s="102">
        <v>9</v>
      </c>
      <c r="FY22" s="103">
        <v>13</v>
      </c>
      <c r="FZ22" s="413">
        <v>0</v>
      </c>
      <c r="GA22" s="102">
        <v>5</v>
      </c>
      <c r="GB22" s="102">
        <v>11</v>
      </c>
      <c r="GC22" s="102">
        <v>6</v>
      </c>
      <c r="GD22" s="102">
        <v>5</v>
      </c>
      <c r="GE22" s="102">
        <v>3</v>
      </c>
      <c r="GF22" s="103">
        <v>30</v>
      </c>
      <c r="GG22" s="104">
        <v>43</v>
      </c>
      <c r="GH22" s="101">
        <v>401</v>
      </c>
      <c r="GI22" s="102">
        <v>432</v>
      </c>
      <c r="GJ22" s="103">
        <v>833</v>
      </c>
      <c r="GK22" s="413">
        <v>0</v>
      </c>
      <c r="GL22" s="102">
        <v>700</v>
      </c>
      <c r="GM22" s="102">
        <v>510</v>
      </c>
      <c r="GN22" s="102">
        <v>450</v>
      </c>
      <c r="GO22" s="102">
        <v>328</v>
      </c>
      <c r="GP22" s="102">
        <v>268</v>
      </c>
      <c r="GQ22" s="103">
        <v>2256</v>
      </c>
      <c r="GR22" s="104">
        <v>3089</v>
      </c>
      <c r="GS22" s="105">
        <v>644</v>
      </c>
      <c r="GT22" s="97">
        <v>602</v>
      </c>
      <c r="GU22" s="98">
        <v>1246</v>
      </c>
      <c r="GV22" s="413">
        <v>0</v>
      </c>
      <c r="GW22" s="97">
        <v>1104</v>
      </c>
      <c r="GX22" s="97">
        <v>827</v>
      </c>
      <c r="GY22" s="97">
        <v>677</v>
      </c>
      <c r="GZ22" s="97">
        <v>467</v>
      </c>
      <c r="HA22" s="97">
        <v>368</v>
      </c>
      <c r="HB22" s="99">
        <v>3443</v>
      </c>
      <c r="HC22" s="100">
        <v>4689</v>
      </c>
      <c r="HD22" s="107">
        <v>17</v>
      </c>
      <c r="HE22" s="102">
        <v>13</v>
      </c>
      <c r="HF22" s="103">
        <v>30</v>
      </c>
      <c r="HG22" s="416">
        <v>0</v>
      </c>
      <c r="HH22" s="102">
        <v>27</v>
      </c>
      <c r="HI22" s="102">
        <v>27</v>
      </c>
      <c r="HJ22" s="102">
        <v>23</v>
      </c>
      <c r="HK22" s="102">
        <v>9</v>
      </c>
      <c r="HL22" s="102">
        <v>9</v>
      </c>
      <c r="HM22" s="103">
        <v>95</v>
      </c>
      <c r="HN22" s="104">
        <v>125</v>
      </c>
      <c r="HO22" s="101">
        <v>48</v>
      </c>
      <c r="HP22" s="102">
        <v>51</v>
      </c>
      <c r="HQ22" s="103">
        <v>99</v>
      </c>
      <c r="HR22" s="413">
        <v>0</v>
      </c>
      <c r="HS22" s="102">
        <v>85</v>
      </c>
      <c r="HT22" s="102">
        <v>58</v>
      </c>
      <c r="HU22" s="102">
        <v>40</v>
      </c>
      <c r="HV22" s="102">
        <v>23</v>
      </c>
      <c r="HW22" s="102">
        <v>28</v>
      </c>
      <c r="HX22" s="103">
        <v>234</v>
      </c>
      <c r="HY22" s="104">
        <v>333</v>
      </c>
      <c r="HZ22" s="107">
        <v>97</v>
      </c>
      <c r="IA22" s="102">
        <v>92</v>
      </c>
      <c r="IB22" s="103">
        <v>189</v>
      </c>
      <c r="IC22" s="413">
        <v>0</v>
      </c>
      <c r="ID22" s="102">
        <v>160</v>
      </c>
      <c r="IE22" s="102">
        <v>112</v>
      </c>
      <c r="IF22" s="102">
        <v>76</v>
      </c>
      <c r="IG22" s="102">
        <v>63</v>
      </c>
      <c r="IH22" s="102">
        <v>36</v>
      </c>
      <c r="II22" s="103">
        <v>447</v>
      </c>
      <c r="IJ22" s="104">
        <v>636</v>
      </c>
      <c r="IK22" s="101">
        <v>194</v>
      </c>
      <c r="IL22" s="102">
        <v>170</v>
      </c>
      <c r="IM22" s="103">
        <v>364</v>
      </c>
      <c r="IN22" s="413">
        <v>0</v>
      </c>
      <c r="IO22" s="102">
        <v>283</v>
      </c>
      <c r="IP22" s="102">
        <v>215</v>
      </c>
      <c r="IQ22" s="102">
        <v>152</v>
      </c>
      <c r="IR22" s="102">
        <v>105</v>
      </c>
      <c r="IS22" s="102">
        <v>82</v>
      </c>
      <c r="IT22" s="103">
        <v>837</v>
      </c>
      <c r="IU22" s="104">
        <v>1201</v>
      </c>
      <c r="IV22" s="107">
        <v>189</v>
      </c>
      <c r="IW22" s="102">
        <v>147</v>
      </c>
      <c r="IX22" s="103">
        <v>336</v>
      </c>
      <c r="IY22" s="413">
        <v>0</v>
      </c>
      <c r="IZ22" s="102">
        <v>299</v>
      </c>
      <c r="JA22" s="102">
        <v>218</v>
      </c>
      <c r="JB22" s="102">
        <v>175</v>
      </c>
      <c r="JC22" s="102">
        <v>126</v>
      </c>
      <c r="JD22" s="102">
        <v>97</v>
      </c>
      <c r="JE22" s="103">
        <v>915</v>
      </c>
      <c r="JF22" s="104">
        <v>1251</v>
      </c>
      <c r="JG22" s="101">
        <v>99</v>
      </c>
      <c r="JH22" s="102">
        <v>129</v>
      </c>
      <c r="JI22" s="103">
        <v>228</v>
      </c>
      <c r="JJ22" s="413">
        <v>0</v>
      </c>
      <c r="JK22" s="102">
        <v>250</v>
      </c>
      <c r="JL22" s="102">
        <v>197</v>
      </c>
      <c r="JM22" s="102">
        <v>211</v>
      </c>
      <c r="JN22" s="102">
        <v>141</v>
      </c>
      <c r="JO22" s="102">
        <v>116</v>
      </c>
      <c r="JP22" s="103">
        <v>915</v>
      </c>
      <c r="JQ22" s="104">
        <v>1143</v>
      </c>
      <c r="JR22" s="101">
        <v>13</v>
      </c>
      <c r="JS22" s="102">
        <v>16</v>
      </c>
      <c r="JT22" s="103">
        <v>29</v>
      </c>
      <c r="JU22" s="413">
        <v>0</v>
      </c>
      <c r="JV22" s="102">
        <v>26</v>
      </c>
      <c r="JW22" s="102">
        <v>20</v>
      </c>
      <c r="JX22" s="102">
        <v>18</v>
      </c>
      <c r="JY22" s="102">
        <v>11</v>
      </c>
      <c r="JZ22" s="102">
        <v>9</v>
      </c>
      <c r="KA22" s="103">
        <v>84</v>
      </c>
      <c r="KB22" s="104">
        <v>113</v>
      </c>
      <c r="KC22" s="101">
        <v>657</v>
      </c>
      <c r="KD22" s="102">
        <v>618</v>
      </c>
      <c r="KE22" s="103">
        <v>1275</v>
      </c>
      <c r="KF22" s="413">
        <v>0</v>
      </c>
      <c r="KG22" s="102">
        <v>1130</v>
      </c>
      <c r="KH22" s="102">
        <v>847</v>
      </c>
      <c r="KI22" s="102">
        <v>695</v>
      </c>
      <c r="KJ22" s="102">
        <v>478</v>
      </c>
      <c r="KK22" s="102">
        <v>377</v>
      </c>
      <c r="KL22" s="103">
        <v>3527</v>
      </c>
      <c r="KM22" s="104">
        <v>4802</v>
      </c>
    </row>
    <row r="23" spans="2:299" s="70" customFormat="1" ht="21" customHeight="1" x14ac:dyDescent="0.2">
      <c r="B23" s="106" t="s">
        <v>20</v>
      </c>
      <c r="C23" s="96">
        <v>293</v>
      </c>
      <c r="D23" s="97">
        <v>289</v>
      </c>
      <c r="E23" s="98">
        <v>582</v>
      </c>
      <c r="F23" s="413">
        <v>0</v>
      </c>
      <c r="G23" s="97">
        <v>658</v>
      </c>
      <c r="H23" s="97">
        <v>392</v>
      </c>
      <c r="I23" s="97">
        <v>300</v>
      </c>
      <c r="J23" s="97">
        <v>222</v>
      </c>
      <c r="K23" s="97">
        <v>115</v>
      </c>
      <c r="L23" s="99">
        <v>1687</v>
      </c>
      <c r="M23" s="100">
        <v>2269</v>
      </c>
      <c r="N23" s="101">
        <v>7</v>
      </c>
      <c r="O23" s="102">
        <v>6</v>
      </c>
      <c r="P23" s="103">
        <v>13</v>
      </c>
      <c r="Q23" s="413">
        <v>0</v>
      </c>
      <c r="R23" s="102">
        <v>24</v>
      </c>
      <c r="S23" s="102">
        <v>18</v>
      </c>
      <c r="T23" s="102">
        <v>20</v>
      </c>
      <c r="U23" s="102">
        <v>11</v>
      </c>
      <c r="V23" s="102">
        <v>9</v>
      </c>
      <c r="W23" s="103">
        <v>82</v>
      </c>
      <c r="X23" s="104">
        <v>95</v>
      </c>
      <c r="Y23" s="101">
        <v>31</v>
      </c>
      <c r="Z23" s="102">
        <v>20</v>
      </c>
      <c r="AA23" s="103">
        <v>51</v>
      </c>
      <c r="AB23" s="413">
        <v>0</v>
      </c>
      <c r="AC23" s="102">
        <v>64</v>
      </c>
      <c r="AD23" s="102">
        <v>37</v>
      </c>
      <c r="AE23" s="102">
        <v>26</v>
      </c>
      <c r="AF23" s="102">
        <v>27</v>
      </c>
      <c r="AG23" s="102">
        <v>12</v>
      </c>
      <c r="AH23" s="103">
        <v>166</v>
      </c>
      <c r="AI23" s="104">
        <v>217</v>
      </c>
      <c r="AJ23" s="101">
        <v>45</v>
      </c>
      <c r="AK23" s="102">
        <v>49</v>
      </c>
      <c r="AL23" s="103">
        <v>94</v>
      </c>
      <c r="AM23" s="413">
        <v>0</v>
      </c>
      <c r="AN23" s="102">
        <v>113</v>
      </c>
      <c r="AO23" s="102">
        <v>58</v>
      </c>
      <c r="AP23" s="102">
        <v>48</v>
      </c>
      <c r="AQ23" s="102">
        <v>38</v>
      </c>
      <c r="AR23" s="102">
        <v>23</v>
      </c>
      <c r="AS23" s="103">
        <v>280</v>
      </c>
      <c r="AT23" s="104">
        <v>374</v>
      </c>
      <c r="AU23" s="101">
        <v>93</v>
      </c>
      <c r="AV23" s="102">
        <v>87</v>
      </c>
      <c r="AW23" s="103">
        <v>180</v>
      </c>
      <c r="AX23" s="413">
        <v>0</v>
      </c>
      <c r="AY23" s="102">
        <v>199</v>
      </c>
      <c r="AZ23" s="102">
        <v>106</v>
      </c>
      <c r="BA23" s="102">
        <v>82</v>
      </c>
      <c r="BB23" s="102">
        <v>66</v>
      </c>
      <c r="BC23" s="102">
        <v>26</v>
      </c>
      <c r="BD23" s="103">
        <v>479</v>
      </c>
      <c r="BE23" s="104">
        <v>659</v>
      </c>
      <c r="BF23" s="101">
        <v>73</v>
      </c>
      <c r="BG23" s="102">
        <v>86</v>
      </c>
      <c r="BH23" s="103">
        <v>159</v>
      </c>
      <c r="BI23" s="413">
        <v>0</v>
      </c>
      <c r="BJ23" s="102">
        <v>170</v>
      </c>
      <c r="BK23" s="102">
        <v>105</v>
      </c>
      <c r="BL23" s="102">
        <v>82</v>
      </c>
      <c r="BM23" s="102">
        <v>49</v>
      </c>
      <c r="BN23" s="102">
        <v>29</v>
      </c>
      <c r="BO23" s="103">
        <v>435</v>
      </c>
      <c r="BP23" s="104">
        <v>594</v>
      </c>
      <c r="BQ23" s="101">
        <v>44</v>
      </c>
      <c r="BR23" s="102">
        <v>41</v>
      </c>
      <c r="BS23" s="103">
        <v>85</v>
      </c>
      <c r="BT23" s="413">
        <v>0</v>
      </c>
      <c r="BU23" s="102">
        <v>88</v>
      </c>
      <c r="BV23" s="102">
        <v>68</v>
      </c>
      <c r="BW23" s="102">
        <v>42</v>
      </c>
      <c r="BX23" s="102">
        <v>31</v>
      </c>
      <c r="BY23" s="102">
        <v>16</v>
      </c>
      <c r="BZ23" s="103">
        <v>245</v>
      </c>
      <c r="CA23" s="104">
        <v>330</v>
      </c>
      <c r="CB23" s="101">
        <v>8</v>
      </c>
      <c r="CC23" s="102">
        <v>8</v>
      </c>
      <c r="CD23" s="103">
        <v>16</v>
      </c>
      <c r="CE23" s="413">
        <v>0</v>
      </c>
      <c r="CF23" s="102">
        <v>18</v>
      </c>
      <c r="CG23" s="102">
        <v>16</v>
      </c>
      <c r="CH23" s="102">
        <v>13</v>
      </c>
      <c r="CI23" s="102">
        <v>10</v>
      </c>
      <c r="CJ23" s="102">
        <v>9</v>
      </c>
      <c r="CK23" s="103">
        <v>66</v>
      </c>
      <c r="CL23" s="104">
        <v>82</v>
      </c>
      <c r="CM23" s="101">
        <v>301</v>
      </c>
      <c r="CN23" s="102">
        <v>297</v>
      </c>
      <c r="CO23" s="103">
        <v>598</v>
      </c>
      <c r="CP23" s="413">
        <v>0</v>
      </c>
      <c r="CQ23" s="102">
        <v>676</v>
      </c>
      <c r="CR23" s="102">
        <v>408</v>
      </c>
      <c r="CS23" s="102">
        <v>313</v>
      </c>
      <c r="CT23" s="102">
        <v>232</v>
      </c>
      <c r="CU23" s="102">
        <v>124</v>
      </c>
      <c r="CV23" s="103">
        <v>1753</v>
      </c>
      <c r="CW23" s="104">
        <v>2351</v>
      </c>
      <c r="CX23" s="105">
        <v>522</v>
      </c>
      <c r="CY23" s="97">
        <v>649</v>
      </c>
      <c r="CZ23" s="98">
        <v>1171</v>
      </c>
      <c r="DA23" s="413">
        <v>0</v>
      </c>
      <c r="DB23" s="97">
        <v>970</v>
      </c>
      <c r="DC23" s="97">
        <v>588</v>
      </c>
      <c r="DD23" s="97">
        <v>511</v>
      </c>
      <c r="DE23" s="97">
        <v>456</v>
      </c>
      <c r="DF23" s="97">
        <v>285</v>
      </c>
      <c r="DG23" s="99">
        <v>2810</v>
      </c>
      <c r="DH23" s="100">
        <v>3981</v>
      </c>
      <c r="DI23" s="101">
        <v>11</v>
      </c>
      <c r="DJ23" s="102">
        <v>12</v>
      </c>
      <c r="DK23" s="103">
        <v>23</v>
      </c>
      <c r="DL23" s="413">
        <v>0</v>
      </c>
      <c r="DM23" s="102">
        <v>24</v>
      </c>
      <c r="DN23" s="102">
        <v>19</v>
      </c>
      <c r="DO23" s="102">
        <v>3</v>
      </c>
      <c r="DP23" s="102">
        <v>10</v>
      </c>
      <c r="DQ23" s="102">
        <v>6</v>
      </c>
      <c r="DR23" s="103">
        <v>62</v>
      </c>
      <c r="DS23" s="104">
        <v>85</v>
      </c>
      <c r="DT23" s="101">
        <v>31</v>
      </c>
      <c r="DU23" s="102">
        <v>37</v>
      </c>
      <c r="DV23" s="103">
        <v>68</v>
      </c>
      <c r="DW23" s="413">
        <v>0</v>
      </c>
      <c r="DX23" s="102">
        <v>48</v>
      </c>
      <c r="DY23" s="102">
        <v>32</v>
      </c>
      <c r="DZ23" s="102">
        <v>21</v>
      </c>
      <c r="EA23" s="102">
        <v>24</v>
      </c>
      <c r="EB23" s="102">
        <v>21</v>
      </c>
      <c r="EC23" s="103">
        <v>146</v>
      </c>
      <c r="ED23" s="104">
        <v>214</v>
      </c>
      <c r="EE23" s="101">
        <v>79</v>
      </c>
      <c r="EF23" s="102">
        <v>103</v>
      </c>
      <c r="EG23" s="103">
        <v>182</v>
      </c>
      <c r="EH23" s="413">
        <v>0</v>
      </c>
      <c r="EI23" s="102">
        <v>157</v>
      </c>
      <c r="EJ23" s="102">
        <v>71</v>
      </c>
      <c r="EK23" s="102">
        <v>64</v>
      </c>
      <c r="EL23" s="102">
        <v>49</v>
      </c>
      <c r="EM23" s="102">
        <v>29</v>
      </c>
      <c r="EN23" s="103">
        <v>370</v>
      </c>
      <c r="EO23" s="104">
        <v>552</v>
      </c>
      <c r="EP23" s="101">
        <v>190</v>
      </c>
      <c r="EQ23" s="102">
        <v>197</v>
      </c>
      <c r="ER23" s="103">
        <v>387</v>
      </c>
      <c r="ES23" s="413">
        <v>0</v>
      </c>
      <c r="ET23" s="102">
        <v>257</v>
      </c>
      <c r="EU23" s="102">
        <v>148</v>
      </c>
      <c r="EV23" s="102">
        <v>103</v>
      </c>
      <c r="EW23" s="102">
        <v>85</v>
      </c>
      <c r="EX23" s="102">
        <v>60</v>
      </c>
      <c r="EY23" s="103">
        <v>653</v>
      </c>
      <c r="EZ23" s="104">
        <v>1040</v>
      </c>
      <c r="FA23" s="101">
        <v>147</v>
      </c>
      <c r="FB23" s="102">
        <v>177</v>
      </c>
      <c r="FC23" s="103">
        <v>324</v>
      </c>
      <c r="FD23" s="413">
        <v>0</v>
      </c>
      <c r="FE23" s="102">
        <v>270</v>
      </c>
      <c r="FF23" s="102">
        <v>153</v>
      </c>
      <c r="FG23" s="102">
        <v>133</v>
      </c>
      <c r="FH23" s="102">
        <v>117</v>
      </c>
      <c r="FI23" s="102">
        <v>75</v>
      </c>
      <c r="FJ23" s="103">
        <v>748</v>
      </c>
      <c r="FK23" s="104">
        <v>1072</v>
      </c>
      <c r="FL23" s="101">
        <v>64</v>
      </c>
      <c r="FM23" s="102">
        <v>123</v>
      </c>
      <c r="FN23" s="103">
        <v>187</v>
      </c>
      <c r="FO23" s="413">
        <v>0</v>
      </c>
      <c r="FP23" s="102">
        <v>214</v>
      </c>
      <c r="FQ23" s="102">
        <v>165</v>
      </c>
      <c r="FR23" s="102">
        <v>187</v>
      </c>
      <c r="FS23" s="102">
        <v>171</v>
      </c>
      <c r="FT23" s="102">
        <v>94</v>
      </c>
      <c r="FU23" s="103">
        <v>831</v>
      </c>
      <c r="FV23" s="104">
        <v>1018</v>
      </c>
      <c r="FW23" s="101">
        <v>5</v>
      </c>
      <c r="FX23" s="102">
        <v>13</v>
      </c>
      <c r="FY23" s="103">
        <v>18</v>
      </c>
      <c r="FZ23" s="413">
        <v>0</v>
      </c>
      <c r="GA23" s="102">
        <v>21</v>
      </c>
      <c r="GB23" s="102">
        <v>7</v>
      </c>
      <c r="GC23" s="102">
        <v>7</v>
      </c>
      <c r="GD23" s="102">
        <v>10</v>
      </c>
      <c r="GE23" s="102">
        <v>6</v>
      </c>
      <c r="GF23" s="103">
        <v>51</v>
      </c>
      <c r="GG23" s="104">
        <v>69</v>
      </c>
      <c r="GH23" s="101">
        <v>527</v>
      </c>
      <c r="GI23" s="102">
        <v>662</v>
      </c>
      <c r="GJ23" s="103">
        <v>1189</v>
      </c>
      <c r="GK23" s="413">
        <v>0</v>
      </c>
      <c r="GL23" s="102">
        <v>991</v>
      </c>
      <c r="GM23" s="102">
        <v>595</v>
      </c>
      <c r="GN23" s="102">
        <v>518</v>
      </c>
      <c r="GO23" s="102">
        <v>466</v>
      </c>
      <c r="GP23" s="102">
        <v>291</v>
      </c>
      <c r="GQ23" s="103">
        <v>2861</v>
      </c>
      <c r="GR23" s="104">
        <v>4050</v>
      </c>
      <c r="GS23" s="105">
        <v>815</v>
      </c>
      <c r="GT23" s="97">
        <v>938</v>
      </c>
      <c r="GU23" s="98">
        <v>1753</v>
      </c>
      <c r="GV23" s="413">
        <v>0</v>
      </c>
      <c r="GW23" s="97">
        <v>1628</v>
      </c>
      <c r="GX23" s="97">
        <v>980</v>
      </c>
      <c r="GY23" s="97">
        <v>811</v>
      </c>
      <c r="GZ23" s="97">
        <v>678</v>
      </c>
      <c r="HA23" s="97">
        <v>400</v>
      </c>
      <c r="HB23" s="99">
        <v>4497</v>
      </c>
      <c r="HC23" s="100">
        <v>6250</v>
      </c>
      <c r="HD23" s="101">
        <v>18</v>
      </c>
      <c r="HE23" s="102">
        <v>18</v>
      </c>
      <c r="HF23" s="103">
        <v>36</v>
      </c>
      <c r="HG23" s="416">
        <v>0</v>
      </c>
      <c r="HH23" s="102">
        <v>48</v>
      </c>
      <c r="HI23" s="102">
        <v>37</v>
      </c>
      <c r="HJ23" s="102">
        <v>23</v>
      </c>
      <c r="HK23" s="102">
        <v>21</v>
      </c>
      <c r="HL23" s="102">
        <v>15</v>
      </c>
      <c r="HM23" s="103">
        <v>144</v>
      </c>
      <c r="HN23" s="104">
        <v>180</v>
      </c>
      <c r="HO23" s="101">
        <v>62</v>
      </c>
      <c r="HP23" s="102">
        <v>57</v>
      </c>
      <c r="HQ23" s="103">
        <v>119</v>
      </c>
      <c r="HR23" s="413">
        <v>0</v>
      </c>
      <c r="HS23" s="102">
        <v>112</v>
      </c>
      <c r="HT23" s="102">
        <v>69</v>
      </c>
      <c r="HU23" s="102">
        <v>47</v>
      </c>
      <c r="HV23" s="102">
        <v>51</v>
      </c>
      <c r="HW23" s="102">
        <v>33</v>
      </c>
      <c r="HX23" s="103">
        <v>312</v>
      </c>
      <c r="HY23" s="104">
        <v>431</v>
      </c>
      <c r="HZ23" s="101">
        <v>124</v>
      </c>
      <c r="IA23" s="102">
        <v>152</v>
      </c>
      <c r="IB23" s="103">
        <v>276</v>
      </c>
      <c r="IC23" s="413">
        <v>0</v>
      </c>
      <c r="ID23" s="102">
        <v>270</v>
      </c>
      <c r="IE23" s="102">
        <v>129</v>
      </c>
      <c r="IF23" s="102">
        <v>112</v>
      </c>
      <c r="IG23" s="102">
        <v>87</v>
      </c>
      <c r="IH23" s="102">
        <v>52</v>
      </c>
      <c r="II23" s="103">
        <v>650</v>
      </c>
      <c r="IJ23" s="104">
        <v>926</v>
      </c>
      <c r="IK23" s="101">
        <v>283</v>
      </c>
      <c r="IL23" s="102">
        <v>284</v>
      </c>
      <c r="IM23" s="103">
        <v>567</v>
      </c>
      <c r="IN23" s="413">
        <v>0</v>
      </c>
      <c r="IO23" s="102">
        <v>456</v>
      </c>
      <c r="IP23" s="102">
        <v>254</v>
      </c>
      <c r="IQ23" s="102">
        <v>185</v>
      </c>
      <c r="IR23" s="102">
        <v>151</v>
      </c>
      <c r="IS23" s="102">
        <v>86</v>
      </c>
      <c r="IT23" s="103">
        <v>1132</v>
      </c>
      <c r="IU23" s="104">
        <v>1699</v>
      </c>
      <c r="IV23" s="101">
        <v>220</v>
      </c>
      <c r="IW23" s="102">
        <v>263</v>
      </c>
      <c r="IX23" s="103">
        <v>483</v>
      </c>
      <c r="IY23" s="413">
        <v>0</v>
      </c>
      <c r="IZ23" s="102">
        <v>440</v>
      </c>
      <c r="JA23" s="102">
        <v>258</v>
      </c>
      <c r="JB23" s="102">
        <v>215</v>
      </c>
      <c r="JC23" s="102">
        <v>166</v>
      </c>
      <c r="JD23" s="102">
        <v>104</v>
      </c>
      <c r="JE23" s="103">
        <v>1183</v>
      </c>
      <c r="JF23" s="104">
        <v>1666</v>
      </c>
      <c r="JG23" s="101">
        <v>108</v>
      </c>
      <c r="JH23" s="102">
        <v>164</v>
      </c>
      <c r="JI23" s="103">
        <v>272</v>
      </c>
      <c r="JJ23" s="413">
        <v>0</v>
      </c>
      <c r="JK23" s="102">
        <v>302</v>
      </c>
      <c r="JL23" s="102">
        <v>233</v>
      </c>
      <c r="JM23" s="102">
        <v>229</v>
      </c>
      <c r="JN23" s="102">
        <v>202</v>
      </c>
      <c r="JO23" s="102">
        <v>110</v>
      </c>
      <c r="JP23" s="103">
        <v>1076</v>
      </c>
      <c r="JQ23" s="104">
        <v>1348</v>
      </c>
      <c r="JR23" s="101">
        <v>13</v>
      </c>
      <c r="JS23" s="102">
        <v>21</v>
      </c>
      <c r="JT23" s="103">
        <v>34</v>
      </c>
      <c r="JU23" s="413">
        <v>0</v>
      </c>
      <c r="JV23" s="102">
        <v>39</v>
      </c>
      <c r="JW23" s="102">
        <v>23</v>
      </c>
      <c r="JX23" s="102">
        <v>20</v>
      </c>
      <c r="JY23" s="102">
        <v>20</v>
      </c>
      <c r="JZ23" s="102">
        <v>15</v>
      </c>
      <c r="KA23" s="103">
        <v>117</v>
      </c>
      <c r="KB23" s="104">
        <v>151</v>
      </c>
      <c r="KC23" s="101">
        <v>828</v>
      </c>
      <c r="KD23" s="102">
        <v>959</v>
      </c>
      <c r="KE23" s="103">
        <v>1787</v>
      </c>
      <c r="KF23" s="413">
        <v>0</v>
      </c>
      <c r="KG23" s="102">
        <v>1667</v>
      </c>
      <c r="KH23" s="102">
        <v>1003</v>
      </c>
      <c r="KI23" s="102">
        <v>831</v>
      </c>
      <c r="KJ23" s="102">
        <v>698</v>
      </c>
      <c r="KK23" s="102">
        <v>415</v>
      </c>
      <c r="KL23" s="103">
        <v>4614</v>
      </c>
      <c r="KM23" s="104">
        <v>6401</v>
      </c>
    </row>
    <row r="24" spans="2:299" s="70" customFormat="1" ht="21" customHeight="1" x14ac:dyDescent="0.2">
      <c r="B24" s="106" t="s">
        <v>21</v>
      </c>
      <c r="C24" s="96">
        <v>302</v>
      </c>
      <c r="D24" s="97">
        <v>251</v>
      </c>
      <c r="E24" s="98">
        <v>553</v>
      </c>
      <c r="F24" s="413">
        <v>0</v>
      </c>
      <c r="G24" s="97">
        <v>489</v>
      </c>
      <c r="H24" s="97">
        <v>436</v>
      </c>
      <c r="I24" s="97">
        <v>278</v>
      </c>
      <c r="J24" s="97">
        <v>238</v>
      </c>
      <c r="K24" s="97">
        <v>124</v>
      </c>
      <c r="L24" s="99">
        <v>1565</v>
      </c>
      <c r="M24" s="100">
        <v>2118</v>
      </c>
      <c r="N24" s="101">
        <v>15</v>
      </c>
      <c r="O24" s="102">
        <v>12</v>
      </c>
      <c r="P24" s="103">
        <v>27</v>
      </c>
      <c r="Q24" s="413">
        <v>0</v>
      </c>
      <c r="R24" s="102">
        <v>24</v>
      </c>
      <c r="S24" s="102">
        <v>18</v>
      </c>
      <c r="T24" s="102">
        <v>19</v>
      </c>
      <c r="U24" s="102">
        <v>8</v>
      </c>
      <c r="V24" s="102">
        <v>14</v>
      </c>
      <c r="W24" s="103">
        <v>83</v>
      </c>
      <c r="X24" s="104">
        <v>110</v>
      </c>
      <c r="Y24" s="101">
        <v>22</v>
      </c>
      <c r="Z24" s="102">
        <v>21</v>
      </c>
      <c r="AA24" s="103">
        <v>43</v>
      </c>
      <c r="AB24" s="413">
        <v>0</v>
      </c>
      <c r="AC24" s="102">
        <v>39</v>
      </c>
      <c r="AD24" s="102">
        <v>51</v>
      </c>
      <c r="AE24" s="102">
        <v>23</v>
      </c>
      <c r="AF24" s="102">
        <v>30</v>
      </c>
      <c r="AG24" s="102">
        <v>21</v>
      </c>
      <c r="AH24" s="103">
        <v>164</v>
      </c>
      <c r="AI24" s="104">
        <v>207</v>
      </c>
      <c r="AJ24" s="101">
        <v>56</v>
      </c>
      <c r="AK24" s="102">
        <v>52</v>
      </c>
      <c r="AL24" s="103">
        <v>108</v>
      </c>
      <c r="AM24" s="413">
        <v>0</v>
      </c>
      <c r="AN24" s="102">
        <v>87</v>
      </c>
      <c r="AO24" s="102">
        <v>71</v>
      </c>
      <c r="AP24" s="102">
        <v>49</v>
      </c>
      <c r="AQ24" s="102">
        <v>40</v>
      </c>
      <c r="AR24" s="102">
        <v>21</v>
      </c>
      <c r="AS24" s="103">
        <v>268</v>
      </c>
      <c r="AT24" s="104">
        <v>376</v>
      </c>
      <c r="AU24" s="101">
        <v>84</v>
      </c>
      <c r="AV24" s="102">
        <v>64</v>
      </c>
      <c r="AW24" s="103">
        <v>148</v>
      </c>
      <c r="AX24" s="413">
        <v>0</v>
      </c>
      <c r="AY24" s="102">
        <v>138</v>
      </c>
      <c r="AZ24" s="102">
        <v>134</v>
      </c>
      <c r="BA24" s="102">
        <v>76</v>
      </c>
      <c r="BB24" s="102">
        <v>73</v>
      </c>
      <c r="BC24" s="102">
        <v>26</v>
      </c>
      <c r="BD24" s="103">
        <v>447</v>
      </c>
      <c r="BE24" s="104">
        <v>595</v>
      </c>
      <c r="BF24" s="101">
        <v>85</v>
      </c>
      <c r="BG24" s="102">
        <v>66</v>
      </c>
      <c r="BH24" s="103">
        <v>151</v>
      </c>
      <c r="BI24" s="413">
        <v>0</v>
      </c>
      <c r="BJ24" s="102">
        <v>133</v>
      </c>
      <c r="BK24" s="102">
        <v>104</v>
      </c>
      <c r="BL24" s="102">
        <v>65</v>
      </c>
      <c r="BM24" s="102">
        <v>53</v>
      </c>
      <c r="BN24" s="102">
        <v>25</v>
      </c>
      <c r="BO24" s="103">
        <v>380</v>
      </c>
      <c r="BP24" s="104">
        <v>531</v>
      </c>
      <c r="BQ24" s="101">
        <v>40</v>
      </c>
      <c r="BR24" s="102">
        <v>36</v>
      </c>
      <c r="BS24" s="103">
        <v>76</v>
      </c>
      <c r="BT24" s="413">
        <v>0</v>
      </c>
      <c r="BU24" s="102">
        <v>68</v>
      </c>
      <c r="BV24" s="102">
        <v>58</v>
      </c>
      <c r="BW24" s="102">
        <v>46</v>
      </c>
      <c r="BX24" s="102">
        <v>34</v>
      </c>
      <c r="BY24" s="102">
        <v>17</v>
      </c>
      <c r="BZ24" s="103">
        <v>223</v>
      </c>
      <c r="CA24" s="104">
        <v>299</v>
      </c>
      <c r="CB24" s="101">
        <v>11</v>
      </c>
      <c r="CC24" s="102">
        <v>10</v>
      </c>
      <c r="CD24" s="103">
        <v>21</v>
      </c>
      <c r="CE24" s="413">
        <v>0</v>
      </c>
      <c r="CF24" s="102">
        <v>6</v>
      </c>
      <c r="CG24" s="102">
        <v>19</v>
      </c>
      <c r="CH24" s="102">
        <v>12</v>
      </c>
      <c r="CI24" s="102">
        <v>10</v>
      </c>
      <c r="CJ24" s="102">
        <v>14</v>
      </c>
      <c r="CK24" s="103">
        <v>61</v>
      </c>
      <c r="CL24" s="104">
        <v>82</v>
      </c>
      <c r="CM24" s="101">
        <v>313</v>
      </c>
      <c r="CN24" s="102">
        <v>261</v>
      </c>
      <c r="CO24" s="103">
        <v>574</v>
      </c>
      <c r="CP24" s="413">
        <v>0</v>
      </c>
      <c r="CQ24" s="102">
        <v>495</v>
      </c>
      <c r="CR24" s="102">
        <v>455</v>
      </c>
      <c r="CS24" s="102">
        <v>290</v>
      </c>
      <c r="CT24" s="102">
        <v>248</v>
      </c>
      <c r="CU24" s="102">
        <v>138</v>
      </c>
      <c r="CV24" s="103">
        <v>1626</v>
      </c>
      <c r="CW24" s="104">
        <v>2200</v>
      </c>
      <c r="CX24" s="105">
        <v>594</v>
      </c>
      <c r="CY24" s="97">
        <v>600</v>
      </c>
      <c r="CZ24" s="98">
        <v>1194</v>
      </c>
      <c r="DA24" s="413">
        <v>0</v>
      </c>
      <c r="DB24" s="97">
        <v>842</v>
      </c>
      <c r="DC24" s="97">
        <v>738</v>
      </c>
      <c r="DD24" s="97">
        <v>611</v>
      </c>
      <c r="DE24" s="97">
        <v>455</v>
      </c>
      <c r="DF24" s="97">
        <v>333</v>
      </c>
      <c r="DG24" s="99">
        <v>2979</v>
      </c>
      <c r="DH24" s="100">
        <v>4173</v>
      </c>
      <c r="DI24" s="101">
        <v>12</v>
      </c>
      <c r="DJ24" s="102">
        <v>20</v>
      </c>
      <c r="DK24" s="103">
        <v>32</v>
      </c>
      <c r="DL24" s="413">
        <v>0</v>
      </c>
      <c r="DM24" s="102">
        <v>17</v>
      </c>
      <c r="DN24" s="102">
        <v>23</v>
      </c>
      <c r="DO24" s="102">
        <v>16</v>
      </c>
      <c r="DP24" s="102">
        <v>5</v>
      </c>
      <c r="DQ24" s="102">
        <v>17</v>
      </c>
      <c r="DR24" s="103">
        <v>78</v>
      </c>
      <c r="DS24" s="104">
        <v>110</v>
      </c>
      <c r="DT24" s="101">
        <v>34</v>
      </c>
      <c r="DU24" s="102">
        <v>29</v>
      </c>
      <c r="DV24" s="103">
        <v>63</v>
      </c>
      <c r="DW24" s="413">
        <v>0</v>
      </c>
      <c r="DX24" s="102">
        <v>48</v>
      </c>
      <c r="DY24" s="102">
        <v>31</v>
      </c>
      <c r="DZ24" s="102">
        <v>26</v>
      </c>
      <c r="EA24" s="102">
        <v>24</v>
      </c>
      <c r="EB24" s="102">
        <v>20</v>
      </c>
      <c r="EC24" s="103">
        <v>149</v>
      </c>
      <c r="ED24" s="104">
        <v>212</v>
      </c>
      <c r="EE24" s="101">
        <v>85</v>
      </c>
      <c r="EF24" s="102">
        <v>101</v>
      </c>
      <c r="EG24" s="103">
        <v>186</v>
      </c>
      <c r="EH24" s="413">
        <v>0</v>
      </c>
      <c r="EI24" s="102">
        <v>108</v>
      </c>
      <c r="EJ24" s="102">
        <v>85</v>
      </c>
      <c r="EK24" s="102">
        <v>59</v>
      </c>
      <c r="EL24" s="102">
        <v>41</v>
      </c>
      <c r="EM24" s="102">
        <v>37</v>
      </c>
      <c r="EN24" s="103">
        <v>330</v>
      </c>
      <c r="EO24" s="104">
        <v>516</v>
      </c>
      <c r="EP24" s="101">
        <v>201</v>
      </c>
      <c r="EQ24" s="102">
        <v>183</v>
      </c>
      <c r="ER24" s="103">
        <v>384</v>
      </c>
      <c r="ES24" s="413">
        <v>0</v>
      </c>
      <c r="ET24" s="102">
        <v>233</v>
      </c>
      <c r="EU24" s="102">
        <v>161</v>
      </c>
      <c r="EV24" s="102">
        <v>132</v>
      </c>
      <c r="EW24" s="102">
        <v>99</v>
      </c>
      <c r="EX24" s="102">
        <v>74</v>
      </c>
      <c r="EY24" s="103">
        <v>699</v>
      </c>
      <c r="EZ24" s="104">
        <v>1083</v>
      </c>
      <c r="FA24" s="101">
        <v>165</v>
      </c>
      <c r="FB24" s="102">
        <v>184</v>
      </c>
      <c r="FC24" s="103">
        <v>349</v>
      </c>
      <c r="FD24" s="413">
        <v>0</v>
      </c>
      <c r="FE24" s="102">
        <v>219</v>
      </c>
      <c r="FF24" s="102">
        <v>222</v>
      </c>
      <c r="FG24" s="102">
        <v>175</v>
      </c>
      <c r="FH24" s="102">
        <v>113</v>
      </c>
      <c r="FI24" s="102">
        <v>83</v>
      </c>
      <c r="FJ24" s="103">
        <v>812</v>
      </c>
      <c r="FK24" s="104">
        <v>1161</v>
      </c>
      <c r="FL24" s="101">
        <v>97</v>
      </c>
      <c r="FM24" s="102">
        <v>83</v>
      </c>
      <c r="FN24" s="103">
        <v>180</v>
      </c>
      <c r="FO24" s="413">
        <v>0</v>
      </c>
      <c r="FP24" s="102">
        <v>217</v>
      </c>
      <c r="FQ24" s="102">
        <v>216</v>
      </c>
      <c r="FR24" s="102">
        <v>203</v>
      </c>
      <c r="FS24" s="102">
        <v>173</v>
      </c>
      <c r="FT24" s="102">
        <v>102</v>
      </c>
      <c r="FU24" s="103">
        <v>911</v>
      </c>
      <c r="FV24" s="104">
        <v>1091</v>
      </c>
      <c r="FW24" s="101">
        <v>5</v>
      </c>
      <c r="FX24" s="102">
        <v>10</v>
      </c>
      <c r="FY24" s="103">
        <v>15</v>
      </c>
      <c r="FZ24" s="413">
        <v>0</v>
      </c>
      <c r="GA24" s="102">
        <v>5</v>
      </c>
      <c r="GB24" s="102">
        <v>18</v>
      </c>
      <c r="GC24" s="102">
        <v>17</v>
      </c>
      <c r="GD24" s="102">
        <v>10</v>
      </c>
      <c r="GE24" s="102">
        <v>13</v>
      </c>
      <c r="GF24" s="103">
        <v>63</v>
      </c>
      <c r="GG24" s="104">
        <v>78</v>
      </c>
      <c r="GH24" s="101">
        <v>599</v>
      </c>
      <c r="GI24" s="102">
        <v>610</v>
      </c>
      <c r="GJ24" s="103">
        <v>1209</v>
      </c>
      <c r="GK24" s="413">
        <v>0</v>
      </c>
      <c r="GL24" s="102">
        <v>847</v>
      </c>
      <c r="GM24" s="102">
        <v>756</v>
      </c>
      <c r="GN24" s="102">
        <v>628</v>
      </c>
      <c r="GO24" s="102">
        <v>465</v>
      </c>
      <c r="GP24" s="102">
        <v>346</v>
      </c>
      <c r="GQ24" s="103">
        <v>3042</v>
      </c>
      <c r="GR24" s="104">
        <v>4251</v>
      </c>
      <c r="GS24" s="105">
        <v>896</v>
      </c>
      <c r="GT24" s="97">
        <v>851</v>
      </c>
      <c r="GU24" s="98">
        <v>1747</v>
      </c>
      <c r="GV24" s="413">
        <v>0</v>
      </c>
      <c r="GW24" s="97">
        <v>1331</v>
      </c>
      <c r="GX24" s="97">
        <v>1174</v>
      </c>
      <c r="GY24" s="97">
        <v>889</v>
      </c>
      <c r="GZ24" s="97">
        <v>693</v>
      </c>
      <c r="HA24" s="97">
        <v>457</v>
      </c>
      <c r="HB24" s="99">
        <v>4544</v>
      </c>
      <c r="HC24" s="100">
        <v>6291</v>
      </c>
      <c r="HD24" s="101">
        <v>27</v>
      </c>
      <c r="HE24" s="102">
        <v>32</v>
      </c>
      <c r="HF24" s="103">
        <v>59</v>
      </c>
      <c r="HG24" s="416">
        <v>0</v>
      </c>
      <c r="HH24" s="102">
        <v>41</v>
      </c>
      <c r="HI24" s="102">
        <v>41</v>
      </c>
      <c r="HJ24" s="102">
        <v>35</v>
      </c>
      <c r="HK24" s="102">
        <v>13</v>
      </c>
      <c r="HL24" s="102">
        <v>31</v>
      </c>
      <c r="HM24" s="103">
        <v>161</v>
      </c>
      <c r="HN24" s="104">
        <v>220</v>
      </c>
      <c r="HO24" s="101">
        <v>56</v>
      </c>
      <c r="HP24" s="102">
        <v>50</v>
      </c>
      <c r="HQ24" s="103">
        <v>106</v>
      </c>
      <c r="HR24" s="413">
        <v>0</v>
      </c>
      <c r="HS24" s="102">
        <v>87</v>
      </c>
      <c r="HT24" s="102">
        <v>82</v>
      </c>
      <c r="HU24" s="102">
        <v>49</v>
      </c>
      <c r="HV24" s="102">
        <v>54</v>
      </c>
      <c r="HW24" s="102">
        <v>41</v>
      </c>
      <c r="HX24" s="103">
        <v>313</v>
      </c>
      <c r="HY24" s="104">
        <v>419</v>
      </c>
      <c r="HZ24" s="101">
        <v>141</v>
      </c>
      <c r="IA24" s="102">
        <v>153</v>
      </c>
      <c r="IB24" s="103">
        <v>294</v>
      </c>
      <c r="IC24" s="413">
        <v>0</v>
      </c>
      <c r="ID24" s="102">
        <v>195</v>
      </c>
      <c r="IE24" s="102">
        <v>156</v>
      </c>
      <c r="IF24" s="102">
        <v>108</v>
      </c>
      <c r="IG24" s="102">
        <v>81</v>
      </c>
      <c r="IH24" s="102">
        <v>58</v>
      </c>
      <c r="II24" s="103">
        <v>598</v>
      </c>
      <c r="IJ24" s="104">
        <v>892</v>
      </c>
      <c r="IK24" s="101">
        <v>285</v>
      </c>
      <c r="IL24" s="102">
        <v>247</v>
      </c>
      <c r="IM24" s="103">
        <v>532</v>
      </c>
      <c r="IN24" s="413">
        <v>0</v>
      </c>
      <c r="IO24" s="102">
        <v>371</v>
      </c>
      <c r="IP24" s="102">
        <v>295</v>
      </c>
      <c r="IQ24" s="102">
        <v>208</v>
      </c>
      <c r="IR24" s="102">
        <v>172</v>
      </c>
      <c r="IS24" s="102">
        <v>100</v>
      </c>
      <c r="IT24" s="103">
        <v>1146</v>
      </c>
      <c r="IU24" s="104">
        <v>1678</v>
      </c>
      <c r="IV24" s="101">
        <v>250</v>
      </c>
      <c r="IW24" s="102">
        <v>250</v>
      </c>
      <c r="IX24" s="103">
        <v>500</v>
      </c>
      <c r="IY24" s="413">
        <v>0</v>
      </c>
      <c r="IZ24" s="102">
        <v>352</v>
      </c>
      <c r="JA24" s="102">
        <v>326</v>
      </c>
      <c r="JB24" s="102">
        <v>240</v>
      </c>
      <c r="JC24" s="102">
        <v>166</v>
      </c>
      <c r="JD24" s="102">
        <v>108</v>
      </c>
      <c r="JE24" s="103">
        <v>1192</v>
      </c>
      <c r="JF24" s="104">
        <v>1692</v>
      </c>
      <c r="JG24" s="101">
        <v>137</v>
      </c>
      <c r="JH24" s="102">
        <v>119</v>
      </c>
      <c r="JI24" s="103">
        <v>256</v>
      </c>
      <c r="JJ24" s="413">
        <v>0</v>
      </c>
      <c r="JK24" s="102">
        <v>285</v>
      </c>
      <c r="JL24" s="102">
        <v>274</v>
      </c>
      <c r="JM24" s="102">
        <v>249</v>
      </c>
      <c r="JN24" s="102">
        <v>207</v>
      </c>
      <c r="JO24" s="102">
        <v>119</v>
      </c>
      <c r="JP24" s="103">
        <v>1134</v>
      </c>
      <c r="JQ24" s="104">
        <v>1390</v>
      </c>
      <c r="JR24" s="101">
        <v>16</v>
      </c>
      <c r="JS24" s="102">
        <v>20</v>
      </c>
      <c r="JT24" s="103">
        <v>36</v>
      </c>
      <c r="JU24" s="413">
        <v>0</v>
      </c>
      <c r="JV24" s="102">
        <v>11</v>
      </c>
      <c r="JW24" s="102">
        <v>37</v>
      </c>
      <c r="JX24" s="102">
        <v>29</v>
      </c>
      <c r="JY24" s="102">
        <v>20</v>
      </c>
      <c r="JZ24" s="102">
        <v>27</v>
      </c>
      <c r="KA24" s="103">
        <v>124</v>
      </c>
      <c r="KB24" s="104">
        <v>160</v>
      </c>
      <c r="KC24" s="101">
        <v>912</v>
      </c>
      <c r="KD24" s="102">
        <v>871</v>
      </c>
      <c r="KE24" s="103">
        <v>1783</v>
      </c>
      <c r="KF24" s="413">
        <v>0</v>
      </c>
      <c r="KG24" s="102">
        <v>1342</v>
      </c>
      <c r="KH24" s="102">
        <v>1211</v>
      </c>
      <c r="KI24" s="102">
        <v>918</v>
      </c>
      <c r="KJ24" s="102">
        <v>713</v>
      </c>
      <c r="KK24" s="102">
        <v>484</v>
      </c>
      <c r="KL24" s="103">
        <v>4668</v>
      </c>
      <c r="KM24" s="104">
        <v>6451</v>
      </c>
    </row>
    <row r="25" spans="2:299" s="70" customFormat="1" ht="21" customHeight="1" x14ac:dyDescent="0.2">
      <c r="B25" s="106" t="s">
        <v>22</v>
      </c>
      <c r="C25" s="96">
        <v>92</v>
      </c>
      <c r="D25" s="97">
        <v>84</v>
      </c>
      <c r="E25" s="98">
        <v>176</v>
      </c>
      <c r="F25" s="413">
        <v>0</v>
      </c>
      <c r="G25" s="97">
        <v>201</v>
      </c>
      <c r="H25" s="97">
        <v>167</v>
      </c>
      <c r="I25" s="97">
        <v>114</v>
      </c>
      <c r="J25" s="97">
        <v>93</v>
      </c>
      <c r="K25" s="97">
        <v>47</v>
      </c>
      <c r="L25" s="99">
        <v>622</v>
      </c>
      <c r="M25" s="100">
        <v>798</v>
      </c>
      <c r="N25" s="101">
        <v>3</v>
      </c>
      <c r="O25" s="102">
        <v>4</v>
      </c>
      <c r="P25" s="103">
        <v>7</v>
      </c>
      <c r="Q25" s="413">
        <v>0</v>
      </c>
      <c r="R25" s="102">
        <v>5</v>
      </c>
      <c r="S25" s="102">
        <v>5</v>
      </c>
      <c r="T25" s="102">
        <v>6</v>
      </c>
      <c r="U25" s="102">
        <v>1</v>
      </c>
      <c r="V25" s="102">
        <v>3</v>
      </c>
      <c r="W25" s="103">
        <v>20</v>
      </c>
      <c r="X25" s="104">
        <v>27</v>
      </c>
      <c r="Y25" s="101">
        <v>3</v>
      </c>
      <c r="Z25" s="102">
        <v>8</v>
      </c>
      <c r="AA25" s="103">
        <v>11</v>
      </c>
      <c r="AB25" s="413">
        <v>0</v>
      </c>
      <c r="AC25" s="102">
        <v>9</v>
      </c>
      <c r="AD25" s="102">
        <v>11</v>
      </c>
      <c r="AE25" s="102">
        <v>7</v>
      </c>
      <c r="AF25" s="102">
        <v>4</v>
      </c>
      <c r="AG25" s="102">
        <v>11</v>
      </c>
      <c r="AH25" s="103">
        <v>42</v>
      </c>
      <c r="AI25" s="104">
        <v>53</v>
      </c>
      <c r="AJ25" s="101">
        <v>16</v>
      </c>
      <c r="AK25" s="102">
        <v>17</v>
      </c>
      <c r="AL25" s="103">
        <v>33</v>
      </c>
      <c r="AM25" s="413">
        <v>0</v>
      </c>
      <c r="AN25" s="102">
        <v>38</v>
      </c>
      <c r="AO25" s="102">
        <v>22</v>
      </c>
      <c r="AP25" s="102">
        <v>18</v>
      </c>
      <c r="AQ25" s="102">
        <v>17</v>
      </c>
      <c r="AR25" s="102">
        <v>7</v>
      </c>
      <c r="AS25" s="103">
        <v>102</v>
      </c>
      <c r="AT25" s="104">
        <v>135</v>
      </c>
      <c r="AU25" s="101">
        <v>22</v>
      </c>
      <c r="AV25" s="102">
        <v>21</v>
      </c>
      <c r="AW25" s="103">
        <v>43</v>
      </c>
      <c r="AX25" s="413">
        <v>0</v>
      </c>
      <c r="AY25" s="102">
        <v>51</v>
      </c>
      <c r="AZ25" s="102">
        <v>43</v>
      </c>
      <c r="BA25" s="102">
        <v>27</v>
      </c>
      <c r="BB25" s="102">
        <v>21</v>
      </c>
      <c r="BC25" s="102">
        <v>9</v>
      </c>
      <c r="BD25" s="103">
        <v>151</v>
      </c>
      <c r="BE25" s="104">
        <v>194</v>
      </c>
      <c r="BF25" s="101">
        <v>34</v>
      </c>
      <c r="BG25" s="102">
        <v>24</v>
      </c>
      <c r="BH25" s="103">
        <v>58</v>
      </c>
      <c r="BI25" s="413">
        <v>0</v>
      </c>
      <c r="BJ25" s="102">
        <v>48</v>
      </c>
      <c r="BK25" s="102">
        <v>47</v>
      </c>
      <c r="BL25" s="102">
        <v>26</v>
      </c>
      <c r="BM25" s="102">
        <v>28</v>
      </c>
      <c r="BN25" s="102">
        <v>10</v>
      </c>
      <c r="BO25" s="103">
        <v>159</v>
      </c>
      <c r="BP25" s="104">
        <v>217</v>
      </c>
      <c r="BQ25" s="101">
        <v>14</v>
      </c>
      <c r="BR25" s="102">
        <v>10</v>
      </c>
      <c r="BS25" s="103">
        <v>24</v>
      </c>
      <c r="BT25" s="413">
        <v>0</v>
      </c>
      <c r="BU25" s="102">
        <v>50</v>
      </c>
      <c r="BV25" s="102">
        <v>39</v>
      </c>
      <c r="BW25" s="102">
        <v>30</v>
      </c>
      <c r="BX25" s="102">
        <v>22</v>
      </c>
      <c r="BY25" s="102">
        <v>7</v>
      </c>
      <c r="BZ25" s="103">
        <v>148</v>
      </c>
      <c r="CA25" s="104">
        <v>172</v>
      </c>
      <c r="CB25" s="101">
        <v>4</v>
      </c>
      <c r="CC25" s="102">
        <v>5</v>
      </c>
      <c r="CD25" s="103">
        <v>9</v>
      </c>
      <c r="CE25" s="413">
        <v>0</v>
      </c>
      <c r="CF25" s="102">
        <v>8</v>
      </c>
      <c r="CG25" s="102">
        <v>5</v>
      </c>
      <c r="CH25" s="102">
        <v>3</v>
      </c>
      <c r="CI25" s="102">
        <v>1</v>
      </c>
      <c r="CJ25" s="102">
        <v>3</v>
      </c>
      <c r="CK25" s="103">
        <v>20</v>
      </c>
      <c r="CL25" s="104">
        <v>29</v>
      </c>
      <c r="CM25" s="101">
        <v>96</v>
      </c>
      <c r="CN25" s="102">
        <v>89</v>
      </c>
      <c r="CO25" s="103">
        <v>185</v>
      </c>
      <c r="CP25" s="413">
        <v>0</v>
      </c>
      <c r="CQ25" s="102">
        <v>209</v>
      </c>
      <c r="CR25" s="102">
        <v>172</v>
      </c>
      <c r="CS25" s="102">
        <v>117</v>
      </c>
      <c r="CT25" s="102">
        <v>94</v>
      </c>
      <c r="CU25" s="102">
        <v>50</v>
      </c>
      <c r="CV25" s="103">
        <v>642</v>
      </c>
      <c r="CW25" s="104">
        <v>827</v>
      </c>
      <c r="CX25" s="105">
        <v>154</v>
      </c>
      <c r="CY25" s="97">
        <v>271</v>
      </c>
      <c r="CZ25" s="98">
        <v>425</v>
      </c>
      <c r="DA25" s="413">
        <v>0</v>
      </c>
      <c r="DB25" s="97">
        <v>353</v>
      </c>
      <c r="DC25" s="97">
        <v>320</v>
      </c>
      <c r="DD25" s="97">
        <v>216</v>
      </c>
      <c r="DE25" s="97">
        <v>227</v>
      </c>
      <c r="DF25" s="97">
        <v>118</v>
      </c>
      <c r="DG25" s="99">
        <v>1234</v>
      </c>
      <c r="DH25" s="100">
        <v>1659</v>
      </c>
      <c r="DI25" s="101">
        <v>4</v>
      </c>
      <c r="DJ25" s="102">
        <v>6</v>
      </c>
      <c r="DK25" s="103">
        <v>10</v>
      </c>
      <c r="DL25" s="413">
        <v>0</v>
      </c>
      <c r="DM25" s="102">
        <v>5</v>
      </c>
      <c r="DN25" s="102">
        <v>5</v>
      </c>
      <c r="DO25" s="102">
        <v>6</v>
      </c>
      <c r="DP25" s="102">
        <v>2</v>
      </c>
      <c r="DQ25" s="102">
        <v>4</v>
      </c>
      <c r="DR25" s="103">
        <v>22</v>
      </c>
      <c r="DS25" s="104">
        <v>32</v>
      </c>
      <c r="DT25" s="101">
        <v>9</v>
      </c>
      <c r="DU25" s="102">
        <v>12</v>
      </c>
      <c r="DV25" s="103">
        <v>21</v>
      </c>
      <c r="DW25" s="413">
        <v>0</v>
      </c>
      <c r="DX25" s="102">
        <v>14</v>
      </c>
      <c r="DY25" s="102">
        <v>12</v>
      </c>
      <c r="DZ25" s="102">
        <v>10</v>
      </c>
      <c r="EA25" s="102">
        <v>7</v>
      </c>
      <c r="EB25" s="102">
        <v>2</v>
      </c>
      <c r="EC25" s="103">
        <v>45</v>
      </c>
      <c r="ED25" s="104">
        <v>66</v>
      </c>
      <c r="EE25" s="101">
        <v>29</v>
      </c>
      <c r="EF25" s="102">
        <v>44</v>
      </c>
      <c r="EG25" s="103">
        <v>73</v>
      </c>
      <c r="EH25" s="413">
        <v>0</v>
      </c>
      <c r="EI25" s="102">
        <v>42</v>
      </c>
      <c r="EJ25" s="102">
        <v>37</v>
      </c>
      <c r="EK25" s="102">
        <v>20</v>
      </c>
      <c r="EL25" s="102">
        <v>15</v>
      </c>
      <c r="EM25" s="102">
        <v>15</v>
      </c>
      <c r="EN25" s="103">
        <v>129</v>
      </c>
      <c r="EO25" s="104">
        <v>202</v>
      </c>
      <c r="EP25" s="101">
        <v>46</v>
      </c>
      <c r="EQ25" s="102">
        <v>73</v>
      </c>
      <c r="ER25" s="103">
        <v>119</v>
      </c>
      <c r="ES25" s="413">
        <v>0</v>
      </c>
      <c r="ET25" s="102">
        <v>77</v>
      </c>
      <c r="EU25" s="102">
        <v>66</v>
      </c>
      <c r="EV25" s="102">
        <v>39</v>
      </c>
      <c r="EW25" s="102">
        <v>42</v>
      </c>
      <c r="EX25" s="102">
        <v>23</v>
      </c>
      <c r="EY25" s="103">
        <v>247</v>
      </c>
      <c r="EZ25" s="104">
        <v>366</v>
      </c>
      <c r="FA25" s="101">
        <v>49</v>
      </c>
      <c r="FB25" s="102">
        <v>78</v>
      </c>
      <c r="FC25" s="103">
        <v>127</v>
      </c>
      <c r="FD25" s="413">
        <v>0</v>
      </c>
      <c r="FE25" s="102">
        <v>115</v>
      </c>
      <c r="FF25" s="102">
        <v>91</v>
      </c>
      <c r="FG25" s="102">
        <v>57</v>
      </c>
      <c r="FH25" s="102">
        <v>58</v>
      </c>
      <c r="FI25" s="102">
        <v>34</v>
      </c>
      <c r="FJ25" s="103">
        <v>355</v>
      </c>
      <c r="FK25" s="104">
        <v>482</v>
      </c>
      <c r="FL25" s="101">
        <v>17</v>
      </c>
      <c r="FM25" s="102">
        <v>58</v>
      </c>
      <c r="FN25" s="103">
        <v>75</v>
      </c>
      <c r="FO25" s="413">
        <v>0</v>
      </c>
      <c r="FP25" s="102">
        <v>100</v>
      </c>
      <c r="FQ25" s="102">
        <v>109</v>
      </c>
      <c r="FR25" s="102">
        <v>84</v>
      </c>
      <c r="FS25" s="102">
        <v>103</v>
      </c>
      <c r="FT25" s="102">
        <v>40</v>
      </c>
      <c r="FU25" s="103">
        <v>436</v>
      </c>
      <c r="FV25" s="104">
        <v>511</v>
      </c>
      <c r="FW25" s="101">
        <v>0</v>
      </c>
      <c r="FX25" s="102">
        <v>5</v>
      </c>
      <c r="FY25" s="103">
        <v>5</v>
      </c>
      <c r="FZ25" s="413">
        <v>0</v>
      </c>
      <c r="GA25" s="102">
        <v>3</v>
      </c>
      <c r="GB25" s="102">
        <v>6</v>
      </c>
      <c r="GC25" s="102">
        <v>2</v>
      </c>
      <c r="GD25" s="102">
        <v>2</v>
      </c>
      <c r="GE25" s="102">
        <v>3</v>
      </c>
      <c r="GF25" s="103">
        <v>16</v>
      </c>
      <c r="GG25" s="104">
        <v>21</v>
      </c>
      <c r="GH25" s="101">
        <v>154</v>
      </c>
      <c r="GI25" s="102">
        <v>276</v>
      </c>
      <c r="GJ25" s="103">
        <v>430</v>
      </c>
      <c r="GK25" s="413">
        <v>0</v>
      </c>
      <c r="GL25" s="102">
        <v>356</v>
      </c>
      <c r="GM25" s="102">
        <v>326</v>
      </c>
      <c r="GN25" s="102">
        <v>218</v>
      </c>
      <c r="GO25" s="102">
        <v>229</v>
      </c>
      <c r="GP25" s="102">
        <v>121</v>
      </c>
      <c r="GQ25" s="103">
        <v>1250</v>
      </c>
      <c r="GR25" s="104">
        <v>1680</v>
      </c>
      <c r="GS25" s="105">
        <v>246</v>
      </c>
      <c r="GT25" s="97">
        <v>355</v>
      </c>
      <c r="GU25" s="98">
        <v>601</v>
      </c>
      <c r="GV25" s="413">
        <v>0</v>
      </c>
      <c r="GW25" s="97">
        <v>554</v>
      </c>
      <c r="GX25" s="97">
        <v>487</v>
      </c>
      <c r="GY25" s="97">
        <v>330</v>
      </c>
      <c r="GZ25" s="97">
        <v>320</v>
      </c>
      <c r="HA25" s="97">
        <v>165</v>
      </c>
      <c r="HB25" s="99">
        <v>1856</v>
      </c>
      <c r="HC25" s="100">
        <v>2457</v>
      </c>
      <c r="HD25" s="101">
        <v>7</v>
      </c>
      <c r="HE25" s="102">
        <v>10</v>
      </c>
      <c r="HF25" s="103">
        <v>17</v>
      </c>
      <c r="HG25" s="416">
        <v>0</v>
      </c>
      <c r="HH25" s="102">
        <v>10</v>
      </c>
      <c r="HI25" s="102">
        <v>10</v>
      </c>
      <c r="HJ25" s="102">
        <v>12</v>
      </c>
      <c r="HK25" s="102">
        <v>3</v>
      </c>
      <c r="HL25" s="102">
        <v>7</v>
      </c>
      <c r="HM25" s="103">
        <v>42</v>
      </c>
      <c r="HN25" s="104">
        <v>59</v>
      </c>
      <c r="HO25" s="101">
        <v>12</v>
      </c>
      <c r="HP25" s="102">
        <v>20</v>
      </c>
      <c r="HQ25" s="103">
        <v>32</v>
      </c>
      <c r="HR25" s="413">
        <v>0</v>
      </c>
      <c r="HS25" s="102">
        <v>23</v>
      </c>
      <c r="HT25" s="102">
        <v>23</v>
      </c>
      <c r="HU25" s="102">
        <v>17</v>
      </c>
      <c r="HV25" s="102">
        <v>11</v>
      </c>
      <c r="HW25" s="102">
        <v>13</v>
      </c>
      <c r="HX25" s="103">
        <v>87</v>
      </c>
      <c r="HY25" s="104">
        <v>119</v>
      </c>
      <c r="HZ25" s="101">
        <v>45</v>
      </c>
      <c r="IA25" s="102">
        <v>61</v>
      </c>
      <c r="IB25" s="103">
        <v>106</v>
      </c>
      <c r="IC25" s="413">
        <v>0</v>
      </c>
      <c r="ID25" s="102">
        <v>80</v>
      </c>
      <c r="IE25" s="102">
        <v>59</v>
      </c>
      <c r="IF25" s="102">
        <v>38</v>
      </c>
      <c r="IG25" s="102">
        <v>32</v>
      </c>
      <c r="IH25" s="102">
        <v>22</v>
      </c>
      <c r="II25" s="103">
        <v>231</v>
      </c>
      <c r="IJ25" s="104">
        <v>337</v>
      </c>
      <c r="IK25" s="101">
        <v>68</v>
      </c>
      <c r="IL25" s="102">
        <v>94</v>
      </c>
      <c r="IM25" s="103">
        <v>162</v>
      </c>
      <c r="IN25" s="413">
        <v>0</v>
      </c>
      <c r="IO25" s="102">
        <v>128</v>
      </c>
      <c r="IP25" s="102">
        <v>109</v>
      </c>
      <c r="IQ25" s="102">
        <v>66</v>
      </c>
      <c r="IR25" s="102">
        <v>63</v>
      </c>
      <c r="IS25" s="102">
        <v>32</v>
      </c>
      <c r="IT25" s="103">
        <v>398</v>
      </c>
      <c r="IU25" s="104">
        <v>560</v>
      </c>
      <c r="IV25" s="101">
        <v>83</v>
      </c>
      <c r="IW25" s="102">
        <v>102</v>
      </c>
      <c r="IX25" s="103">
        <v>185</v>
      </c>
      <c r="IY25" s="413">
        <v>0</v>
      </c>
      <c r="IZ25" s="102">
        <v>163</v>
      </c>
      <c r="JA25" s="102">
        <v>138</v>
      </c>
      <c r="JB25" s="102">
        <v>83</v>
      </c>
      <c r="JC25" s="102">
        <v>86</v>
      </c>
      <c r="JD25" s="102">
        <v>44</v>
      </c>
      <c r="JE25" s="103">
        <v>514</v>
      </c>
      <c r="JF25" s="104">
        <v>699</v>
      </c>
      <c r="JG25" s="101">
        <v>31</v>
      </c>
      <c r="JH25" s="102">
        <v>68</v>
      </c>
      <c r="JI25" s="103">
        <v>99</v>
      </c>
      <c r="JJ25" s="413">
        <v>0</v>
      </c>
      <c r="JK25" s="102">
        <v>150</v>
      </c>
      <c r="JL25" s="102">
        <v>148</v>
      </c>
      <c r="JM25" s="102">
        <v>114</v>
      </c>
      <c r="JN25" s="102">
        <v>125</v>
      </c>
      <c r="JO25" s="102">
        <v>47</v>
      </c>
      <c r="JP25" s="103">
        <v>584</v>
      </c>
      <c r="JQ25" s="104">
        <v>683</v>
      </c>
      <c r="JR25" s="101">
        <v>4</v>
      </c>
      <c r="JS25" s="102">
        <v>10</v>
      </c>
      <c r="JT25" s="103">
        <v>14</v>
      </c>
      <c r="JU25" s="413">
        <v>0</v>
      </c>
      <c r="JV25" s="102">
        <v>11</v>
      </c>
      <c r="JW25" s="102">
        <v>11</v>
      </c>
      <c r="JX25" s="102">
        <v>5</v>
      </c>
      <c r="JY25" s="102">
        <v>3</v>
      </c>
      <c r="JZ25" s="102">
        <v>6</v>
      </c>
      <c r="KA25" s="103">
        <v>36</v>
      </c>
      <c r="KB25" s="104">
        <v>50</v>
      </c>
      <c r="KC25" s="101">
        <v>250</v>
      </c>
      <c r="KD25" s="102">
        <v>365</v>
      </c>
      <c r="KE25" s="103">
        <v>615</v>
      </c>
      <c r="KF25" s="413">
        <v>0</v>
      </c>
      <c r="KG25" s="102">
        <v>565</v>
      </c>
      <c r="KH25" s="102">
        <v>498</v>
      </c>
      <c r="KI25" s="102">
        <v>335</v>
      </c>
      <c r="KJ25" s="102">
        <v>323</v>
      </c>
      <c r="KK25" s="102">
        <v>171</v>
      </c>
      <c r="KL25" s="103">
        <v>1892</v>
      </c>
      <c r="KM25" s="104">
        <v>2507</v>
      </c>
    </row>
    <row r="26" spans="2:299" s="70" customFormat="1" ht="21" customHeight="1" x14ac:dyDescent="0.2">
      <c r="B26" s="106" t="s">
        <v>23</v>
      </c>
      <c r="C26" s="96">
        <v>223</v>
      </c>
      <c r="D26" s="97">
        <v>208</v>
      </c>
      <c r="E26" s="98">
        <v>431</v>
      </c>
      <c r="F26" s="413">
        <v>0</v>
      </c>
      <c r="G26" s="97">
        <v>330</v>
      </c>
      <c r="H26" s="97">
        <v>296</v>
      </c>
      <c r="I26" s="97">
        <v>194</v>
      </c>
      <c r="J26" s="97">
        <v>154</v>
      </c>
      <c r="K26" s="97">
        <v>95</v>
      </c>
      <c r="L26" s="99">
        <v>1069</v>
      </c>
      <c r="M26" s="100">
        <v>1500</v>
      </c>
      <c r="N26" s="101">
        <v>7</v>
      </c>
      <c r="O26" s="102">
        <v>7</v>
      </c>
      <c r="P26" s="103">
        <v>14</v>
      </c>
      <c r="Q26" s="413">
        <v>0</v>
      </c>
      <c r="R26" s="102">
        <v>6</v>
      </c>
      <c r="S26" s="102">
        <v>14</v>
      </c>
      <c r="T26" s="102">
        <v>5</v>
      </c>
      <c r="U26" s="102">
        <v>6</v>
      </c>
      <c r="V26" s="102">
        <v>2</v>
      </c>
      <c r="W26" s="103">
        <v>33</v>
      </c>
      <c r="X26" s="104">
        <v>47</v>
      </c>
      <c r="Y26" s="101">
        <v>15</v>
      </c>
      <c r="Z26" s="102">
        <v>20</v>
      </c>
      <c r="AA26" s="103">
        <v>35</v>
      </c>
      <c r="AB26" s="413">
        <v>0</v>
      </c>
      <c r="AC26" s="102">
        <v>24</v>
      </c>
      <c r="AD26" s="102">
        <v>30</v>
      </c>
      <c r="AE26" s="102">
        <v>20</v>
      </c>
      <c r="AF26" s="102">
        <v>20</v>
      </c>
      <c r="AG26" s="102">
        <v>12</v>
      </c>
      <c r="AH26" s="103">
        <v>106</v>
      </c>
      <c r="AI26" s="104">
        <v>141</v>
      </c>
      <c r="AJ26" s="101">
        <v>45</v>
      </c>
      <c r="AK26" s="102">
        <v>37</v>
      </c>
      <c r="AL26" s="103">
        <v>82</v>
      </c>
      <c r="AM26" s="413">
        <v>0</v>
      </c>
      <c r="AN26" s="102">
        <v>50</v>
      </c>
      <c r="AO26" s="102">
        <v>43</v>
      </c>
      <c r="AP26" s="102">
        <v>26</v>
      </c>
      <c r="AQ26" s="102">
        <v>21</v>
      </c>
      <c r="AR26" s="102">
        <v>17</v>
      </c>
      <c r="AS26" s="103">
        <v>157</v>
      </c>
      <c r="AT26" s="104">
        <v>239</v>
      </c>
      <c r="AU26" s="101">
        <v>71</v>
      </c>
      <c r="AV26" s="102">
        <v>66</v>
      </c>
      <c r="AW26" s="103">
        <v>137</v>
      </c>
      <c r="AX26" s="413">
        <v>0</v>
      </c>
      <c r="AY26" s="102">
        <v>109</v>
      </c>
      <c r="AZ26" s="102">
        <v>82</v>
      </c>
      <c r="BA26" s="102">
        <v>52</v>
      </c>
      <c r="BB26" s="102">
        <v>39</v>
      </c>
      <c r="BC26" s="102">
        <v>23</v>
      </c>
      <c r="BD26" s="103">
        <v>305</v>
      </c>
      <c r="BE26" s="104">
        <v>442</v>
      </c>
      <c r="BF26" s="101">
        <v>62</v>
      </c>
      <c r="BG26" s="102">
        <v>60</v>
      </c>
      <c r="BH26" s="103">
        <v>122</v>
      </c>
      <c r="BI26" s="413">
        <v>0</v>
      </c>
      <c r="BJ26" s="102">
        <v>108</v>
      </c>
      <c r="BK26" s="102">
        <v>86</v>
      </c>
      <c r="BL26" s="102">
        <v>59</v>
      </c>
      <c r="BM26" s="102">
        <v>35</v>
      </c>
      <c r="BN26" s="102">
        <v>27</v>
      </c>
      <c r="BO26" s="103">
        <v>315</v>
      </c>
      <c r="BP26" s="104">
        <v>437</v>
      </c>
      <c r="BQ26" s="101">
        <v>23</v>
      </c>
      <c r="BR26" s="102">
        <v>18</v>
      </c>
      <c r="BS26" s="103">
        <v>41</v>
      </c>
      <c r="BT26" s="413">
        <v>0</v>
      </c>
      <c r="BU26" s="102">
        <v>33</v>
      </c>
      <c r="BV26" s="102">
        <v>41</v>
      </c>
      <c r="BW26" s="102">
        <v>32</v>
      </c>
      <c r="BX26" s="102">
        <v>33</v>
      </c>
      <c r="BY26" s="102">
        <v>14</v>
      </c>
      <c r="BZ26" s="103">
        <v>153</v>
      </c>
      <c r="CA26" s="104">
        <v>194</v>
      </c>
      <c r="CB26" s="101">
        <v>5</v>
      </c>
      <c r="CC26" s="102">
        <v>8</v>
      </c>
      <c r="CD26" s="103">
        <v>13</v>
      </c>
      <c r="CE26" s="413">
        <v>0</v>
      </c>
      <c r="CF26" s="102">
        <v>5</v>
      </c>
      <c r="CG26" s="102">
        <v>14</v>
      </c>
      <c r="CH26" s="102">
        <v>8</v>
      </c>
      <c r="CI26" s="102">
        <v>10</v>
      </c>
      <c r="CJ26" s="102">
        <v>4</v>
      </c>
      <c r="CK26" s="103">
        <v>41</v>
      </c>
      <c r="CL26" s="104">
        <v>54</v>
      </c>
      <c r="CM26" s="101">
        <v>228</v>
      </c>
      <c r="CN26" s="102">
        <v>216</v>
      </c>
      <c r="CO26" s="103">
        <v>444</v>
      </c>
      <c r="CP26" s="413">
        <v>0</v>
      </c>
      <c r="CQ26" s="102">
        <v>335</v>
      </c>
      <c r="CR26" s="102">
        <v>310</v>
      </c>
      <c r="CS26" s="102">
        <v>202</v>
      </c>
      <c r="CT26" s="102">
        <v>164</v>
      </c>
      <c r="CU26" s="102">
        <v>99</v>
      </c>
      <c r="CV26" s="103">
        <v>1110</v>
      </c>
      <c r="CW26" s="104">
        <v>1554</v>
      </c>
      <c r="CX26" s="105">
        <v>376</v>
      </c>
      <c r="CY26" s="97">
        <v>477</v>
      </c>
      <c r="CZ26" s="98">
        <v>853</v>
      </c>
      <c r="DA26" s="413">
        <v>0</v>
      </c>
      <c r="DB26" s="97">
        <v>554</v>
      </c>
      <c r="DC26" s="97">
        <v>449</v>
      </c>
      <c r="DD26" s="97">
        <v>322</v>
      </c>
      <c r="DE26" s="97">
        <v>381</v>
      </c>
      <c r="DF26" s="97">
        <v>225</v>
      </c>
      <c r="DG26" s="99">
        <v>1931</v>
      </c>
      <c r="DH26" s="100">
        <v>2784</v>
      </c>
      <c r="DI26" s="101">
        <v>12</v>
      </c>
      <c r="DJ26" s="102">
        <v>10</v>
      </c>
      <c r="DK26" s="103">
        <v>22</v>
      </c>
      <c r="DL26" s="413">
        <v>0</v>
      </c>
      <c r="DM26" s="102">
        <v>12</v>
      </c>
      <c r="DN26" s="102">
        <v>9</v>
      </c>
      <c r="DO26" s="102">
        <v>5</v>
      </c>
      <c r="DP26" s="102">
        <v>3</v>
      </c>
      <c r="DQ26" s="102">
        <v>4</v>
      </c>
      <c r="DR26" s="103">
        <v>33</v>
      </c>
      <c r="DS26" s="104">
        <v>55</v>
      </c>
      <c r="DT26" s="101">
        <v>26</v>
      </c>
      <c r="DU26" s="102">
        <v>39</v>
      </c>
      <c r="DV26" s="103">
        <v>65</v>
      </c>
      <c r="DW26" s="413">
        <v>0</v>
      </c>
      <c r="DX26" s="102">
        <v>19</v>
      </c>
      <c r="DY26" s="102">
        <v>31</v>
      </c>
      <c r="DZ26" s="102">
        <v>20</v>
      </c>
      <c r="EA26" s="102">
        <v>21</v>
      </c>
      <c r="EB26" s="102">
        <v>12</v>
      </c>
      <c r="EC26" s="103">
        <v>103</v>
      </c>
      <c r="ED26" s="104">
        <v>168</v>
      </c>
      <c r="EE26" s="101">
        <v>66</v>
      </c>
      <c r="EF26" s="102">
        <v>80</v>
      </c>
      <c r="EG26" s="103">
        <v>146</v>
      </c>
      <c r="EH26" s="413">
        <v>0</v>
      </c>
      <c r="EI26" s="102">
        <v>79</v>
      </c>
      <c r="EJ26" s="102">
        <v>57</v>
      </c>
      <c r="EK26" s="102">
        <v>40</v>
      </c>
      <c r="EL26" s="102">
        <v>43</v>
      </c>
      <c r="EM26" s="102">
        <v>34</v>
      </c>
      <c r="EN26" s="103">
        <v>253</v>
      </c>
      <c r="EO26" s="104">
        <v>399</v>
      </c>
      <c r="EP26" s="101">
        <v>149</v>
      </c>
      <c r="EQ26" s="102">
        <v>166</v>
      </c>
      <c r="ER26" s="103">
        <v>315</v>
      </c>
      <c r="ES26" s="413">
        <v>0</v>
      </c>
      <c r="ET26" s="102">
        <v>154</v>
      </c>
      <c r="EU26" s="102">
        <v>112</v>
      </c>
      <c r="EV26" s="102">
        <v>69</v>
      </c>
      <c r="EW26" s="102">
        <v>88</v>
      </c>
      <c r="EX26" s="102">
        <v>56</v>
      </c>
      <c r="EY26" s="103">
        <v>479</v>
      </c>
      <c r="EZ26" s="104">
        <v>794</v>
      </c>
      <c r="FA26" s="101">
        <v>82</v>
      </c>
      <c r="FB26" s="102">
        <v>125</v>
      </c>
      <c r="FC26" s="103">
        <v>207</v>
      </c>
      <c r="FD26" s="413">
        <v>0</v>
      </c>
      <c r="FE26" s="102">
        <v>177</v>
      </c>
      <c r="FF26" s="102">
        <v>101</v>
      </c>
      <c r="FG26" s="102">
        <v>103</v>
      </c>
      <c r="FH26" s="102">
        <v>99</v>
      </c>
      <c r="FI26" s="102">
        <v>50</v>
      </c>
      <c r="FJ26" s="103">
        <v>530</v>
      </c>
      <c r="FK26" s="104">
        <v>737</v>
      </c>
      <c r="FL26" s="101">
        <v>41</v>
      </c>
      <c r="FM26" s="102">
        <v>57</v>
      </c>
      <c r="FN26" s="103">
        <v>98</v>
      </c>
      <c r="FO26" s="413">
        <v>0</v>
      </c>
      <c r="FP26" s="102">
        <v>113</v>
      </c>
      <c r="FQ26" s="102">
        <v>139</v>
      </c>
      <c r="FR26" s="102">
        <v>85</v>
      </c>
      <c r="FS26" s="102">
        <v>127</v>
      </c>
      <c r="FT26" s="102">
        <v>69</v>
      </c>
      <c r="FU26" s="103">
        <v>533</v>
      </c>
      <c r="FV26" s="104">
        <v>631</v>
      </c>
      <c r="FW26" s="101">
        <v>5</v>
      </c>
      <c r="FX26" s="102">
        <v>11</v>
      </c>
      <c r="FY26" s="103">
        <v>16</v>
      </c>
      <c r="FZ26" s="413">
        <v>0</v>
      </c>
      <c r="GA26" s="102">
        <v>6</v>
      </c>
      <c r="GB26" s="102">
        <v>12</v>
      </c>
      <c r="GC26" s="102">
        <v>3</v>
      </c>
      <c r="GD26" s="102">
        <v>3</v>
      </c>
      <c r="GE26" s="102">
        <v>4</v>
      </c>
      <c r="GF26" s="103">
        <v>28</v>
      </c>
      <c r="GG26" s="104">
        <v>44</v>
      </c>
      <c r="GH26" s="101">
        <v>381</v>
      </c>
      <c r="GI26" s="102">
        <v>488</v>
      </c>
      <c r="GJ26" s="103">
        <v>869</v>
      </c>
      <c r="GK26" s="413">
        <v>0</v>
      </c>
      <c r="GL26" s="102">
        <v>560</v>
      </c>
      <c r="GM26" s="102">
        <v>461</v>
      </c>
      <c r="GN26" s="102">
        <v>325</v>
      </c>
      <c r="GO26" s="102">
        <v>384</v>
      </c>
      <c r="GP26" s="102">
        <v>229</v>
      </c>
      <c r="GQ26" s="103">
        <v>1959</v>
      </c>
      <c r="GR26" s="104">
        <v>2828</v>
      </c>
      <c r="GS26" s="105">
        <v>599</v>
      </c>
      <c r="GT26" s="97">
        <v>685</v>
      </c>
      <c r="GU26" s="98">
        <v>1284</v>
      </c>
      <c r="GV26" s="413">
        <v>0</v>
      </c>
      <c r="GW26" s="97">
        <v>884</v>
      </c>
      <c r="GX26" s="97">
        <v>745</v>
      </c>
      <c r="GY26" s="97">
        <v>516</v>
      </c>
      <c r="GZ26" s="97">
        <v>535</v>
      </c>
      <c r="HA26" s="97">
        <v>320</v>
      </c>
      <c r="HB26" s="99">
        <v>3000</v>
      </c>
      <c r="HC26" s="100">
        <v>4284</v>
      </c>
      <c r="HD26" s="101">
        <v>19</v>
      </c>
      <c r="HE26" s="102">
        <v>17</v>
      </c>
      <c r="HF26" s="103">
        <v>36</v>
      </c>
      <c r="HG26" s="416">
        <v>0</v>
      </c>
      <c r="HH26" s="102">
        <v>18</v>
      </c>
      <c r="HI26" s="102">
        <v>23</v>
      </c>
      <c r="HJ26" s="102">
        <v>10</v>
      </c>
      <c r="HK26" s="102">
        <v>9</v>
      </c>
      <c r="HL26" s="102">
        <v>6</v>
      </c>
      <c r="HM26" s="103">
        <v>66</v>
      </c>
      <c r="HN26" s="104">
        <v>102</v>
      </c>
      <c r="HO26" s="101">
        <v>41</v>
      </c>
      <c r="HP26" s="102">
        <v>59</v>
      </c>
      <c r="HQ26" s="103">
        <v>100</v>
      </c>
      <c r="HR26" s="413">
        <v>0</v>
      </c>
      <c r="HS26" s="102">
        <v>43</v>
      </c>
      <c r="HT26" s="102">
        <v>61</v>
      </c>
      <c r="HU26" s="102">
        <v>40</v>
      </c>
      <c r="HV26" s="102">
        <v>41</v>
      </c>
      <c r="HW26" s="102">
        <v>24</v>
      </c>
      <c r="HX26" s="103">
        <v>209</v>
      </c>
      <c r="HY26" s="104">
        <v>309</v>
      </c>
      <c r="HZ26" s="101">
        <v>111</v>
      </c>
      <c r="IA26" s="102">
        <v>117</v>
      </c>
      <c r="IB26" s="103">
        <v>228</v>
      </c>
      <c r="IC26" s="413">
        <v>0</v>
      </c>
      <c r="ID26" s="102">
        <v>129</v>
      </c>
      <c r="IE26" s="102">
        <v>100</v>
      </c>
      <c r="IF26" s="102">
        <v>66</v>
      </c>
      <c r="IG26" s="102">
        <v>64</v>
      </c>
      <c r="IH26" s="102">
        <v>51</v>
      </c>
      <c r="II26" s="103">
        <v>410</v>
      </c>
      <c r="IJ26" s="104">
        <v>638</v>
      </c>
      <c r="IK26" s="101">
        <v>220</v>
      </c>
      <c r="IL26" s="102">
        <v>232</v>
      </c>
      <c r="IM26" s="103">
        <v>452</v>
      </c>
      <c r="IN26" s="413">
        <v>0</v>
      </c>
      <c r="IO26" s="102">
        <v>263</v>
      </c>
      <c r="IP26" s="102">
        <v>194</v>
      </c>
      <c r="IQ26" s="102">
        <v>121</v>
      </c>
      <c r="IR26" s="102">
        <v>127</v>
      </c>
      <c r="IS26" s="102">
        <v>79</v>
      </c>
      <c r="IT26" s="103">
        <v>784</v>
      </c>
      <c r="IU26" s="104">
        <v>1236</v>
      </c>
      <c r="IV26" s="101">
        <v>144</v>
      </c>
      <c r="IW26" s="102">
        <v>185</v>
      </c>
      <c r="IX26" s="103">
        <v>329</v>
      </c>
      <c r="IY26" s="413">
        <v>0</v>
      </c>
      <c r="IZ26" s="102">
        <v>285</v>
      </c>
      <c r="JA26" s="102">
        <v>187</v>
      </c>
      <c r="JB26" s="102">
        <v>162</v>
      </c>
      <c r="JC26" s="102">
        <v>134</v>
      </c>
      <c r="JD26" s="102">
        <v>77</v>
      </c>
      <c r="JE26" s="103">
        <v>845</v>
      </c>
      <c r="JF26" s="104">
        <v>1174</v>
      </c>
      <c r="JG26" s="101">
        <v>64</v>
      </c>
      <c r="JH26" s="102">
        <v>75</v>
      </c>
      <c r="JI26" s="103">
        <v>139</v>
      </c>
      <c r="JJ26" s="413">
        <v>0</v>
      </c>
      <c r="JK26" s="102">
        <v>146</v>
      </c>
      <c r="JL26" s="102">
        <v>180</v>
      </c>
      <c r="JM26" s="102">
        <v>117</v>
      </c>
      <c r="JN26" s="102">
        <v>160</v>
      </c>
      <c r="JO26" s="102">
        <v>83</v>
      </c>
      <c r="JP26" s="103">
        <v>686</v>
      </c>
      <c r="JQ26" s="104">
        <v>825</v>
      </c>
      <c r="JR26" s="101">
        <v>10</v>
      </c>
      <c r="JS26" s="102">
        <v>19</v>
      </c>
      <c r="JT26" s="103">
        <v>29</v>
      </c>
      <c r="JU26" s="413">
        <v>0</v>
      </c>
      <c r="JV26" s="102">
        <v>11</v>
      </c>
      <c r="JW26" s="102">
        <v>26</v>
      </c>
      <c r="JX26" s="102">
        <v>11</v>
      </c>
      <c r="JY26" s="102">
        <v>13</v>
      </c>
      <c r="JZ26" s="102">
        <v>8</v>
      </c>
      <c r="KA26" s="103">
        <v>69</v>
      </c>
      <c r="KB26" s="104">
        <v>98</v>
      </c>
      <c r="KC26" s="101">
        <v>609</v>
      </c>
      <c r="KD26" s="102">
        <v>704</v>
      </c>
      <c r="KE26" s="103">
        <v>1313</v>
      </c>
      <c r="KF26" s="413">
        <v>0</v>
      </c>
      <c r="KG26" s="102">
        <v>895</v>
      </c>
      <c r="KH26" s="102">
        <v>771</v>
      </c>
      <c r="KI26" s="102">
        <v>527</v>
      </c>
      <c r="KJ26" s="102">
        <v>548</v>
      </c>
      <c r="KK26" s="102">
        <v>328</v>
      </c>
      <c r="KL26" s="103">
        <v>3069</v>
      </c>
      <c r="KM26" s="104">
        <v>4382</v>
      </c>
    </row>
    <row r="27" spans="2:299" s="70" customFormat="1" ht="21" customHeight="1" x14ac:dyDescent="0.2">
      <c r="B27" s="106" t="s">
        <v>24</v>
      </c>
      <c r="C27" s="96">
        <v>115</v>
      </c>
      <c r="D27" s="97">
        <v>82</v>
      </c>
      <c r="E27" s="98">
        <v>197</v>
      </c>
      <c r="F27" s="413">
        <v>0</v>
      </c>
      <c r="G27" s="97">
        <v>159</v>
      </c>
      <c r="H27" s="97">
        <v>103</v>
      </c>
      <c r="I27" s="97">
        <v>75</v>
      </c>
      <c r="J27" s="97">
        <v>56</v>
      </c>
      <c r="K27" s="97">
        <v>49</v>
      </c>
      <c r="L27" s="99">
        <v>442</v>
      </c>
      <c r="M27" s="100">
        <v>639</v>
      </c>
      <c r="N27" s="101">
        <v>3</v>
      </c>
      <c r="O27" s="102">
        <v>2</v>
      </c>
      <c r="P27" s="103">
        <v>5</v>
      </c>
      <c r="Q27" s="413">
        <v>0</v>
      </c>
      <c r="R27" s="102">
        <v>6</v>
      </c>
      <c r="S27" s="102">
        <v>0</v>
      </c>
      <c r="T27" s="102">
        <v>3</v>
      </c>
      <c r="U27" s="102">
        <v>0</v>
      </c>
      <c r="V27" s="102">
        <v>3</v>
      </c>
      <c r="W27" s="103">
        <v>12</v>
      </c>
      <c r="X27" s="104">
        <v>17</v>
      </c>
      <c r="Y27" s="101">
        <v>9</v>
      </c>
      <c r="Z27" s="102">
        <v>4</v>
      </c>
      <c r="AA27" s="103">
        <v>13</v>
      </c>
      <c r="AB27" s="413">
        <v>0</v>
      </c>
      <c r="AC27" s="102">
        <v>13</v>
      </c>
      <c r="AD27" s="102">
        <v>7</v>
      </c>
      <c r="AE27" s="102">
        <v>5</v>
      </c>
      <c r="AF27" s="102">
        <v>4</v>
      </c>
      <c r="AG27" s="102">
        <v>9</v>
      </c>
      <c r="AH27" s="103">
        <v>38</v>
      </c>
      <c r="AI27" s="104">
        <v>51</v>
      </c>
      <c r="AJ27" s="101">
        <v>13</v>
      </c>
      <c r="AK27" s="102">
        <v>15</v>
      </c>
      <c r="AL27" s="103">
        <v>28</v>
      </c>
      <c r="AM27" s="413">
        <v>0</v>
      </c>
      <c r="AN27" s="102">
        <v>24</v>
      </c>
      <c r="AO27" s="102">
        <v>15</v>
      </c>
      <c r="AP27" s="102">
        <v>7</v>
      </c>
      <c r="AQ27" s="102">
        <v>7</v>
      </c>
      <c r="AR27" s="102">
        <v>4</v>
      </c>
      <c r="AS27" s="103">
        <v>57</v>
      </c>
      <c r="AT27" s="104">
        <v>85</v>
      </c>
      <c r="AU27" s="101">
        <v>23</v>
      </c>
      <c r="AV27" s="102">
        <v>15</v>
      </c>
      <c r="AW27" s="103">
        <v>38</v>
      </c>
      <c r="AX27" s="413">
        <v>0</v>
      </c>
      <c r="AY27" s="102">
        <v>45</v>
      </c>
      <c r="AZ27" s="102">
        <v>23</v>
      </c>
      <c r="BA27" s="102">
        <v>21</v>
      </c>
      <c r="BB27" s="102">
        <v>14</v>
      </c>
      <c r="BC27" s="102">
        <v>8</v>
      </c>
      <c r="BD27" s="103">
        <v>111</v>
      </c>
      <c r="BE27" s="104">
        <v>149</v>
      </c>
      <c r="BF27" s="101">
        <v>38</v>
      </c>
      <c r="BG27" s="102">
        <v>25</v>
      </c>
      <c r="BH27" s="103">
        <v>63</v>
      </c>
      <c r="BI27" s="413">
        <v>0</v>
      </c>
      <c r="BJ27" s="102">
        <v>41</v>
      </c>
      <c r="BK27" s="102">
        <v>30</v>
      </c>
      <c r="BL27" s="102">
        <v>17</v>
      </c>
      <c r="BM27" s="102">
        <v>13</v>
      </c>
      <c r="BN27" s="102">
        <v>8</v>
      </c>
      <c r="BO27" s="103">
        <v>109</v>
      </c>
      <c r="BP27" s="104">
        <v>172</v>
      </c>
      <c r="BQ27" s="101">
        <v>29</v>
      </c>
      <c r="BR27" s="102">
        <v>21</v>
      </c>
      <c r="BS27" s="103">
        <v>50</v>
      </c>
      <c r="BT27" s="413">
        <v>0</v>
      </c>
      <c r="BU27" s="102">
        <v>30</v>
      </c>
      <c r="BV27" s="102">
        <v>28</v>
      </c>
      <c r="BW27" s="102">
        <v>22</v>
      </c>
      <c r="BX27" s="102">
        <v>18</v>
      </c>
      <c r="BY27" s="102">
        <v>17</v>
      </c>
      <c r="BZ27" s="103">
        <v>115</v>
      </c>
      <c r="CA27" s="104">
        <v>165</v>
      </c>
      <c r="CB27" s="101">
        <v>2</v>
      </c>
      <c r="CC27" s="102">
        <v>2</v>
      </c>
      <c r="CD27" s="103">
        <v>4</v>
      </c>
      <c r="CE27" s="413">
        <v>0</v>
      </c>
      <c r="CF27" s="102">
        <v>4</v>
      </c>
      <c r="CG27" s="102">
        <v>4</v>
      </c>
      <c r="CH27" s="102">
        <v>2</v>
      </c>
      <c r="CI27" s="102">
        <v>4</v>
      </c>
      <c r="CJ27" s="102">
        <v>0</v>
      </c>
      <c r="CK27" s="103">
        <v>14</v>
      </c>
      <c r="CL27" s="104">
        <v>18</v>
      </c>
      <c r="CM27" s="101">
        <v>117</v>
      </c>
      <c r="CN27" s="102">
        <v>84</v>
      </c>
      <c r="CO27" s="103">
        <v>201</v>
      </c>
      <c r="CP27" s="413">
        <v>0</v>
      </c>
      <c r="CQ27" s="102">
        <v>163</v>
      </c>
      <c r="CR27" s="102">
        <v>107</v>
      </c>
      <c r="CS27" s="102">
        <v>77</v>
      </c>
      <c r="CT27" s="102">
        <v>60</v>
      </c>
      <c r="CU27" s="102">
        <v>49</v>
      </c>
      <c r="CV27" s="103">
        <v>456</v>
      </c>
      <c r="CW27" s="104">
        <v>657</v>
      </c>
      <c r="CX27" s="105">
        <v>243</v>
      </c>
      <c r="CY27" s="97">
        <v>170</v>
      </c>
      <c r="CZ27" s="98">
        <v>413</v>
      </c>
      <c r="DA27" s="413">
        <v>0</v>
      </c>
      <c r="DB27" s="97">
        <v>288</v>
      </c>
      <c r="DC27" s="97">
        <v>182</v>
      </c>
      <c r="DD27" s="97">
        <v>154</v>
      </c>
      <c r="DE27" s="97">
        <v>210</v>
      </c>
      <c r="DF27" s="97">
        <v>111</v>
      </c>
      <c r="DG27" s="99">
        <v>945</v>
      </c>
      <c r="DH27" s="100">
        <v>1358</v>
      </c>
      <c r="DI27" s="101">
        <v>3</v>
      </c>
      <c r="DJ27" s="102">
        <v>6</v>
      </c>
      <c r="DK27" s="103">
        <v>9</v>
      </c>
      <c r="DL27" s="413">
        <v>0</v>
      </c>
      <c r="DM27" s="102">
        <v>2</v>
      </c>
      <c r="DN27" s="102">
        <v>2</v>
      </c>
      <c r="DO27" s="102">
        <v>2</v>
      </c>
      <c r="DP27" s="102">
        <v>3</v>
      </c>
      <c r="DQ27" s="102">
        <v>2</v>
      </c>
      <c r="DR27" s="103">
        <v>11</v>
      </c>
      <c r="DS27" s="104">
        <v>20</v>
      </c>
      <c r="DT27" s="101">
        <v>12</v>
      </c>
      <c r="DU27" s="102">
        <v>6</v>
      </c>
      <c r="DV27" s="103">
        <v>18</v>
      </c>
      <c r="DW27" s="413">
        <v>0</v>
      </c>
      <c r="DX27" s="102">
        <v>8</v>
      </c>
      <c r="DY27" s="102">
        <v>5</v>
      </c>
      <c r="DZ27" s="102">
        <v>4</v>
      </c>
      <c r="EA27" s="102">
        <v>8</v>
      </c>
      <c r="EB27" s="102">
        <v>3</v>
      </c>
      <c r="EC27" s="103">
        <v>28</v>
      </c>
      <c r="ED27" s="104">
        <v>46</v>
      </c>
      <c r="EE27" s="101">
        <v>29</v>
      </c>
      <c r="EF27" s="102">
        <v>18</v>
      </c>
      <c r="EG27" s="103">
        <v>47</v>
      </c>
      <c r="EH27" s="413">
        <v>0</v>
      </c>
      <c r="EI27" s="102">
        <v>31</v>
      </c>
      <c r="EJ27" s="102">
        <v>23</v>
      </c>
      <c r="EK27" s="102">
        <v>14</v>
      </c>
      <c r="EL27" s="102">
        <v>14</v>
      </c>
      <c r="EM27" s="102">
        <v>5</v>
      </c>
      <c r="EN27" s="103">
        <v>87</v>
      </c>
      <c r="EO27" s="104">
        <v>134</v>
      </c>
      <c r="EP27" s="101">
        <v>67</v>
      </c>
      <c r="EQ27" s="102">
        <v>34</v>
      </c>
      <c r="ER27" s="103">
        <v>101</v>
      </c>
      <c r="ES27" s="413">
        <v>0</v>
      </c>
      <c r="ET27" s="102">
        <v>72</v>
      </c>
      <c r="EU27" s="102">
        <v>26</v>
      </c>
      <c r="EV27" s="102">
        <v>29</v>
      </c>
      <c r="EW27" s="102">
        <v>32</v>
      </c>
      <c r="EX27" s="102">
        <v>19</v>
      </c>
      <c r="EY27" s="103">
        <v>178</v>
      </c>
      <c r="EZ27" s="104">
        <v>279</v>
      </c>
      <c r="FA27" s="101">
        <v>77</v>
      </c>
      <c r="FB27" s="102">
        <v>58</v>
      </c>
      <c r="FC27" s="103">
        <v>135</v>
      </c>
      <c r="FD27" s="413">
        <v>0</v>
      </c>
      <c r="FE27" s="102">
        <v>95</v>
      </c>
      <c r="FF27" s="102">
        <v>58</v>
      </c>
      <c r="FG27" s="102">
        <v>30</v>
      </c>
      <c r="FH27" s="102">
        <v>50</v>
      </c>
      <c r="FI27" s="102">
        <v>28</v>
      </c>
      <c r="FJ27" s="103">
        <v>261</v>
      </c>
      <c r="FK27" s="104">
        <v>396</v>
      </c>
      <c r="FL27" s="101">
        <v>55</v>
      </c>
      <c r="FM27" s="102">
        <v>48</v>
      </c>
      <c r="FN27" s="103">
        <v>103</v>
      </c>
      <c r="FO27" s="413">
        <v>0</v>
      </c>
      <c r="FP27" s="102">
        <v>80</v>
      </c>
      <c r="FQ27" s="102">
        <v>68</v>
      </c>
      <c r="FR27" s="102">
        <v>75</v>
      </c>
      <c r="FS27" s="102">
        <v>103</v>
      </c>
      <c r="FT27" s="102">
        <v>54</v>
      </c>
      <c r="FU27" s="103">
        <v>380</v>
      </c>
      <c r="FV27" s="104">
        <v>483</v>
      </c>
      <c r="FW27" s="101">
        <v>3</v>
      </c>
      <c r="FX27" s="102">
        <v>2</v>
      </c>
      <c r="FY27" s="103">
        <v>5</v>
      </c>
      <c r="FZ27" s="413">
        <v>0</v>
      </c>
      <c r="GA27" s="102">
        <v>2</v>
      </c>
      <c r="GB27" s="102">
        <v>4</v>
      </c>
      <c r="GC27" s="102">
        <v>1</v>
      </c>
      <c r="GD27" s="102">
        <v>2</v>
      </c>
      <c r="GE27" s="102">
        <v>5</v>
      </c>
      <c r="GF27" s="103">
        <v>14</v>
      </c>
      <c r="GG27" s="104">
        <v>19</v>
      </c>
      <c r="GH27" s="101">
        <v>246</v>
      </c>
      <c r="GI27" s="102">
        <v>172</v>
      </c>
      <c r="GJ27" s="103">
        <v>418</v>
      </c>
      <c r="GK27" s="413">
        <v>0</v>
      </c>
      <c r="GL27" s="102">
        <v>290</v>
      </c>
      <c r="GM27" s="102">
        <v>186</v>
      </c>
      <c r="GN27" s="102">
        <v>155</v>
      </c>
      <c r="GO27" s="102">
        <v>212</v>
      </c>
      <c r="GP27" s="102">
        <v>116</v>
      </c>
      <c r="GQ27" s="103">
        <v>959</v>
      </c>
      <c r="GR27" s="104">
        <v>1377</v>
      </c>
      <c r="GS27" s="105">
        <v>358</v>
      </c>
      <c r="GT27" s="97">
        <v>252</v>
      </c>
      <c r="GU27" s="98">
        <v>610</v>
      </c>
      <c r="GV27" s="413">
        <v>0</v>
      </c>
      <c r="GW27" s="97">
        <v>447</v>
      </c>
      <c r="GX27" s="97">
        <v>285</v>
      </c>
      <c r="GY27" s="97">
        <v>229</v>
      </c>
      <c r="GZ27" s="97">
        <v>266</v>
      </c>
      <c r="HA27" s="97">
        <v>160</v>
      </c>
      <c r="HB27" s="99">
        <v>1387</v>
      </c>
      <c r="HC27" s="100">
        <v>1997</v>
      </c>
      <c r="HD27" s="101">
        <v>6</v>
      </c>
      <c r="HE27" s="102">
        <v>8</v>
      </c>
      <c r="HF27" s="103">
        <v>14</v>
      </c>
      <c r="HG27" s="416">
        <v>0</v>
      </c>
      <c r="HH27" s="102">
        <v>8</v>
      </c>
      <c r="HI27" s="102">
        <v>2</v>
      </c>
      <c r="HJ27" s="102">
        <v>5</v>
      </c>
      <c r="HK27" s="102">
        <v>3</v>
      </c>
      <c r="HL27" s="102">
        <v>5</v>
      </c>
      <c r="HM27" s="103">
        <v>23</v>
      </c>
      <c r="HN27" s="104">
        <v>37</v>
      </c>
      <c r="HO27" s="101">
        <v>21</v>
      </c>
      <c r="HP27" s="102">
        <v>10</v>
      </c>
      <c r="HQ27" s="103">
        <v>31</v>
      </c>
      <c r="HR27" s="413">
        <v>0</v>
      </c>
      <c r="HS27" s="102">
        <v>21</v>
      </c>
      <c r="HT27" s="102">
        <v>12</v>
      </c>
      <c r="HU27" s="102">
        <v>9</v>
      </c>
      <c r="HV27" s="102">
        <v>12</v>
      </c>
      <c r="HW27" s="102">
        <v>12</v>
      </c>
      <c r="HX27" s="103">
        <v>66</v>
      </c>
      <c r="HY27" s="104">
        <v>97</v>
      </c>
      <c r="HZ27" s="101">
        <v>42</v>
      </c>
      <c r="IA27" s="102">
        <v>33</v>
      </c>
      <c r="IB27" s="103">
        <v>75</v>
      </c>
      <c r="IC27" s="413">
        <v>0</v>
      </c>
      <c r="ID27" s="102">
        <v>55</v>
      </c>
      <c r="IE27" s="102">
        <v>38</v>
      </c>
      <c r="IF27" s="102">
        <v>21</v>
      </c>
      <c r="IG27" s="102">
        <v>21</v>
      </c>
      <c r="IH27" s="102">
        <v>9</v>
      </c>
      <c r="II27" s="103">
        <v>144</v>
      </c>
      <c r="IJ27" s="104">
        <v>219</v>
      </c>
      <c r="IK27" s="101">
        <v>90</v>
      </c>
      <c r="IL27" s="102">
        <v>49</v>
      </c>
      <c r="IM27" s="103">
        <v>139</v>
      </c>
      <c r="IN27" s="413">
        <v>0</v>
      </c>
      <c r="IO27" s="102">
        <v>117</v>
      </c>
      <c r="IP27" s="102">
        <v>49</v>
      </c>
      <c r="IQ27" s="102">
        <v>50</v>
      </c>
      <c r="IR27" s="102">
        <v>46</v>
      </c>
      <c r="IS27" s="102">
        <v>27</v>
      </c>
      <c r="IT27" s="103">
        <v>289</v>
      </c>
      <c r="IU27" s="104">
        <v>428</v>
      </c>
      <c r="IV27" s="101">
        <v>115</v>
      </c>
      <c r="IW27" s="102">
        <v>83</v>
      </c>
      <c r="IX27" s="103">
        <v>198</v>
      </c>
      <c r="IY27" s="413">
        <v>0</v>
      </c>
      <c r="IZ27" s="102">
        <v>136</v>
      </c>
      <c r="JA27" s="102">
        <v>88</v>
      </c>
      <c r="JB27" s="102">
        <v>47</v>
      </c>
      <c r="JC27" s="102">
        <v>63</v>
      </c>
      <c r="JD27" s="102">
        <v>36</v>
      </c>
      <c r="JE27" s="103">
        <v>370</v>
      </c>
      <c r="JF27" s="104">
        <v>568</v>
      </c>
      <c r="JG27" s="101">
        <v>84</v>
      </c>
      <c r="JH27" s="102">
        <v>69</v>
      </c>
      <c r="JI27" s="103">
        <v>153</v>
      </c>
      <c r="JJ27" s="413">
        <v>0</v>
      </c>
      <c r="JK27" s="102">
        <v>110</v>
      </c>
      <c r="JL27" s="102">
        <v>96</v>
      </c>
      <c r="JM27" s="102">
        <v>97</v>
      </c>
      <c r="JN27" s="102">
        <v>121</v>
      </c>
      <c r="JO27" s="102">
        <v>71</v>
      </c>
      <c r="JP27" s="103">
        <v>495</v>
      </c>
      <c r="JQ27" s="104">
        <v>648</v>
      </c>
      <c r="JR27" s="101">
        <v>5</v>
      </c>
      <c r="JS27" s="102">
        <v>4</v>
      </c>
      <c r="JT27" s="103">
        <v>9</v>
      </c>
      <c r="JU27" s="413">
        <v>0</v>
      </c>
      <c r="JV27" s="102">
        <v>6</v>
      </c>
      <c r="JW27" s="102">
        <v>8</v>
      </c>
      <c r="JX27" s="102">
        <v>3</v>
      </c>
      <c r="JY27" s="102">
        <v>6</v>
      </c>
      <c r="JZ27" s="102">
        <v>5</v>
      </c>
      <c r="KA27" s="103">
        <v>28</v>
      </c>
      <c r="KB27" s="104">
        <v>37</v>
      </c>
      <c r="KC27" s="101">
        <v>363</v>
      </c>
      <c r="KD27" s="102">
        <v>256</v>
      </c>
      <c r="KE27" s="103">
        <v>619</v>
      </c>
      <c r="KF27" s="413">
        <v>0</v>
      </c>
      <c r="KG27" s="102">
        <v>453</v>
      </c>
      <c r="KH27" s="102">
        <v>293</v>
      </c>
      <c r="KI27" s="102">
        <v>232</v>
      </c>
      <c r="KJ27" s="102">
        <v>272</v>
      </c>
      <c r="KK27" s="102">
        <v>165</v>
      </c>
      <c r="KL27" s="103">
        <v>1415</v>
      </c>
      <c r="KM27" s="104">
        <v>2034</v>
      </c>
    </row>
    <row r="28" spans="2:299" s="70" customFormat="1" ht="21" customHeight="1" x14ac:dyDescent="0.2">
      <c r="B28" s="106" t="s">
        <v>25</v>
      </c>
      <c r="C28" s="96">
        <v>118</v>
      </c>
      <c r="D28" s="97">
        <v>130</v>
      </c>
      <c r="E28" s="98">
        <v>248</v>
      </c>
      <c r="F28" s="413">
        <v>0</v>
      </c>
      <c r="G28" s="97">
        <v>190</v>
      </c>
      <c r="H28" s="97">
        <v>164</v>
      </c>
      <c r="I28" s="97">
        <v>101</v>
      </c>
      <c r="J28" s="97">
        <v>102</v>
      </c>
      <c r="K28" s="97">
        <v>50</v>
      </c>
      <c r="L28" s="99">
        <v>607</v>
      </c>
      <c r="M28" s="100">
        <v>855</v>
      </c>
      <c r="N28" s="101">
        <v>3</v>
      </c>
      <c r="O28" s="102">
        <v>6</v>
      </c>
      <c r="P28" s="103">
        <v>9</v>
      </c>
      <c r="Q28" s="413">
        <v>0</v>
      </c>
      <c r="R28" s="102">
        <v>9</v>
      </c>
      <c r="S28" s="102">
        <v>8</v>
      </c>
      <c r="T28" s="102">
        <v>2</v>
      </c>
      <c r="U28" s="102">
        <v>4</v>
      </c>
      <c r="V28" s="102">
        <v>2</v>
      </c>
      <c r="W28" s="103">
        <v>25</v>
      </c>
      <c r="X28" s="104">
        <v>34</v>
      </c>
      <c r="Y28" s="101">
        <v>17</v>
      </c>
      <c r="Z28" s="102">
        <v>11</v>
      </c>
      <c r="AA28" s="103">
        <v>28</v>
      </c>
      <c r="AB28" s="413">
        <v>0</v>
      </c>
      <c r="AC28" s="102">
        <v>14</v>
      </c>
      <c r="AD28" s="102">
        <v>19</v>
      </c>
      <c r="AE28" s="102">
        <v>12</v>
      </c>
      <c r="AF28" s="102">
        <v>12</v>
      </c>
      <c r="AG28" s="102">
        <v>9</v>
      </c>
      <c r="AH28" s="103">
        <v>66</v>
      </c>
      <c r="AI28" s="104">
        <v>94</v>
      </c>
      <c r="AJ28" s="101">
        <v>19</v>
      </c>
      <c r="AK28" s="102">
        <v>19</v>
      </c>
      <c r="AL28" s="103">
        <v>38</v>
      </c>
      <c r="AM28" s="413">
        <v>0</v>
      </c>
      <c r="AN28" s="102">
        <v>32</v>
      </c>
      <c r="AO28" s="102">
        <v>32</v>
      </c>
      <c r="AP28" s="102">
        <v>19</v>
      </c>
      <c r="AQ28" s="102">
        <v>26</v>
      </c>
      <c r="AR28" s="102">
        <v>9</v>
      </c>
      <c r="AS28" s="103">
        <v>118</v>
      </c>
      <c r="AT28" s="104">
        <v>156</v>
      </c>
      <c r="AU28" s="101">
        <v>35</v>
      </c>
      <c r="AV28" s="102">
        <v>45</v>
      </c>
      <c r="AW28" s="103">
        <v>80</v>
      </c>
      <c r="AX28" s="413">
        <v>0</v>
      </c>
      <c r="AY28" s="102">
        <v>59</v>
      </c>
      <c r="AZ28" s="102">
        <v>42</v>
      </c>
      <c r="BA28" s="102">
        <v>29</v>
      </c>
      <c r="BB28" s="102">
        <v>25</v>
      </c>
      <c r="BC28" s="102">
        <v>13</v>
      </c>
      <c r="BD28" s="103">
        <v>168</v>
      </c>
      <c r="BE28" s="104">
        <v>248</v>
      </c>
      <c r="BF28" s="101">
        <v>28</v>
      </c>
      <c r="BG28" s="102">
        <v>31</v>
      </c>
      <c r="BH28" s="103">
        <v>59</v>
      </c>
      <c r="BI28" s="413">
        <v>0</v>
      </c>
      <c r="BJ28" s="102">
        <v>57</v>
      </c>
      <c r="BK28" s="102">
        <v>35</v>
      </c>
      <c r="BL28" s="102">
        <v>25</v>
      </c>
      <c r="BM28" s="102">
        <v>20</v>
      </c>
      <c r="BN28" s="102">
        <v>8</v>
      </c>
      <c r="BO28" s="103">
        <v>145</v>
      </c>
      <c r="BP28" s="104">
        <v>204</v>
      </c>
      <c r="BQ28" s="101">
        <v>16</v>
      </c>
      <c r="BR28" s="102">
        <v>18</v>
      </c>
      <c r="BS28" s="103">
        <v>34</v>
      </c>
      <c r="BT28" s="413">
        <v>0</v>
      </c>
      <c r="BU28" s="102">
        <v>19</v>
      </c>
      <c r="BV28" s="102">
        <v>28</v>
      </c>
      <c r="BW28" s="102">
        <v>14</v>
      </c>
      <c r="BX28" s="102">
        <v>15</v>
      </c>
      <c r="BY28" s="102">
        <v>9</v>
      </c>
      <c r="BZ28" s="103">
        <v>85</v>
      </c>
      <c r="CA28" s="104">
        <v>119</v>
      </c>
      <c r="CB28" s="101">
        <v>1</v>
      </c>
      <c r="CC28" s="102">
        <v>2</v>
      </c>
      <c r="CD28" s="103">
        <v>3</v>
      </c>
      <c r="CE28" s="413">
        <v>0</v>
      </c>
      <c r="CF28" s="102">
        <v>2</v>
      </c>
      <c r="CG28" s="102">
        <v>10</v>
      </c>
      <c r="CH28" s="102">
        <v>5</v>
      </c>
      <c r="CI28" s="102">
        <v>5</v>
      </c>
      <c r="CJ28" s="102">
        <v>2</v>
      </c>
      <c r="CK28" s="103">
        <v>24</v>
      </c>
      <c r="CL28" s="104">
        <v>27</v>
      </c>
      <c r="CM28" s="101">
        <v>119</v>
      </c>
      <c r="CN28" s="102">
        <v>132</v>
      </c>
      <c r="CO28" s="103">
        <v>251</v>
      </c>
      <c r="CP28" s="413">
        <v>0</v>
      </c>
      <c r="CQ28" s="102">
        <v>192</v>
      </c>
      <c r="CR28" s="102">
        <v>174</v>
      </c>
      <c r="CS28" s="102">
        <v>106</v>
      </c>
      <c r="CT28" s="102">
        <v>107</v>
      </c>
      <c r="CU28" s="102">
        <v>52</v>
      </c>
      <c r="CV28" s="103">
        <v>631</v>
      </c>
      <c r="CW28" s="104">
        <v>882</v>
      </c>
      <c r="CX28" s="105">
        <v>214</v>
      </c>
      <c r="CY28" s="97">
        <v>263</v>
      </c>
      <c r="CZ28" s="98">
        <v>477</v>
      </c>
      <c r="DA28" s="413">
        <v>0</v>
      </c>
      <c r="DB28" s="97">
        <v>328</v>
      </c>
      <c r="DC28" s="97">
        <v>248</v>
      </c>
      <c r="DD28" s="97">
        <v>174</v>
      </c>
      <c r="DE28" s="97">
        <v>197</v>
      </c>
      <c r="DF28" s="97">
        <v>100</v>
      </c>
      <c r="DG28" s="99">
        <v>1047</v>
      </c>
      <c r="DH28" s="100">
        <v>1524</v>
      </c>
      <c r="DI28" s="101">
        <v>4</v>
      </c>
      <c r="DJ28" s="102">
        <v>7</v>
      </c>
      <c r="DK28" s="103">
        <v>11</v>
      </c>
      <c r="DL28" s="413">
        <v>0</v>
      </c>
      <c r="DM28" s="102">
        <v>7</v>
      </c>
      <c r="DN28" s="102">
        <v>7</v>
      </c>
      <c r="DO28" s="102">
        <v>5</v>
      </c>
      <c r="DP28" s="102">
        <v>1</v>
      </c>
      <c r="DQ28" s="102">
        <v>3</v>
      </c>
      <c r="DR28" s="103">
        <v>23</v>
      </c>
      <c r="DS28" s="104">
        <v>34</v>
      </c>
      <c r="DT28" s="101">
        <v>11</v>
      </c>
      <c r="DU28" s="102">
        <v>22</v>
      </c>
      <c r="DV28" s="103">
        <v>33</v>
      </c>
      <c r="DW28" s="413">
        <v>0</v>
      </c>
      <c r="DX28" s="102">
        <v>23</v>
      </c>
      <c r="DY28" s="102">
        <v>8</v>
      </c>
      <c r="DZ28" s="102">
        <v>10</v>
      </c>
      <c r="EA28" s="102">
        <v>10</v>
      </c>
      <c r="EB28" s="102">
        <v>8</v>
      </c>
      <c r="EC28" s="103">
        <v>59</v>
      </c>
      <c r="ED28" s="104">
        <v>92</v>
      </c>
      <c r="EE28" s="101">
        <v>37</v>
      </c>
      <c r="EF28" s="102">
        <v>31</v>
      </c>
      <c r="EG28" s="103">
        <v>68</v>
      </c>
      <c r="EH28" s="413">
        <v>0</v>
      </c>
      <c r="EI28" s="102">
        <v>50</v>
      </c>
      <c r="EJ28" s="102">
        <v>34</v>
      </c>
      <c r="EK28" s="102">
        <v>19</v>
      </c>
      <c r="EL28" s="102">
        <v>25</v>
      </c>
      <c r="EM28" s="102">
        <v>14</v>
      </c>
      <c r="EN28" s="103">
        <v>142</v>
      </c>
      <c r="EO28" s="104">
        <v>210</v>
      </c>
      <c r="EP28" s="101">
        <v>76</v>
      </c>
      <c r="EQ28" s="102">
        <v>76</v>
      </c>
      <c r="ER28" s="103">
        <v>152</v>
      </c>
      <c r="ES28" s="413">
        <v>0</v>
      </c>
      <c r="ET28" s="102">
        <v>82</v>
      </c>
      <c r="EU28" s="102">
        <v>66</v>
      </c>
      <c r="EV28" s="102">
        <v>37</v>
      </c>
      <c r="EW28" s="102">
        <v>45</v>
      </c>
      <c r="EX28" s="102">
        <v>17</v>
      </c>
      <c r="EY28" s="103">
        <v>247</v>
      </c>
      <c r="EZ28" s="104">
        <v>399</v>
      </c>
      <c r="FA28" s="101">
        <v>57</v>
      </c>
      <c r="FB28" s="102">
        <v>75</v>
      </c>
      <c r="FC28" s="103">
        <v>132</v>
      </c>
      <c r="FD28" s="413">
        <v>0</v>
      </c>
      <c r="FE28" s="102">
        <v>86</v>
      </c>
      <c r="FF28" s="102">
        <v>64</v>
      </c>
      <c r="FG28" s="102">
        <v>45</v>
      </c>
      <c r="FH28" s="102">
        <v>50</v>
      </c>
      <c r="FI28" s="102">
        <v>29</v>
      </c>
      <c r="FJ28" s="103">
        <v>274</v>
      </c>
      <c r="FK28" s="104">
        <v>406</v>
      </c>
      <c r="FL28" s="101">
        <v>29</v>
      </c>
      <c r="FM28" s="102">
        <v>52</v>
      </c>
      <c r="FN28" s="103">
        <v>81</v>
      </c>
      <c r="FO28" s="413">
        <v>0</v>
      </c>
      <c r="FP28" s="102">
        <v>80</v>
      </c>
      <c r="FQ28" s="102">
        <v>69</v>
      </c>
      <c r="FR28" s="102">
        <v>58</v>
      </c>
      <c r="FS28" s="102">
        <v>66</v>
      </c>
      <c r="FT28" s="102">
        <v>29</v>
      </c>
      <c r="FU28" s="103">
        <v>302</v>
      </c>
      <c r="FV28" s="104">
        <v>383</v>
      </c>
      <c r="FW28" s="101">
        <v>1</v>
      </c>
      <c r="FX28" s="102">
        <v>4</v>
      </c>
      <c r="FY28" s="103">
        <v>5</v>
      </c>
      <c r="FZ28" s="413">
        <v>0</v>
      </c>
      <c r="GA28" s="102">
        <v>4</v>
      </c>
      <c r="GB28" s="102">
        <v>2</v>
      </c>
      <c r="GC28" s="102">
        <v>2</v>
      </c>
      <c r="GD28" s="102">
        <v>0</v>
      </c>
      <c r="GE28" s="102">
        <v>6</v>
      </c>
      <c r="GF28" s="103">
        <v>14</v>
      </c>
      <c r="GG28" s="104">
        <v>19</v>
      </c>
      <c r="GH28" s="101">
        <v>215</v>
      </c>
      <c r="GI28" s="102">
        <v>267</v>
      </c>
      <c r="GJ28" s="103">
        <v>482</v>
      </c>
      <c r="GK28" s="413">
        <v>0</v>
      </c>
      <c r="GL28" s="102">
        <v>332</v>
      </c>
      <c r="GM28" s="102">
        <v>250</v>
      </c>
      <c r="GN28" s="102">
        <v>176</v>
      </c>
      <c r="GO28" s="102">
        <v>197</v>
      </c>
      <c r="GP28" s="102">
        <v>106</v>
      </c>
      <c r="GQ28" s="103">
        <v>1061</v>
      </c>
      <c r="GR28" s="104">
        <v>1543</v>
      </c>
      <c r="GS28" s="105">
        <v>332</v>
      </c>
      <c r="GT28" s="97">
        <v>393</v>
      </c>
      <c r="GU28" s="98">
        <v>725</v>
      </c>
      <c r="GV28" s="413">
        <v>0</v>
      </c>
      <c r="GW28" s="97">
        <v>518</v>
      </c>
      <c r="GX28" s="97">
        <v>412</v>
      </c>
      <c r="GY28" s="97">
        <v>275</v>
      </c>
      <c r="GZ28" s="97">
        <v>299</v>
      </c>
      <c r="HA28" s="97">
        <v>150</v>
      </c>
      <c r="HB28" s="99">
        <v>1654</v>
      </c>
      <c r="HC28" s="100">
        <v>2379</v>
      </c>
      <c r="HD28" s="101">
        <v>7</v>
      </c>
      <c r="HE28" s="102">
        <v>13</v>
      </c>
      <c r="HF28" s="103">
        <v>20</v>
      </c>
      <c r="HG28" s="416">
        <v>0</v>
      </c>
      <c r="HH28" s="102">
        <v>16</v>
      </c>
      <c r="HI28" s="102">
        <v>15</v>
      </c>
      <c r="HJ28" s="102">
        <v>7</v>
      </c>
      <c r="HK28" s="102">
        <v>5</v>
      </c>
      <c r="HL28" s="102">
        <v>5</v>
      </c>
      <c r="HM28" s="103">
        <v>48</v>
      </c>
      <c r="HN28" s="104">
        <v>68</v>
      </c>
      <c r="HO28" s="101">
        <v>28</v>
      </c>
      <c r="HP28" s="102">
        <v>33</v>
      </c>
      <c r="HQ28" s="103">
        <v>61</v>
      </c>
      <c r="HR28" s="413">
        <v>0</v>
      </c>
      <c r="HS28" s="102">
        <v>37</v>
      </c>
      <c r="HT28" s="102">
        <v>27</v>
      </c>
      <c r="HU28" s="102">
        <v>22</v>
      </c>
      <c r="HV28" s="102">
        <v>22</v>
      </c>
      <c r="HW28" s="102">
        <v>17</v>
      </c>
      <c r="HX28" s="103">
        <v>125</v>
      </c>
      <c r="HY28" s="104">
        <v>186</v>
      </c>
      <c r="HZ28" s="101">
        <v>56</v>
      </c>
      <c r="IA28" s="102">
        <v>50</v>
      </c>
      <c r="IB28" s="103">
        <v>106</v>
      </c>
      <c r="IC28" s="413">
        <v>0</v>
      </c>
      <c r="ID28" s="102">
        <v>82</v>
      </c>
      <c r="IE28" s="102">
        <v>66</v>
      </c>
      <c r="IF28" s="102">
        <v>38</v>
      </c>
      <c r="IG28" s="102">
        <v>51</v>
      </c>
      <c r="IH28" s="102">
        <v>23</v>
      </c>
      <c r="II28" s="103">
        <v>260</v>
      </c>
      <c r="IJ28" s="104">
        <v>366</v>
      </c>
      <c r="IK28" s="101">
        <v>111</v>
      </c>
      <c r="IL28" s="102">
        <v>121</v>
      </c>
      <c r="IM28" s="103">
        <v>232</v>
      </c>
      <c r="IN28" s="413">
        <v>0</v>
      </c>
      <c r="IO28" s="102">
        <v>141</v>
      </c>
      <c r="IP28" s="102">
        <v>108</v>
      </c>
      <c r="IQ28" s="102">
        <v>66</v>
      </c>
      <c r="IR28" s="102">
        <v>70</v>
      </c>
      <c r="IS28" s="102">
        <v>30</v>
      </c>
      <c r="IT28" s="103">
        <v>415</v>
      </c>
      <c r="IU28" s="104">
        <v>647</v>
      </c>
      <c r="IV28" s="101">
        <v>85</v>
      </c>
      <c r="IW28" s="102">
        <v>106</v>
      </c>
      <c r="IX28" s="103">
        <v>191</v>
      </c>
      <c r="IY28" s="413">
        <v>0</v>
      </c>
      <c r="IZ28" s="102">
        <v>143</v>
      </c>
      <c r="JA28" s="102">
        <v>99</v>
      </c>
      <c r="JB28" s="102">
        <v>70</v>
      </c>
      <c r="JC28" s="102">
        <v>70</v>
      </c>
      <c r="JD28" s="102">
        <v>37</v>
      </c>
      <c r="JE28" s="103">
        <v>419</v>
      </c>
      <c r="JF28" s="104">
        <v>610</v>
      </c>
      <c r="JG28" s="101">
        <v>45</v>
      </c>
      <c r="JH28" s="102">
        <v>70</v>
      </c>
      <c r="JI28" s="103">
        <v>115</v>
      </c>
      <c r="JJ28" s="413">
        <v>0</v>
      </c>
      <c r="JK28" s="102">
        <v>99</v>
      </c>
      <c r="JL28" s="102">
        <v>97</v>
      </c>
      <c r="JM28" s="102">
        <v>72</v>
      </c>
      <c r="JN28" s="102">
        <v>81</v>
      </c>
      <c r="JO28" s="102">
        <v>38</v>
      </c>
      <c r="JP28" s="103">
        <v>387</v>
      </c>
      <c r="JQ28" s="104">
        <v>502</v>
      </c>
      <c r="JR28" s="101">
        <v>2</v>
      </c>
      <c r="JS28" s="102">
        <v>6</v>
      </c>
      <c r="JT28" s="103">
        <v>8</v>
      </c>
      <c r="JU28" s="413">
        <v>0</v>
      </c>
      <c r="JV28" s="102">
        <v>6</v>
      </c>
      <c r="JW28" s="102">
        <v>12</v>
      </c>
      <c r="JX28" s="102">
        <v>7</v>
      </c>
      <c r="JY28" s="102">
        <v>5</v>
      </c>
      <c r="JZ28" s="102">
        <v>8</v>
      </c>
      <c r="KA28" s="103">
        <v>38</v>
      </c>
      <c r="KB28" s="104">
        <v>46</v>
      </c>
      <c r="KC28" s="101">
        <v>334</v>
      </c>
      <c r="KD28" s="102">
        <v>399</v>
      </c>
      <c r="KE28" s="103">
        <v>733</v>
      </c>
      <c r="KF28" s="413">
        <v>0</v>
      </c>
      <c r="KG28" s="102">
        <v>524</v>
      </c>
      <c r="KH28" s="102">
        <v>424</v>
      </c>
      <c r="KI28" s="102">
        <v>282</v>
      </c>
      <c r="KJ28" s="102">
        <v>304</v>
      </c>
      <c r="KK28" s="102">
        <v>158</v>
      </c>
      <c r="KL28" s="103">
        <v>1692</v>
      </c>
      <c r="KM28" s="104">
        <v>2425</v>
      </c>
    </row>
    <row r="29" spans="2:299" s="70" customFormat="1" ht="21" customHeight="1" x14ac:dyDescent="0.2">
      <c r="B29" s="106" t="s">
        <v>26</v>
      </c>
      <c r="C29" s="96">
        <v>94</v>
      </c>
      <c r="D29" s="97">
        <v>78</v>
      </c>
      <c r="E29" s="98">
        <v>172</v>
      </c>
      <c r="F29" s="413">
        <v>0</v>
      </c>
      <c r="G29" s="97">
        <v>132</v>
      </c>
      <c r="H29" s="97">
        <v>134</v>
      </c>
      <c r="I29" s="97">
        <v>96</v>
      </c>
      <c r="J29" s="97">
        <v>72</v>
      </c>
      <c r="K29" s="97">
        <v>48</v>
      </c>
      <c r="L29" s="99">
        <v>482</v>
      </c>
      <c r="M29" s="100">
        <v>654</v>
      </c>
      <c r="N29" s="101">
        <v>2</v>
      </c>
      <c r="O29" s="102">
        <v>3</v>
      </c>
      <c r="P29" s="103">
        <v>5</v>
      </c>
      <c r="Q29" s="413">
        <v>0</v>
      </c>
      <c r="R29" s="102">
        <v>3</v>
      </c>
      <c r="S29" s="102">
        <v>1</v>
      </c>
      <c r="T29" s="102">
        <v>5</v>
      </c>
      <c r="U29" s="102">
        <v>5</v>
      </c>
      <c r="V29" s="102">
        <v>1</v>
      </c>
      <c r="W29" s="103">
        <v>15</v>
      </c>
      <c r="X29" s="104">
        <v>20</v>
      </c>
      <c r="Y29" s="101">
        <v>6</v>
      </c>
      <c r="Z29" s="102">
        <v>8</v>
      </c>
      <c r="AA29" s="103">
        <v>14</v>
      </c>
      <c r="AB29" s="413">
        <v>0</v>
      </c>
      <c r="AC29" s="102">
        <v>15</v>
      </c>
      <c r="AD29" s="102">
        <v>12</v>
      </c>
      <c r="AE29" s="102">
        <v>8</v>
      </c>
      <c r="AF29" s="102">
        <v>6</v>
      </c>
      <c r="AG29" s="102">
        <v>7</v>
      </c>
      <c r="AH29" s="103">
        <v>48</v>
      </c>
      <c r="AI29" s="104">
        <v>62</v>
      </c>
      <c r="AJ29" s="101">
        <v>14</v>
      </c>
      <c r="AK29" s="102">
        <v>12</v>
      </c>
      <c r="AL29" s="103">
        <v>26</v>
      </c>
      <c r="AM29" s="413">
        <v>0</v>
      </c>
      <c r="AN29" s="102">
        <v>18</v>
      </c>
      <c r="AO29" s="102">
        <v>23</v>
      </c>
      <c r="AP29" s="102">
        <v>9</v>
      </c>
      <c r="AQ29" s="102">
        <v>9</v>
      </c>
      <c r="AR29" s="102">
        <v>9</v>
      </c>
      <c r="AS29" s="103">
        <v>68</v>
      </c>
      <c r="AT29" s="104">
        <v>94</v>
      </c>
      <c r="AU29" s="101">
        <v>30</v>
      </c>
      <c r="AV29" s="102">
        <v>23</v>
      </c>
      <c r="AW29" s="103">
        <v>53</v>
      </c>
      <c r="AX29" s="413">
        <v>0</v>
      </c>
      <c r="AY29" s="102">
        <v>29</v>
      </c>
      <c r="AZ29" s="102">
        <v>33</v>
      </c>
      <c r="BA29" s="102">
        <v>24</v>
      </c>
      <c r="BB29" s="102">
        <v>21</v>
      </c>
      <c r="BC29" s="102">
        <v>12</v>
      </c>
      <c r="BD29" s="103">
        <v>119</v>
      </c>
      <c r="BE29" s="104">
        <v>172</v>
      </c>
      <c r="BF29" s="101">
        <v>21</v>
      </c>
      <c r="BG29" s="102">
        <v>20</v>
      </c>
      <c r="BH29" s="103">
        <v>41</v>
      </c>
      <c r="BI29" s="413">
        <v>0</v>
      </c>
      <c r="BJ29" s="102">
        <v>39</v>
      </c>
      <c r="BK29" s="102">
        <v>39</v>
      </c>
      <c r="BL29" s="102">
        <v>31</v>
      </c>
      <c r="BM29" s="102">
        <v>21</v>
      </c>
      <c r="BN29" s="102">
        <v>7</v>
      </c>
      <c r="BO29" s="103">
        <v>137</v>
      </c>
      <c r="BP29" s="104">
        <v>178</v>
      </c>
      <c r="BQ29" s="101">
        <v>21</v>
      </c>
      <c r="BR29" s="102">
        <v>12</v>
      </c>
      <c r="BS29" s="103">
        <v>33</v>
      </c>
      <c r="BT29" s="413">
        <v>0</v>
      </c>
      <c r="BU29" s="102">
        <v>28</v>
      </c>
      <c r="BV29" s="102">
        <v>26</v>
      </c>
      <c r="BW29" s="102">
        <v>19</v>
      </c>
      <c r="BX29" s="102">
        <v>10</v>
      </c>
      <c r="BY29" s="102">
        <v>12</v>
      </c>
      <c r="BZ29" s="103">
        <v>95</v>
      </c>
      <c r="CA29" s="104">
        <v>128</v>
      </c>
      <c r="CB29" s="101">
        <v>3</v>
      </c>
      <c r="CC29" s="102">
        <v>1</v>
      </c>
      <c r="CD29" s="103">
        <v>4</v>
      </c>
      <c r="CE29" s="413">
        <v>0</v>
      </c>
      <c r="CF29" s="102">
        <v>6</v>
      </c>
      <c r="CG29" s="102">
        <v>8</v>
      </c>
      <c r="CH29" s="102">
        <v>1</v>
      </c>
      <c r="CI29" s="102">
        <v>1</v>
      </c>
      <c r="CJ29" s="102">
        <v>1</v>
      </c>
      <c r="CK29" s="103">
        <v>17</v>
      </c>
      <c r="CL29" s="104">
        <v>21</v>
      </c>
      <c r="CM29" s="101">
        <v>97</v>
      </c>
      <c r="CN29" s="102">
        <v>79</v>
      </c>
      <c r="CO29" s="103">
        <v>176</v>
      </c>
      <c r="CP29" s="413">
        <v>0</v>
      </c>
      <c r="CQ29" s="102">
        <v>138</v>
      </c>
      <c r="CR29" s="102">
        <v>142</v>
      </c>
      <c r="CS29" s="102">
        <v>97</v>
      </c>
      <c r="CT29" s="102">
        <v>73</v>
      </c>
      <c r="CU29" s="102">
        <v>49</v>
      </c>
      <c r="CV29" s="103">
        <v>499</v>
      </c>
      <c r="CW29" s="104">
        <v>675</v>
      </c>
      <c r="CX29" s="105">
        <v>171</v>
      </c>
      <c r="CY29" s="97">
        <v>236</v>
      </c>
      <c r="CZ29" s="98">
        <v>407</v>
      </c>
      <c r="DA29" s="413">
        <v>0</v>
      </c>
      <c r="DB29" s="97">
        <v>246</v>
      </c>
      <c r="DC29" s="97">
        <v>257</v>
      </c>
      <c r="DD29" s="97">
        <v>180</v>
      </c>
      <c r="DE29" s="97">
        <v>150</v>
      </c>
      <c r="DF29" s="97">
        <v>124</v>
      </c>
      <c r="DG29" s="99">
        <v>957</v>
      </c>
      <c r="DH29" s="100">
        <v>1364</v>
      </c>
      <c r="DI29" s="101">
        <v>0</v>
      </c>
      <c r="DJ29" s="102">
        <v>5</v>
      </c>
      <c r="DK29" s="103">
        <v>5</v>
      </c>
      <c r="DL29" s="413">
        <v>0</v>
      </c>
      <c r="DM29" s="102">
        <v>5</v>
      </c>
      <c r="DN29" s="102">
        <v>5</v>
      </c>
      <c r="DO29" s="102">
        <v>1</v>
      </c>
      <c r="DP29" s="102">
        <v>3</v>
      </c>
      <c r="DQ29" s="102">
        <v>3</v>
      </c>
      <c r="DR29" s="103">
        <v>17</v>
      </c>
      <c r="DS29" s="104">
        <v>22</v>
      </c>
      <c r="DT29" s="101">
        <v>10</v>
      </c>
      <c r="DU29" s="102">
        <v>16</v>
      </c>
      <c r="DV29" s="103">
        <v>26</v>
      </c>
      <c r="DW29" s="413">
        <v>0</v>
      </c>
      <c r="DX29" s="102">
        <v>10</v>
      </c>
      <c r="DY29" s="102">
        <v>10</v>
      </c>
      <c r="DZ29" s="102">
        <v>5</v>
      </c>
      <c r="EA29" s="102">
        <v>5</v>
      </c>
      <c r="EB29" s="102">
        <v>6</v>
      </c>
      <c r="EC29" s="103">
        <v>36</v>
      </c>
      <c r="ED29" s="104">
        <v>62</v>
      </c>
      <c r="EE29" s="101">
        <v>21</v>
      </c>
      <c r="EF29" s="102">
        <v>30</v>
      </c>
      <c r="EG29" s="103">
        <v>51</v>
      </c>
      <c r="EH29" s="413">
        <v>0</v>
      </c>
      <c r="EI29" s="102">
        <v>29</v>
      </c>
      <c r="EJ29" s="102">
        <v>29</v>
      </c>
      <c r="EK29" s="102">
        <v>16</v>
      </c>
      <c r="EL29" s="102">
        <v>15</v>
      </c>
      <c r="EM29" s="102">
        <v>11</v>
      </c>
      <c r="EN29" s="103">
        <v>100</v>
      </c>
      <c r="EO29" s="104">
        <v>151</v>
      </c>
      <c r="EP29" s="101">
        <v>50</v>
      </c>
      <c r="EQ29" s="102">
        <v>73</v>
      </c>
      <c r="ER29" s="103">
        <v>123</v>
      </c>
      <c r="ES29" s="413">
        <v>0</v>
      </c>
      <c r="ET29" s="102">
        <v>55</v>
      </c>
      <c r="EU29" s="102">
        <v>61</v>
      </c>
      <c r="EV29" s="102">
        <v>37</v>
      </c>
      <c r="EW29" s="102">
        <v>23</v>
      </c>
      <c r="EX29" s="102">
        <v>13</v>
      </c>
      <c r="EY29" s="103">
        <v>189</v>
      </c>
      <c r="EZ29" s="104">
        <v>312</v>
      </c>
      <c r="FA29" s="101">
        <v>56</v>
      </c>
      <c r="FB29" s="102">
        <v>63</v>
      </c>
      <c r="FC29" s="103">
        <v>119</v>
      </c>
      <c r="FD29" s="413">
        <v>0</v>
      </c>
      <c r="FE29" s="102">
        <v>79</v>
      </c>
      <c r="FF29" s="102">
        <v>69</v>
      </c>
      <c r="FG29" s="102">
        <v>55</v>
      </c>
      <c r="FH29" s="102">
        <v>33</v>
      </c>
      <c r="FI29" s="102">
        <v>30</v>
      </c>
      <c r="FJ29" s="103">
        <v>266</v>
      </c>
      <c r="FK29" s="104">
        <v>385</v>
      </c>
      <c r="FL29" s="101">
        <v>34</v>
      </c>
      <c r="FM29" s="102">
        <v>49</v>
      </c>
      <c r="FN29" s="103">
        <v>83</v>
      </c>
      <c r="FO29" s="413">
        <v>0</v>
      </c>
      <c r="FP29" s="102">
        <v>68</v>
      </c>
      <c r="FQ29" s="102">
        <v>83</v>
      </c>
      <c r="FR29" s="102">
        <v>66</v>
      </c>
      <c r="FS29" s="102">
        <v>71</v>
      </c>
      <c r="FT29" s="102">
        <v>61</v>
      </c>
      <c r="FU29" s="103">
        <v>349</v>
      </c>
      <c r="FV29" s="104">
        <v>432</v>
      </c>
      <c r="FW29" s="101">
        <v>1</v>
      </c>
      <c r="FX29" s="102">
        <v>1</v>
      </c>
      <c r="FY29" s="103">
        <v>2</v>
      </c>
      <c r="FZ29" s="413">
        <v>0</v>
      </c>
      <c r="GA29" s="102">
        <v>2</v>
      </c>
      <c r="GB29" s="102">
        <v>1</v>
      </c>
      <c r="GC29" s="102">
        <v>5</v>
      </c>
      <c r="GD29" s="102">
        <v>4</v>
      </c>
      <c r="GE29" s="102">
        <v>3</v>
      </c>
      <c r="GF29" s="103">
        <v>15</v>
      </c>
      <c r="GG29" s="104">
        <v>17</v>
      </c>
      <c r="GH29" s="101">
        <v>172</v>
      </c>
      <c r="GI29" s="102">
        <v>237</v>
      </c>
      <c r="GJ29" s="103">
        <v>409</v>
      </c>
      <c r="GK29" s="413">
        <v>0</v>
      </c>
      <c r="GL29" s="102">
        <v>248</v>
      </c>
      <c r="GM29" s="102">
        <v>258</v>
      </c>
      <c r="GN29" s="102">
        <v>185</v>
      </c>
      <c r="GO29" s="102">
        <v>154</v>
      </c>
      <c r="GP29" s="102">
        <v>127</v>
      </c>
      <c r="GQ29" s="103">
        <v>972</v>
      </c>
      <c r="GR29" s="104">
        <v>1381</v>
      </c>
      <c r="GS29" s="105">
        <v>265</v>
      </c>
      <c r="GT29" s="97">
        <v>314</v>
      </c>
      <c r="GU29" s="98">
        <v>579</v>
      </c>
      <c r="GV29" s="413">
        <v>0</v>
      </c>
      <c r="GW29" s="97">
        <v>378</v>
      </c>
      <c r="GX29" s="97">
        <v>391</v>
      </c>
      <c r="GY29" s="97">
        <v>276</v>
      </c>
      <c r="GZ29" s="97">
        <v>222</v>
      </c>
      <c r="HA29" s="97">
        <v>172</v>
      </c>
      <c r="HB29" s="99">
        <v>1439</v>
      </c>
      <c r="HC29" s="100">
        <v>2018</v>
      </c>
      <c r="HD29" s="101">
        <v>2</v>
      </c>
      <c r="HE29" s="102">
        <v>8</v>
      </c>
      <c r="HF29" s="103">
        <v>10</v>
      </c>
      <c r="HG29" s="416">
        <v>0</v>
      </c>
      <c r="HH29" s="102">
        <v>8</v>
      </c>
      <c r="HI29" s="102">
        <v>6</v>
      </c>
      <c r="HJ29" s="102">
        <v>6</v>
      </c>
      <c r="HK29" s="102">
        <v>8</v>
      </c>
      <c r="HL29" s="102">
        <v>4</v>
      </c>
      <c r="HM29" s="103">
        <v>32</v>
      </c>
      <c r="HN29" s="104">
        <v>42</v>
      </c>
      <c r="HO29" s="101">
        <v>16</v>
      </c>
      <c r="HP29" s="102">
        <v>24</v>
      </c>
      <c r="HQ29" s="103">
        <v>40</v>
      </c>
      <c r="HR29" s="413">
        <v>0</v>
      </c>
      <c r="HS29" s="102">
        <v>25</v>
      </c>
      <c r="HT29" s="102">
        <v>22</v>
      </c>
      <c r="HU29" s="102">
        <v>13</v>
      </c>
      <c r="HV29" s="102">
        <v>11</v>
      </c>
      <c r="HW29" s="102">
        <v>13</v>
      </c>
      <c r="HX29" s="103">
        <v>84</v>
      </c>
      <c r="HY29" s="104">
        <v>124</v>
      </c>
      <c r="HZ29" s="101">
        <v>35</v>
      </c>
      <c r="IA29" s="102">
        <v>42</v>
      </c>
      <c r="IB29" s="103">
        <v>77</v>
      </c>
      <c r="IC29" s="413">
        <v>0</v>
      </c>
      <c r="ID29" s="102">
        <v>47</v>
      </c>
      <c r="IE29" s="102">
        <v>52</v>
      </c>
      <c r="IF29" s="102">
        <v>25</v>
      </c>
      <c r="IG29" s="102">
        <v>24</v>
      </c>
      <c r="IH29" s="102">
        <v>20</v>
      </c>
      <c r="II29" s="103">
        <v>168</v>
      </c>
      <c r="IJ29" s="104">
        <v>245</v>
      </c>
      <c r="IK29" s="101">
        <v>80</v>
      </c>
      <c r="IL29" s="102">
        <v>96</v>
      </c>
      <c r="IM29" s="103">
        <v>176</v>
      </c>
      <c r="IN29" s="413">
        <v>0</v>
      </c>
      <c r="IO29" s="102">
        <v>84</v>
      </c>
      <c r="IP29" s="102">
        <v>94</v>
      </c>
      <c r="IQ29" s="102">
        <v>61</v>
      </c>
      <c r="IR29" s="102">
        <v>44</v>
      </c>
      <c r="IS29" s="102">
        <v>25</v>
      </c>
      <c r="IT29" s="103">
        <v>308</v>
      </c>
      <c r="IU29" s="104">
        <v>484</v>
      </c>
      <c r="IV29" s="101">
        <v>77</v>
      </c>
      <c r="IW29" s="102">
        <v>83</v>
      </c>
      <c r="IX29" s="103">
        <v>160</v>
      </c>
      <c r="IY29" s="413">
        <v>0</v>
      </c>
      <c r="IZ29" s="102">
        <v>118</v>
      </c>
      <c r="JA29" s="102">
        <v>108</v>
      </c>
      <c r="JB29" s="102">
        <v>86</v>
      </c>
      <c r="JC29" s="102">
        <v>54</v>
      </c>
      <c r="JD29" s="102">
        <v>37</v>
      </c>
      <c r="JE29" s="103">
        <v>403</v>
      </c>
      <c r="JF29" s="104">
        <v>563</v>
      </c>
      <c r="JG29" s="101">
        <v>55</v>
      </c>
      <c r="JH29" s="102">
        <v>61</v>
      </c>
      <c r="JI29" s="103">
        <v>116</v>
      </c>
      <c r="JJ29" s="413">
        <v>0</v>
      </c>
      <c r="JK29" s="102">
        <v>96</v>
      </c>
      <c r="JL29" s="102">
        <v>109</v>
      </c>
      <c r="JM29" s="102">
        <v>85</v>
      </c>
      <c r="JN29" s="102">
        <v>81</v>
      </c>
      <c r="JO29" s="102">
        <v>73</v>
      </c>
      <c r="JP29" s="103">
        <v>444</v>
      </c>
      <c r="JQ29" s="104">
        <v>560</v>
      </c>
      <c r="JR29" s="101">
        <v>4</v>
      </c>
      <c r="JS29" s="102">
        <v>2</v>
      </c>
      <c r="JT29" s="103">
        <v>6</v>
      </c>
      <c r="JU29" s="413">
        <v>0</v>
      </c>
      <c r="JV29" s="102">
        <v>8</v>
      </c>
      <c r="JW29" s="102">
        <v>9</v>
      </c>
      <c r="JX29" s="102">
        <v>6</v>
      </c>
      <c r="JY29" s="102">
        <v>5</v>
      </c>
      <c r="JZ29" s="102">
        <v>4</v>
      </c>
      <c r="KA29" s="103">
        <v>32</v>
      </c>
      <c r="KB29" s="104">
        <v>38</v>
      </c>
      <c r="KC29" s="101">
        <v>269</v>
      </c>
      <c r="KD29" s="102">
        <v>316</v>
      </c>
      <c r="KE29" s="103">
        <v>585</v>
      </c>
      <c r="KF29" s="413">
        <v>0</v>
      </c>
      <c r="KG29" s="102">
        <v>386</v>
      </c>
      <c r="KH29" s="102">
        <v>400</v>
      </c>
      <c r="KI29" s="102">
        <v>282</v>
      </c>
      <c r="KJ29" s="102">
        <v>227</v>
      </c>
      <c r="KK29" s="102">
        <v>176</v>
      </c>
      <c r="KL29" s="103">
        <v>1471</v>
      </c>
      <c r="KM29" s="104">
        <v>2056</v>
      </c>
    </row>
    <row r="30" spans="2:299" s="70" customFormat="1" ht="21" customHeight="1" x14ac:dyDescent="0.2">
      <c r="B30" s="106" t="s">
        <v>27</v>
      </c>
      <c r="C30" s="96">
        <v>122</v>
      </c>
      <c r="D30" s="97">
        <v>134</v>
      </c>
      <c r="E30" s="98">
        <v>256</v>
      </c>
      <c r="F30" s="413">
        <v>0</v>
      </c>
      <c r="G30" s="97">
        <v>106</v>
      </c>
      <c r="H30" s="97">
        <v>91</v>
      </c>
      <c r="I30" s="97">
        <v>69</v>
      </c>
      <c r="J30" s="97">
        <v>75</v>
      </c>
      <c r="K30" s="97">
        <v>42</v>
      </c>
      <c r="L30" s="99">
        <v>383</v>
      </c>
      <c r="M30" s="100">
        <v>639</v>
      </c>
      <c r="N30" s="101">
        <v>2</v>
      </c>
      <c r="O30" s="102">
        <v>8</v>
      </c>
      <c r="P30" s="103">
        <v>10</v>
      </c>
      <c r="Q30" s="413">
        <v>0</v>
      </c>
      <c r="R30" s="102">
        <v>2</v>
      </c>
      <c r="S30" s="102">
        <v>1</v>
      </c>
      <c r="T30" s="102">
        <v>2</v>
      </c>
      <c r="U30" s="102">
        <v>2</v>
      </c>
      <c r="V30" s="102">
        <v>2</v>
      </c>
      <c r="W30" s="103">
        <v>9</v>
      </c>
      <c r="X30" s="104">
        <v>19</v>
      </c>
      <c r="Y30" s="101">
        <v>5</v>
      </c>
      <c r="Z30" s="102">
        <v>13</v>
      </c>
      <c r="AA30" s="103">
        <v>18</v>
      </c>
      <c r="AB30" s="413">
        <v>0</v>
      </c>
      <c r="AC30" s="102">
        <v>9</v>
      </c>
      <c r="AD30" s="102">
        <v>13</v>
      </c>
      <c r="AE30" s="102">
        <v>6</v>
      </c>
      <c r="AF30" s="102">
        <v>3</v>
      </c>
      <c r="AG30" s="102">
        <v>3</v>
      </c>
      <c r="AH30" s="103">
        <v>34</v>
      </c>
      <c r="AI30" s="104">
        <v>52</v>
      </c>
      <c r="AJ30" s="101">
        <v>24</v>
      </c>
      <c r="AK30" s="102">
        <v>25</v>
      </c>
      <c r="AL30" s="103">
        <v>49</v>
      </c>
      <c r="AM30" s="413">
        <v>0</v>
      </c>
      <c r="AN30" s="102">
        <v>21</v>
      </c>
      <c r="AO30" s="102">
        <v>16</v>
      </c>
      <c r="AP30" s="102">
        <v>7</v>
      </c>
      <c r="AQ30" s="102">
        <v>12</v>
      </c>
      <c r="AR30" s="102">
        <v>6</v>
      </c>
      <c r="AS30" s="103">
        <v>62</v>
      </c>
      <c r="AT30" s="104">
        <v>111</v>
      </c>
      <c r="AU30" s="101">
        <v>31</v>
      </c>
      <c r="AV30" s="102">
        <v>31</v>
      </c>
      <c r="AW30" s="103">
        <v>62</v>
      </c>
      <c r="AX30" s="413">
        <v>0</v>
      </c>
      <c r="AY30" s="102">
        <v>21</v>
      </c>
      <c r="AZ30" s="102">
        <v>24</v>
      </c>
      <c r="BA30" s="102">
        <v>19</v>
      </c>
      <c r="BB30" s="102">
        <v>15</v>
      </c>
      <c r="BC30" s="102">
        <v>9</v>
      </c>
      <c r="BD30" s="103">
        <v>88</v>
      </c>
      <c r="BE30" s="104">
        <v>150</v>
      </c>
      <c r="BF30" s="101">
        <v>40</v>
      </c>
      <c r="BG30" s="102">
        <v>37</v>
      </c>
      <c r="BH30" s="103">
        <v>77</v>
      </c>
      <c r="BI30" s="413">
        <v>0</v>
      </c>
      <c r="BJ30" s="102">
        <v>26</v>
      </c>
      <c r="BK30" s="102">
        <v>15</v>
      </c>
      <c r="BL30" s="102">
        <v>19</v>
      </c>
      <c r="BM30" s="102">
        <v>19</v>
      </c>
      <c r="BN30" s="102">
        <v>12</v>
      </c>
      <c r="BO30" s="103">
        <v>91</v>
      </c>
      <c r="BP30" s="104">
        <v>168</v>
      </c>
      <c r="BQ30" s="101">
        <v>20</v>
      </c>
      <c r="BR30" s="102">
        <v>20</v>
      </c>
      <c r="BS30" s="103">
        <v>40</v>
      </c>
      <c r="BT30" s="413">
        <v>0</v>
      </c>
      <c r="BU30" s="102">
        <v>27</v>
      </c>
      <c r="BV30" s="102">
        <v>22</v>
      </c>
      <c r="BW30" s="102">
        <v>16</v>
      </c>
      <c r="BX30" s="102">
        <v>24</v>
      </c>
      <c r="BY30" s="102">
        <v>10</v>
      </c>
      <c r="BZ30" s="103">
        <v>99</v>
      </c>
      <c r="CA30" s="104">
        <v>139</v>
      </c>
      <c r="CB30" s="101">
        <v>8</v>
      </c>
      <c r="CC30" s="102">
        <v>5</v>
      </c>
      <c r="CD30" s="103">
        <v>13</v>
      </c>
      <c r="CE30" s="413">
        <v>0</v>
      </c>
      <c r="CF30" s="102">
        <v>2</v>
      </c>
      <c r="CG30" s="102">
        <v>2</v>
      </c>
      <c r="CH30" s="102">
        <v>6</v>
      </c>
      <c r="CI30" s="102">
        <v>4</v>
      </c>
      <c r="CJ30" s="102">
        <v>2</v>
      </c>
      <c r="CK30" s="103">
        <v>16</v>
      </c>
      <c r="CL30" s="104">
        <v>29</v>
      </c>
      <c r="CM30" s="101">
        <v>130</v>
      </c>
      <c r="CN30" s="102">
        <v>139</v>
      </c>
      <c r="CO30" s="103">
        <v>269</v>
      </c>
      <c r="CP30" s="413">
        <v>0</v>
      </c>
      <c r="CQ30" s="102">
        <v>108</v>
      </c>
      <c r="CR30" s="102">
        <v>93</v>
      </c>
      <c r="CS30" s="102">
        <v>75</v>
      </c>
      <c r="CT30" s="102">
        <v>79</v>
      </c>
      <c r="CU30" s="102">
        <v>44</v>
      </c>
      <c r="CV30" s="103">
        <v>399</v>
      </c>
      <c r="CW30" s="104">
        <v>668</v>
      </c>
      <c r="CX30" s="105">
        <v>267</v>
      </c>
      <c r="CY30" s="97">
        <v>213</v>
      </c>
      <c r="CZ30" s="98">
        <v>480</v>
      </c>
      <c r="DA30" s="413">
        <v>0</v>
      </c>
      <c r="DB30" s="97">
        <v>241</v>
      </c>
      <c r="DC30" s="97">
        <v>135</v>
      </c>
      <c r="DD30" s="97">
        <v>135</v>
      </c>
      <c r="DE30" s="97">
        <v>144</v>
      </c>
      <c r="DF30" s="97">
        <v>103</v>
      </c>
      <c r="DG30" s="99">
        <v>758</v>
      </c>
      <c r="DH30" s="100">
        <v>1238</v>
      </c>
      <c r="DI30" s="101">
        <v>4</v>
      </c>
      <c r="DJ30" s="102">
        <v>2</v>
      </c>
      <c r="DK30" s="103">
        <v>6</v>
      </c>
      <c r="DL30" s="413">
        <v>0</v>
      </c>
      <c r="DM30" s="102">
        <v>4</v>
      </c>
      <c r="DN30" s="102">
        <v>1</v>
      </c>
      <c r="DO30" s="102">
        <v>0</v>
      </c>
      <c r="DP30" s="102">
        <v>1</v>
      </c>
      <c r="DQ30" s="102">
        <v>3</v>
      </c>
      <c r="DR30" s="103">
        <v>9</v>
      </c>
      <c r="DS30" s="104">
        <v>15</v>
      </c>
      <c r="DT30" s="101">
        <v>15</v>
      </c>
      <c r="DU30" s="102">
        <v>12</v>
      </c>
      <c r="DV30" s="103">
        <v>27</v>
      </c>
      <c r="DW30" s="413">
        <v>0</v>
      </c>
      <c r="DX30" s="102">
        <v>10</v>
      </c>
      <c r="DY30" s="102">
        <v>8</v>
      </c>
      <c r="DZ30" s="102">
        <v>7</v>
      </c>
      <c r="EA30" s="102">
        <v>7</v>
      </c>
      <c r="EB30" s="102">
        <v>0</v>
      </c>
      <c r="EC30" s="103">
        <v>32</v>
      </c>
      <c r="ED30" s="104">
        <v>59</v>
      </c>
      <c r="EE30" s="101">
        <v>41</v>
      </c>
      <c r="EF30" s="102">
        <v>22</v>
      </c>
      <c r="EG30" s="103">
        <v>63</v>
      </c>
      <c r="EH30" s="413">
        <v>0</v>
      </c>
      <c r="EI30" s="102">
        <v>20</v>
      </c>
      <c r="EJ30" s="102">
        <v>17</v>
      </c>
      <c r="EK30" s="102">
        <v>15</v>
      </c>
      <c r="EL30" s="102">
        <v>11</v>
      </c>
      <c r="EM30" s="102">
        <v>9</v>
      </c>
      <c r="EN30" s="103">
        <v>72</v>
      </c>
      <c r="EO30" s="104">
        <v>135</v>
      </c>
      <c r="EP30" s="101">
        <v>69</v>
      </c>
      <c r="EQ30" s="102">
        <v>42</v>
      </c>
      <c r="ER30" s="103">
        <v>111</v>
      </c>
      <c r="ES30" s="413">
        <v>0</v>
      </c>
      <c r="ET30" s="102">
        <v>57</v>
      </c>
      <c r="EU30" s="102">
        <v>24</v>
      </c>
      <c r="EV30" s="102">
        <v>22</v>
      </c>
      <c r="EW30" s="102">
        <v>28</v>
      </c>
      <c r="EX30" s="102">
        <v>18</v>
      </c>
      <c r="EY30" s="103">
        <v>149</v>
      </c>
      <c r="EZ30" s="104">
        <v>260</v>
      </c>
      <c r="FA30" s="101">
        <v>83</v>
      </c>
      <c r="FB30" s="102">
        <v>74</v>
      </c>
      <c r="FC30" s="103">
        <v>157</v>
      </c>
      <c r="FD30" s="413">
        <v>0</v>
      </c>
      <c r="FE30" s="102">
        <v>78</v>
      </c>
      <c r="FF30" s="102">
        <v>39</v>
      </c>
      <c r="FG30" s="102">
        <v>33</v>
      </c>
      <c r="FH30" s="102">
        <v>27</v>
      </c>
      <c r="FI30" s="102">
        <v>27</v>
      </c>
      <c r="FJ30" s="103">
        <v>204</v>
      </c>
      <c r="FK30" s="104">
        <v>361</v>
      </c>
      <c r="FL30" s="101">
        <v>55</v>
      </c>
      <c r="FM30" s="102">
        <v>61</v>
      </c>
      <c r="FN30" s="103">
        <v>116</v>
      </c>
      <c r="FO30" s="413">
        <v>0</v>
      </c>
      <c r="FP30" s="102">
        <v>72</v>
      </c>
      <c r="FQ30" s="102">
        <v>46</v>
      </c>
      <c r="FR30" s="102">
        <v>58</v>
      </c>
      <c r="FS30" s="102">
        <v>70</v>
      </c>
      <c r="FT30" s="102">
        <v>46</v>
      </c>
      <c r="FU30" s="103">
        <v>292</v>
      </c>
      <c r="FV30" s="104">
        <v>408</v>
      </c>
      <c r="FW30" s="101">
        <v>0</v>
      </c>
      <c r="FX30" s="102">
        <v>3</v>
      </c>
      <c r="FY30" s="103">
        <v>3</v>
      </c>
      <c r="FZ30" s="413">
        <v>0</v>
      </c>
      <c r="GA30" s="102">
        <v>3</v>
      </c>
      <c r="GB30" s="102">
        <v>5</v>
      </c>
      <c r="GC30" s="102">
        <v>2</v>
      </c>
      <c r="GD30" s="102">
        <v>2</v>
      </c>
      <c r="GE30" s="102">
        <v>2</v>
      </c>
      <c r="GF30" s="103">
        <v>14</v>
      </c>
      <c r="GG30" s="104">
        <v>17</v>
      </c>
      <c r="GH30" s="101">
        <v>267</v>
      </c>
      <c r="GI30" s="102">
        <v>216</v>
      </c>
      <c r="GJ30" s="103">
        <v>483</v>
      </c>
      <c r="GK30" s="413">
        <v>0</v>
      </c>
      <c r="GL30" s="102">
        <v>244</v>
      </c>
      <c r="GM30" s="102">
        <v>140</v>
      </c>
      <c r="GN30" s="102">
        <v>137</v>
      </c>
      <c r="GO30" s="102">
        <v>146</v>
      </c>
      <c r="GP30" s="102">
        <v>105</v>
      </c>
      <c r="GQ30" s="103">
        <v>772</v>
      </c>
      <c r="GR30" s="104">
        <v>1255</v>
      </c>
      <c r="GS30" s="105">
        <v>389</v>
      </c>
      <c r="GT30" s="97">
        <v>347</v>
      </c>
      <c r="GU30" s="98">
        <v>736</v>
      </c>
      <c r="GV30" s="413">
        <v>0</v>
      </c>
      <c r="GW30" s="97">
        <v>347</v>
      </c>
      <c r="GX30" s="97">
        <v>226</v>
      </c>
      <c r="GY30" s="97">
        <v>204</v>
      </c>
      <c r="GZ30" s="97">
        <v>219</v>
      </c>
      <c r="HA30" s="97">
        <v>145</v>
      </c>
      <c r="HB30" s="99">
        <v>1141</v>
      </c>
      <c r="HC30" s="100">
        <v>1877</v>
      </c>
      <c r="HD30" s="101">
        <v>6</v>
      </c>
      <c r="HE30" s="102">
        <v>10</v>
      </c>
      <c r="HF30" s="103">
        <v>16</v>
      </c>
      <c r="HG30" s="416">
        <v>0</v>
      </c>
      <c r="HH30" s="102">
        <v>6</v>
      </c>
      <c r="HI30" s="102">
        <v>2</v>
      </c>
      <c r="HJ30" s="102">
        <v>2</v>
      </c>
      <c r="HK30" s="102">
        <v>3</v>
      </c>
      <c r="HL30" s="102">
        <v>5</v>
      </c>
      <c r="HM30" s="103">
        <v>18</v>
      </c>
      <c r="HN30" s="104">
        <v>34</v>
      </c>
      <c r="HO30" s="101">
        <v>20</v>
      </c>
      <c r="HP30" s="102">
        <v>25</v>
      </c>
      <c r="HQ30" s="103">
        <v>45</v>
      </c>
      <c r="HR30" s="413">
        <v>0</v>
      </c>
      <c r="HS30" s="102">
        <v>19</v>
      </c>
      <c r="HT30" s="102">
        <v>21</v>
      </c>
      <c r="HU30" s="102">
        <v>13</v>
      </c>
      <c r="HV30" s="102">
        <v>10</v>
      </c>
      <c r="HW30" s="102">
        <v>3</v>
      </c>
      <c r="HX30" s="103">
        <v>66</v>
      </c>
      <c r="HY30" s="104">
        <v>111</v>
      </c>
      <c r="HZ30" s="101">
        <v>65</v>
      </c>
      <c r="IA30" s="102">
        <v>47</v>
      </c>
      <c r="IB30" s="103">
        <v>112</v>
      </c>
      <c r="IC30" s="413">
        <v>0</v>
      </c>
      <c r="ID30" s="102">
        <v>41</v>
      </c>
      <c r="IE30" s="102">
        <v>33</v>
      </c>
      <c r="IF30" s="102">
        <v>22</v>
      </c>
      <c r="IG30" s="102">
        <v>23</v>
      </c>
      <c r="IH30" s="102">
        <v>15</v>
      </c>
      <c r="II30" s="103">
        <v>134</v>
      </c>
      <c r="IJ30" s="104">
        <v>246</v>
      </c>
      <c r="IK30" s="101">
        <v>100</v>
      </c>
      <c r="IL30" s="102">
        <v>73</v>
      </c>
      <c r="IM30" s="103">
        <v>173</v>
      </c>
      <c r="IN30" s="413">
        <v>0</v>
      </c>
      <c r="IO30" s="102">
        <v>78</v>
      </c>
      <c r="IP30" s="102">
        <v>48</v>
      </c>
      <c r="IQ30" s="102">
        <v>41</v>
      </c>
      <c r="IR30" s="102">
        <v>43</v>
      </c>
      <c r="IS30" s="102">
        <v>27</v>
      </c>
      <c r="IT30" s="103">
        <v>237</v>
      </c>
      <c r="IU30" s="104">
        <v>410</v>
      </c>
      <c r="IV30" s="101">
        <v>123</v>
      </c>
      <c r="IW30" s="102">
        <v>111</v>
      </c>
      <c r="IX30" s="103">
        <v>234</v>
      </c>
      <c r="IY30" s="413">
        <v>0</v>
      </c>
      <c r="IZ30" s="102">
        <v>104</v>
      </c>
      <c r="JA30" s="102">
        <v>54</v>
      </c>
      <c r="JB30" s="102">
        <v>52</v>
      </c>
      <c r="JC30" s="102">
        <v>46</v>
      </c>
      <c r="JD30" s="102">
        <v>39</v>
      </c>
      <c r="JE30" s="103">
        <v>295</v>
      </c>
      <c r="JF30" s="104">
        <v>529</v>
      </c>
      <c r="JG30" s="101">
        <v>75</v>
      </c>
      <c r="JH30" s="102">
        <v>81</v>
      </c>
      <c r="JI30" s="103">
        <v>156</v>
      </c>
      <c r="JJ30" s="413">
        <v>0</v>
      </c>
      <c r="JK30" s="102">
        <v>99</v>
      </c>
      <c r="JL30" s="102">
        <v>68</v>
      </c>
      <c r="JM30" s="102">
        <v>74</v>
      </c>
      <c r="JN30" s="102">
        <v>94</v>
      </c>
      <c r="JO30" s="102">
        <v>56</v>
      </c>
      <c r="JP30" s="103">
        <v>391</v>
      </c>
      <c r="JQ30" s="104">
        <v>547</v>
      </c>
      <c r="JR30" s="101">
        <v>8</v>
      </c>
      <c r="JS30" s="102">
        <v>8</v>
      </c>
      <c r="JT30" s="103">
        <v>16</v>
      </c>
      <c r="JU30" s="413">
        <v>0</v>
      </c>
      <c r="JV30" s="102">
        <v>5</v>
      </c>
      <c r="JW30" s="102">
        <v>7</v>
      </c>
      <c r="JX30" s="102">
        <v>8</v>
      </c>
      <c r="JY30" s="102">
        <v>6</v>
      </c>
      <c r="JZ30" s="102">
        <v>4</v>
      </c>
      <c r="KA30" s="103">
        <v>30</v>
      </c>
      <c r="KB30" s="104">
        <v>46</v>
      </c>
      <c r="KC30" s="101">
        <v>397</v>
      </c>
      <c r="KD30" s="102">
        <v>355</v>
      </c>
      <c r="KE30" s="103">
        <v>752</v>
      </c>
      <c r="KF30" s="413">
        <v>0</v>
      </c>
      <c r="KG30" s="102">
        <v>352</v>
      </c>
      <c r="KH30" s="102">
        <v>233</v>
      </c>
      <c r="KI30" s="102">
        <v>212</v>
      </c>
      <c r="KJ30" s="102">
        <v>225</v>
      </c>
      <c r="KK30" s="102">
        <v>149</v>
      </c>
      <c r="KL30" s="103">
        <v>1171</v>
      </c>
      <c r="KM30" s="104">
        <v>1923</v>
      </c>
    </row>
    <row r="31" spans="2:299" s="70" customFormat="1" ht="21" customHeight="1" x14ac:dyDescent="0.2">
      <c r="B31" s="106" t="s">
        <v>28</v>
      </c>
      <c r="C31" s="96">
        <v>8</v>
      </c>
      <c r="D31" s="97">
        <v>22</v>
      </c>
      <c r="E31" s="98">
        <v>30</v>
      </c>
      <c r="F31" s="413">
        <v>0</v>
      </c>
      <c r="G31" s="97">
        <v>58</v>
      </c>
      <c r="H31" s="97">
        <v>44</v>
      </c>
      <c r="I31" s="97">
        <v>27</v>
      </c>
      <c r="J31" s="97">
        <v>19</v>
      </c>
      <c r="K31" s="97">
        <v>13</v>
      </c>
      <c r="L31" s="99">
        <v>161</v>
      </c>
      <c r="M31" s="100">
        <v>191</v>
      </c>
      <c r="N31" s="101">
        <v>0</v>
      </c>
      <c r="O31" s="102">
        <v>3</v>
      </c>
      <c r="P31" s="103">
        <v>3</v>
      </c>
      <c r="Q31" s="413">
        <v>0</v>
      </c>
      <c r="R31" s="102">
        <v>4</v>
      </c>
      <c r="S31" s="102">
        <v>1</v>
      </c>
      <c r="T31" s="102">
        <v>2</v>
      </c>
      <c r="U31" s="102">
        <v>1</v>
      </c>
      <c r="V31" s="102">
        <v>1</v>
      </c>
      <c r="W31" s="103">
        <v>9</v>
      </c>
      <c r="X31" s="104">
        <v>12</v>
      </c>
      <c r="Y31" s="101">
        <v>1</v>
      </c>
      <c r="Z31" s="102">
        <v>4</v>
      </c>
      <c r="AA31" s="103">
        <v>5</v>
      </c>
      <c r="AB31" s="413">
        <v>0</v>
      </c>
      <c r="AC31" s="102">
        <v>8</v>
      </c>
      <c r="AD31" s="102">
        <v>8</v>
      </c>
      <c r="AE31" s="102">
        <v>2</v>
      </c>
      <c r="AF31" s="102">
        <v>2</v>
      </c>
      <c r="AG31" s="102">
        <v>2</v>
      </c>
      <c r="AH31" s="103">
        <v>22</v>
      </c>
      <c r="AI31" s="104">
        <v>27</v>
      </c>
      <c r="AJ31" s="101">
        <v>2</v>
      </c>
      <c r="AK31" s="102">
        <v>3</v>
      </c>
      <c r="AL31" s="103">
        <v>5</v>
      </c>
      <c r="AM31" s="413">
        <v>0</v>
      </c>
      <c r="AN31" s="102">
        <v>10</v>
      </c>
      <c r="AO31" s="102">
        <v>8</v>
      </c>
      <c r="AP31" s="102">
        <v>4</v>
      </c>
      <c r="AQ31" s="102">
        <v>3</v>
      </c>
      <c r="AR31" s="102">
        <v>3</v>
      </c>
      <c r="AS31" s="103">
        <v>28</v>
      </c>
      <c r="AT31" s="104">
        <v>33</v>
      </c>
      <c r="AU31" s="101">
        <v>3</v>
      </c>
      <c r="AV31" s="102">
        <v>3</v>
      </c>
      <c r="AW31" s="103">
        <v>6</v>
      </c>
      <c r="AX31" s="413">
        <v>0</v>
      </c>
      <c r="AY31" s="102">
        <v>16</v>
      </c>
      <c r="AZ31" s="102">
        <v>8</v>
      </c>
      <c r="BA31" s="102">
        <v>5</v>
      </c>
      <c r="BB31" s="102">
        <v>5</v>
      </c>
      <c r="BC31" s="102">
        <v>2</v>
      </c>
      <c r="BD31" s="103">
        <v>36</v>
      </c>
      <c r="BE31" s="104">
        <v>42</v>
      </c>
      <c r="BF31" s="101">
        <v>1</v>
      </c>
      <c r="BG31" s="102">
        <v>6</v>
      </c>
      <c r="BH31" s="103">
        <v>7</v>
      </c>
      <c r="BI31" s="413">
        <v>0</v>
      </c>
      <c r="BJ31" s="102">
        <v>12</v>
      </c>
      <c r="BK31" s="102">
        <v>11</v>
      </c>
      <c r="BL31" s="102">
        <v>7</v>
      </c>
      <c r="BM31" s="102">
        <v>3</v>
      </c>
      <c r="BN31" s="102">
        <v>1</v>
      </c>
      <c r="BO31" s="103">
        <v>34</v>
      </c>
      <c r="BP31" s="104">
        <v>41</v>
      </c>
      <c r="BQ31" s="101">
        <v>1</v>
      </c>
      <c r="BR31" s="102">
        <v>3</v>
      </c>
      <c r="BS31" s="103">
        <v>4</v>
      </c>
      <c r="BT31" s="413">
        <v>0</v>
      </c>
      <c r="BU31" s="102">
        <v>8</v>
      </c>
      <c r="BV31" s="102">
        <v>8</v>
      </c>
      <c r="BW31" s="102">
        <v>7</v>
      </c>
      <c r="BX31" s="102">
        <v>5</v>
      </c>
      <c r="BY31" s="102">
        <v>4</v>
      </c>
      <c r="BZ31" s="103">
        <v>32</v>
      </c>
      <c r="CA31" s="104">
        <v>36</v>
      </c>
      <c r="CB31" s="101">
        <v>0</v>
      </c>
      <c r="CC31" s="102">
        <v>1</v>
      </c>
      <c r="CD31" s="103">
        <v>1</v>
      </c>
      <c r="CE31" s="413">
        <v>0</v>
      </c>
      <c r="CF31" s="102">
        <v>0</v>
      </c>
      <c r="CG31" s="102">
        <v>1</v>
      </c>
      <c r="CH31" s="102">
        <v>1</v>
      </c>
      <c r="CI31" s="102">
        <v>0</v>
      </c>
      <c r="CJ31" s="102">
        <v>2</v>
      </c>
      <c r="CK31" s="103">
        <v>4</v>
      </c>
      <c r="CL31" s="104">
        <v>5</v>
      </c>
      <c r="CM31" s="101">
        <v>8</v>
      </c>
      <c r="CN31" s="102">
        <v>23</v>
      </c>
      <c r="CO31" s="103">
        <v>31</v>
      </c>
      <c r="CP31" s="413">
        <v>0</v>
      </c>
      <c r="CQ31" s="102">
        <v>58</v>
      </c>
      <c r="CR31" s="102">
        <v>45</v>
      </c>
      <c r="CS31" s="102">
        <v>28</v>
      </c>
      <c r="CT31" s="102">
        <v>19</v>
      </c>
      <c r="CU31" s="102">
        <v>15</v>
      </c>
      <c r="CV31" s="103">
        <v>165</v>
      </c>
      <c r="CW31" s="104">
        <v>196</v>
      </c>
      <c r="CX31" s="105">
        <v>15</v>
      </c>
      <c r="CY31" s="97">
        <v>39</v>
      </c>
      <c r="CZ31" s="98">
        <v>54</v>
      </c>
      <c r="DA31" s="413">
        <v>0</v>
      </c>
      <c r="DB31" s="97">
        <v>57</v>
      </c>
      <c r="DC31" s="97">
        <v>74</v>
      </c>
      <c r="DD31" s="97">
        <v>50</v>
      </c>
      <c r="DE31" s="97">
        <v>50</v>
      </c>
      <c r="DF31" s="97">
        <v>38</v>
      </c>
      <c r="DG31" s="99">
        <v>269</v>
      </c>
      <c r="DH31" s="100">
        <v>323</v>
      </c>
      <c r="DI31" s="101">
        <v>1</v>
      </c>
      <c r="DJ31" s="102">
        <v>0</v>
      </c>
      <c r="DK31" s="103">
        <v>1</v>
      </c>
      <c r="DL31" s="413">
        <v>0</v>
      </c>
      <c r="DM31" s="102">
        <v>2</v>
      </c>
      <c r="DN31" s="102">
        <v>1</v>
      </c>
      <c r="DO31" s="102">
        <v>1</v>
      </c>
      <c r="DP31" s="102">
        <v>0</v>
      </c>
      <c r="DQ31" s="102">
        <v>0</v>
      </c>
      <c r="DR31" s="103">
        <v>4</v>
      </c>
      <c r="DS31" s="104">
        <v>5</v>
      </c>
      <c r="DT31" s="101">
        <v>2</v>
      </c>
      <c r="DU31" s="102">
        <v>5</v>
      </c>
      <c r="DV31" s="103">
        <v>7</v>
      </c>
      <c r="DW31" s="413">
        <v>0</v>
      </c>
      <c r="DX31" s="102">
        <v>3</v>
      </c>
      <c r="DY31" s="102">
        <v>6</v>
      </c>
      <c r="DZ31" s="102">
        <v>3</v>
      </c>
      <c r="EA31" s="102">
        <v>2</v>
      </c>
      <c r="EB31" s="102">
        <v>0</v>
      </c>
      <c r="EC31" s="103">
        <v>14</v>
      </c>
      <c r="ED31" s="104">
        <v>21</v>
      </c>
      <c r="EE31" s="101">
        <v>2</v>
      </c>
      <c r="EF31" s="102">
        <v>8</v>
      </c>
      <c r="EG31" s="103">
        <v>10</v>
      </c>
      <c r="EH31" s="413">
        <v>0</v>
      </c>
      <c r="EI31" s="102">
        <v>8</v>
      </c>
      <c r="EJ31" s="102">
        <v>11</v>
      </c>
      <c r="EK31" s="102">
        <v>5</v>
      </c>
      <c r="EL31" s="102">
        <v>4</v>
      </c>
      <c r="EM31" s="102">
        <v>5</v>
      </c>
      <c r="EN31" s="103">
        <v>33</v>
      </c>
      <c r="EO31" s="104">
        <v>43</v>
      </c>
      <c r="EP31" s="101">
        <v>7</v>
      </c>
      <c r="EQ31" s="102">
        <v>10</v>
      </c>
      <c r="ER31" s="103">
        <v>17</v>
      </c>
      <c r="ES31" s="413">
        <v>0</v>
      </c>
      <c r="ET31" s="102">
        <v>14</v>
      </c>
      <c r="EU31" s="102">
        <v>10</v>
      </c>
      <c r="EV31" s="102">
        <v>16</v>
      </c>
      <c r="EW31" s="102">
        <v>10</v>
      </c>
      <c r="EX31" s="102">
        <v>10</v>
      </c>
      <c r="EY31" s="103">
        <v>60</v>
      </c>
      <c r="EZ31" s="104">
        <v>77</v>
      </c>
      <c r="FA31" s="101">
        <v>3</v>
      </c>
      <c r="FB31" s="102">
        <v>11</v>
      </c>
      <c r="FC31" s="103">
        <v>14</v>
      </c>
      <c r="FD31" s="413">
        <v>0</v>
      </c>
      <c r="FE31" s="102">
        <v>17</v>
      </c>
      <c r="FF31" s="102">
        <v>26</v>
      </c>
      <c r="FG31" s="102">
        <v>9</v>
      </c>
      <c r="FH31" s="102">
        <v>14</v>
      </c>
      <c r="FI31" s="102">
        <v>10</v>
      </c>
      <c r="FJ31" s="103">
        <v>76</v>
      </c>
      <c r="FK31" s="104">
        <v>90</v>
      </c>
      <c r="FL31" s="101">
        <v>0</v>
      </c>
      <c r="FM31" s="102">
        <v>5</v>
      </c>
      <c r="FN31" s="103">
        <v>5</v>
      </c>
      <c r="FO31" s="413">
        <v>0</v>
      </c>
      <c r="FP31" s="102">
        <v>13</v>
      </c>
      <c r="FQ31" s="102">
        <v>20</v>
      </c>
      <c r="FR31" s="102">
        <v>16</v>
      </c>
      <c r="FS31" s="102">
        <v>20</v>
      </c>
      <c r="FT31" s="102">
        <v>13</v>
      </c>
      <c r="FU31" s="103">
        <v>82</v>
      </c>
      <c r="FV31" s="104">
        <v>87</v>
      </c>
      <c r="FW31" s="101">
        <v>1</v>
      </c>
      <c r="FX31" s="102">
        <v>1</v>
      </c>
      <c r="FY31" s="103">
        <v>2</v>
      </c>
      <c r="FZ31" s="413">
        <v>0</v>
      </c>
      <c r="GA31" s="102">
        <v>1</v>
      </c>
      <c r="GB31" s="102">
        <v>2</v>
      </c>
      <c r="GC31" s="102">
        <v>0</v>
      </c>
      <c r="GD31" s="102">
        <v>0</v>
      </c>
      <c r="GE31" s="102">
        <v>2</v>
      </c>
      <c r="GF31" s="103">
        <v>5</v>
      </c>
      <c r="GG31" s="104">
        <v>7</v>
      </c>
      <c r="GH31" s="101">
        <v>16</v>
      </c>
      <c r="GI31" s="102">
        <v>40</v>
      </c>
      <c r="GJ31" s="103">
        <v>56</v>
      </c>
      <c r="GK31" s="413">
        <v>0</v>
      </c>
      <c r="GL31" s="102">
        <v>58</v>
      </c>
      <c r="GM31" s="102">
        <v>76</v>
      </c>
      <c r="GN31" s="102">
        <v>50</v>
      </c>
      <c r="GO31" s="102">
        <v>50</v>
      </c>
      <c r="GP31" s="102">
        <v>40</v>
      </c>
      <c r="GQ31" s="103">
        <v>274</v>
      </c>
      <c r="GR31" s="104">
        <v>330</v>
      </c>
      <c r="GS31" s="105">
        <v>23</v>
      </c>
      <c r="GT31" s="97">
        <v>61</v>
      </c>
      <c r="GU31" s="98">
        <v>84</v>
      </c>
      <c r="GV31" s="413">
        <v>0</v>
      </c>
      <c r="GW31" s="97">
        <v>115</v>
      </c>
      <c r="GX31" s="97">
        <v>118</v>
      </c>
      <c r="GY31" s="97">
        <v>77</v>
      </c>
      <c r="GZ31" s="97">
        <v>69</v>
      </c>
      <c r="HA31" s="97">
        <v>51</v>
      </c>
      <c r="HB31" s="99">
        <v>430</v>
      </c>
      <c r="HC31" s="100">
        <v>514</v>
      </c>
      <c r="HD31" s="101">
        <v>1</v>
      </c>
      <c r="HE31" s="102">
        <v>3</v>
      </c>
      <c r="HF31" s="103">
        <v>4</v>
      </c>
      <c r="HG31" s="416">
        <v>0</v>
      </c>
      <c r="HH31" s="102">
        <v>6</v>
      </c>
      <c r="HI31" s="102">
        <v>2</v>
      </c>
      <c r="HJ31" s="102">
        <v>3</v>
      </c>
      <c r="HK31" s="102">
        <v>1</v>
      </c>
      <c r="HL31" s="102">
        <v>1</v>
      </c>
      <c r="HM31" s="103">
        <v>13</v>
      </c>
      <c r="HN31" s="104">
        <v>17</v>
      </c>
      <c r="HO31" s="101">
        <v>3</v>
      </c>
      <c r="HP31" s="102">
        <v>9</v>
      </c>
      <c r="HQ31" s="103">
        <v>12</v>
      </c>
      <c r="HR31" s="413">
        <v>0</v>
      </c>
      <c r="HS31" s="102">
        <v>11</v>
      </c>
      <c r="HT31" s="102">
        <v>14</v>
      </c>
      <c r="HU31" s="102">
        <v>5</v>
      </c>
      <c r="HV31" s="102">
        <v>4</v>
      </c>
      <c r="HW31" s="102">
        <v>2</v>
      </c>
      <c r="HX31" s="103">
        <v>36</v>
      </c>
      <c r="HY31" s="104">
        <v>48</v>
      </c>
      <c r="HZ31" s="101">
        <v>4</v>
      </c>
      <c r="IA31" s="102">
        <v>11</v>
      </c>
      <c r="IB31" s="103">
        <v>15</v>
      </c>
      <c r="IC31" s="413">
        <v>0</v>
      </c>
      <c r="ID31" s="102">
        <v>18</v>
      </c>
      <c r="IE31" s="102">
        <v>19</v>
      </c>
      <c r="IF31" s="102">
        <v>9</v>
      </c>
      <c r="IG31" s="102">
        <v>7</v>
      </c>
      <c r="IH31" s="102">
        <v>8</v>
      </c>
      <c r="II31" s="103">
        <v>61</v>
      </c>
      <c r="IJ31" s="104">
        <v>76</v>
      </c>
      <c r="IK31" s="101">
        <v>10</v>
      </c>
      <c r="IL31" s="102">
        <v>13</v>
      </c>
      <c r="IM31" s="103">
        <v>23</v>
      </c>
      <c r="IN31" s="413">
        <v>0</v>
      </c>
      <c r="IO31" s="102">
        <v>30</v>
      </c>
      <c r="IP31" s="102">
        <v>18</v>
      </c>
      <c r="IQ31" s="102">
        <v>21</v>
      </c>
      <c r="IR31" s="102">
        <v>15</v>
      </c>
      <c r="IS31" s="102">
        <v>12</v>
      </c>
      <c r="IT31" s="103">
        <v>96</v>
      </c>
      <c r="IU31" s="104">
        <v>119</v>
      </c>
      <c r="IV31" s="101">
        <v>4</v>
      </c>
      <c r="IW31" s="102">
        <v>17</v>
      </c>
      <c r="IX31" s="103">
        <v>21</v>
      </c>
      <c r="IY31" s="413">
        <v>0</v>
      </c>
      <c r="IZ31" s="102">
        <v>29</v>
      </c>
      <c r="JA31" s="102">
        <v>37</v>
      </c>
      <c r="JB31" s="102">
        <v>16</v>
      </c>
      <c r="JC31" s="102">
        <v>17</v>
      </c>
      <c r="JD31" s="102">
        <v>11</v>
      </c>
      <c r="JE31" s="103">
        <v>110</v>
      </c>
      <c r="JF31" s="104">
        <v>131</v>
      </c>
      <c r="JG31" s="101">
        <v>1</v>
      </c>
      <c r="JH31" s="102">
        <v>8</v>
      </c>
      <c r="JI31" s="103">
        <v>9</v>
      </c>
      <c r="JJ31" s="413">
        <v>0</v>
      </c>
      <c r="JK31" s="102">
        <v>21</v>
      </c>
      <c r="JL31" s="102">
        <v>28</v>
      </c>
      <c r="JM31" s="102">
        <v>23</v>
      </c>
      <c r="JN31" s="102">
        <v>25</v>
      </c>
      <c r="JO31" s="102">
        <v>17</v>
      </c>
      <c r="JP31" s="103">
        <v>114</v>
      </c>
      <c r="JQ31" s="104">
        <v>123</v>
      </c>
      <c r="JR31" s="101">
        <v>1</v>
      </c>
      <c r="JS31" s="102">
        <v>2</v>
      </c>
      <c r="JT31" s="103">
        <v>3</v>
      </c>
      <c r="JU31" s="413">
        <v>0</v>
      </c>
      <c r="JV31" s="102">
        <v>1</v>
      </c>
      <c r="JW31" s="102">
        <v>3</v>
      </c>
      <c r="JX31" s="102">
        <v>1</v>
      </c>
      <c r="JY31" s="102">
        <v>0</v>
      </c>
      <c r="JZ31" s="102">
        <v>4</v>
      </c>
      <c r="KA31" s="103">
        <v>9</v>
      </c>
      <c r="KB31" s="104">
        <v>12</v>
      </c>
      <c r="KC31" s="101">
        <v>24</v>
      </c>
      <c r="KD31" s="102">
        <v>63</v>
      </c>
      <c r="KE31" s="103">
        <v>87</v>
      </c>
      <c r="KF31" s="413">
        <v>0</v>
      </c>
      <c r="KG31" s="102">
        <v>116</v>
      </c>
      <c r="KH31" s="102">
        <v>121</v>
      </c>
      <c r="KI31" s="102">
        <v>78</v>
      </c>
      <c r="KJ31" s="102">
        <v>69</v>
      </c>
      <c r="KK31" s="102">
        <v>55</v>
      </c>
      <c r="KL31" s="103">
        <v>439</v>
      </c>
      <c r="KM31" s="104">
        <v>526</v>
      </c>
    </row>
    <row r="32" spans="2:299" s="70" customFormat="1" ht="21" customHeight="1" x14ac:dyDescent="0.2">
      <c r="B32" s="106" t="s">
        <v>29</v>
      </c>
      <c r="C32" s="96">
        <v>25</v>
      </c>
      <c r="D32" s="97">
        <v>19</v>
      </c>
      <c r="E32" s="98">
        <v>44</v>
      </c>
      <c r="F32" s="413">
        <v>0</v>
      </c>
      <c r="G32" s="97">
        <v>43</v>
      </c>
      <c r="H32" s="97">
        <v>52</v>
      </c>
      <c r="I32" s="97">
        <v>50</v>
      </c>
      <c r="J32" s="97">
        <v>29</v>
      </c>
      <c r="K32" s="97">
        <v>18</v>
      </c>
      <c r="L32" s="99">
        <v>192</v>
      </c>
      <c r="M32" s="100">
        <v>236</v>
      </c>
      <c r="N32" s="101">
        <v>4</v>
      </c>
      <c r="O32" s="102">
        <v>0</v>
      </c>
      <c r="P32" s="103">
        <v>4</v>
      </c>
      <c r="Q32" s="413">
        <v>0</v>
      </c>
      <c r="R32" s="102">
        <v>3</v>
      </c>
      <c r="S32" s="102">
        <v>6</v>
      </c>
      <c r="T32" s="102">
        <v>2</v>
      </c>
      <c r="U32" s="102">
        <v>1</v>
      </c>
      <c r="V32" s="102">
        <v>2</v>
      </c>
      <c r="W32" s="103">
        <v>14</v>
      </c>
      <c r="X32" s="104">
        <v>18</v>
      </c>
      <c r="Y32" s="101">
        <v>2</v>
      </c>
      <c r="Z32" s="102">
        <v>5</v>
      </c>
      <c r="AA32" s="103">
        <v>7</v>
      </c>
      <c r="AB32" s="413">
        <v>0</v>
      </c>
      <c r="AC32" s="102">
        <v>5</v>
      </c>
      <c r="AD32" s="102">
        <v>3</v>
      </c>
      <c r="AE32" s="102">
        <v>8</v>
      </c>
      <c r="AF32" s="102">
        <v>3</v>
      </c>
      <c r="AG32" s="102">
        <v>2</v>
      </c>
      <c r="AH32" s="103">
        <v>21</v>
      </c>
      <c r="AI32" s="104">
        <v>28</v>
      </c>
      <c r="AJ32" s="101">
        <v>1</v>
      </c>
      <c r="AK32" s="102">
        <v>1</v>
      </c>
      <c r="AL32" s="103">
        <v>2</v>
      </c>
      <c r="AM32" s="413">
        <v>0</v>
      </c>
      <c r="AN32" s="102">
        <v>12</v>
      </c>
      <c r="AO32" s="102">
        <v>9</v>
      </c>
      <c r="AP32" s="102">
        <v>9</v>
      </c>
      <c r="AQ32" s="102">
        <v>7</v>
      </c>
      <c r="AR32" s="102">
        <v>4</v>
      </c>
      <c r="AS32" s="103">
        <v>41</v>
      </c>
      <c r="AT32" s="104">
        <v>43</v>
      </c>
      <c r="AU32" s="101">
        <v>10</v>
      </c>
      <c r="AV32" s="102">
        <v>7</v>
      </c>
      <c r="AW32" s="103">
        <v>17</v>
      </c>
      <c r="AX32" s="413">
        <v>0</v>
      </c>
      <c r="AY32" s="102">
        <v>10</v>
      </c>
      <c r="AZ32" s="102">
        <v>9</v>
      </c>
      <c r="BA32" s="102">
        <v>9</v>
      </c>
      <c r="BB32" s="102">
        <v>8</v>
      </c>
      <c r="BC32" s="102">
        <v>2</v>
      </c>
      <c r="BD32" s="103">
        <v>38</v>
      </c>
      <c r="BE32" s="104">
        <v>55</v>
      </c>
      <c r="BF32" s="101">
        <v>6</v>
      </c>
      <c r="BG32" s="102">
        <v>2</v>
      </c>
      <c r="BH32" s="103">
        <v>8</v>
      </c>
      <c r="BI32" s="413">
        <v>0</v>
      </c>
      <c r="BJ32" s="102">
        <v>9</v>
      </c>
      <c r="BK32" s="102">
        <v>8</v>
      </c>
      <c r="BL32" s="102">
        <v>15</v>
      </c>
      <c r="BM32" s="102">
        <v>4</v>
      </c>
      <c r="BN32" s="102">
        <v>2</v>
      </c>
      <c r="BO32" s="103">
        <v>38</v>
      </c>
      <c r="BP32" s="104">
        <v>46</v>
      </c>
      <c r="BQ32" s="101">
        <v>2</v>
      </c>
      <c r="BR32" s="102">
        <v>4</v>
      </c>
      <c r="BS32" s="103">
        <v>6</v>
      </c>
      <c r="BT32" s="413">
        <v>0</v>
      </c>
      <c r="BU32" s="102">
        <v>4</v>
      </c>
      <c r="BV32" s="102">
        <v>17</v>
      </c>
      <c r="BW32" s="102">
        <v>7</v>
      </c>
      <c r="BX32" s="102">
        <v>6</v>
      </c>
      <c r="BY32" s="102">
        <v>6</v>
      </c>
      <c r="BZ32" s="103">
        <v>40</v>
      </c>
      <c r="CA32" s="104">
        <v>46</v>
      </c>
      <c r="CB32" s="101">
        <v>2</v>
      </c>
      <c r="CC32" s="102">
        <v>2</v>
      </c>
      <c r="CD32" s="103">
        <v>4</v>
      </c>
      <c r="CE32" s="413">
        <v>0</v>
      </c>
      <c r="CF32" s="102">
        <v>2</v>
      </c>
      <c r="CG32" s="102">
        <v>1</v>
      </c>
      <c r="CH32" s="102">
        <v>1</v>
      </c>
      <c r="CI32" s="102">
        <v>0</v>
      </c>
      <c r="CJ32" s="102">
        <v>3</v>
      </c>
      <c r="CK32" s="103">
        <v>7</v>
      </c>
      <c r="CL32" s="104">
        <v>11</v>
      </c>
      <c r="CM32" s="101">
        <v>27</v>
      </c>
      <c r="CN32" s="102">
        <v>21</v>
      </c>
      <c r="CO32" s="103">
        <v>48</v>
      </c>
      <c r="CP32" s="413">
        <v>0</v>
      </c>
      <c r="CQ32" s="102">
        <v>45</v>
      </c>
      <c r="CR32" s="102">
        <v>53</v>
      </c>
      <c r="CS32" s="102">
        <v>51</v>
      </c>
      <c r="CT32" s="102">
        <v>29</v>
      </c>
      <c r="CU32" s="102">
        <v>21</v>
      </c>
      <c r="CV32" s="103">
        <v>199</v>
      </c>
      <c r="CW32" s="104">
        <v>247</v>
      </c>
      <c r="CX32" s="105">
        <v>43</v>
      </c>
      <c r="CY32" s="97">
        <v>57</v>
      </c>
      <c r="CZ32" s="98">
        <v>100</v>
      </c>
      <c r="DA32" s="413">
        <v>0</v>
      </c>
      <c r="DB32" s="97">
        <v>90</v>
      </c>
      <c r="DC32" s="97">
        <v>91</v>
      </c>
      <c r="DD32" s="97">
        <v>81</v>
      </c>
      <c r="DE32" s="97">
        <v>82</v>
      </c>
      <c r="DF32" s="97">
        <v>49</v>
      </c>
      <c r="DG32" s="99">
        <v>393</v>
      </c>
      <c r="DH32" s="100">
        <v>493</v>
      </c>
      <c r="DI32" s="101">
        <v>3</v>
      </c>
      <c r="DJ32" s="102">
        <v>2</v>
      </c>
      <c r="DK32" s="103">
        <v>5</v>
      </c>
      <c r="DL32" s="413">
        <v>0</v>
      </c>
      <c r="DM32" s="102">
        <v>2</v>
      </c>
      <c r="DN32" s="102">
        <v>3</v>
      </c>
      <c r="DO32" s="102">
        <v>2</v>
      </c>
      <c r="DP32" s="102">
        <v>3</v>
      </c>
      <c r="DQ32" s="102">
        <v>2</v>
      </c>
      <c r="DR32" s="103">
        <v>12</v>
      </c>
      <c r="DS32" s="104">
        <v>17</v>
      </c>
      <c r="DT32" s="101">
        <v>2</v>
      </c>
      <c r="DU32" s="102">
        <v>7</v>
      </c>
      <c r="DV32" s="103">
        <v>9</v>
      </c>
      <c r="DW32" s="413">
        <v>0</v>
      </c>
      <c r="DX32" s="102">
        <v>5</v>
      </c>
      <c r="DY32" s="102">
        <v>8</v>
      </c>
      <c r="DZ32" s="102">
        <v>4</v>
      </c>
      <c r="EA32" s="102">
        <v>2</v>
      </c>
      <c r="EB32" s="102">
        <v>2</v>
      </c>
      <c r="EC32" s="103">
        <v>21</v>
      </c>
      <c r="ED32" s="104">
        <v>30</v>
      </c>
      <c r="EE32" s="101">
        <v>3</v>
      </c>
      <c r="EF32" s="102">
        <v>8</v>
      </c>
      <c r="EG32" s="103">
        <v>11</v>
      </c>
      <c r="EH32" s="413">
        <v>0</v>
      </c>
      <c r="EI32" s="102">
        <v>7</v>
      </c>
      <c r="EJ32" s="102">
        <v>10</v>
      </c>
      <c r="EK32" s="102">
        <v>7</v>
      </c>
      <c r="EL32" s="102">
        <v>8</v>
      </c>
      <c r="EM32" s="102">
        <v>4</v>
      </c>
      <c r="EN32" s="103">
        <v>36</v>
      </c>
      <c r="EO32" s="104">
        <v>47</v>
      </c>
      <c r="EP32" s="101">
        <v>15</v>
      </c>
      <c r="EQ32" s="102">
        <v>15</v>
      </c>
      <c r="ER32" s="103">
        <v>30</v>
      </c>
      <c r="ES32" s="413">
        <v>0</v>
      </c>
      <c r="ET32" s="102">
        <v>24</v>
      </c>
      <c r="EU32" s="102">
        <v>15</v>
      </c>
      <c r="EV32" s="102">
        <v>26</v>
      </c>
      <c r="EW32" s="102">
        <v>14</v>
      </c>
      <c r="EX32" s="102">
        <v>9</v>
      </c>
      <c r="EY32" s="103">
        <v>88</v>
      </c>
      <c r="EZ32" s="104">
        <v>118</v>
      </c>
      <c r="FA32" s="101">
        <v>15</v>
      </c>
      <c r="FB32" s="102">
        <v>14</v>
      </c>
      <c r="FC32" s="103">
        <v>29</v>
      </c>
      <c r="FD32" s="413">
        <v>0</v>
      </c>
      <c r="FE32" s="102">
        <v>22</v>
      </c>
      <c r="FF32" s="102">
        <v>34</v>
      </c>
      <c r="FG32" s="102">
        <v>19</v>
      </c>
      <c r="FH32" s="102">
        <v>21</v>
      </c>
      <c r="FI32" s="102">
        <v>13</v>
      </c>
      <c r="FJ32" s="103">
        <v>109</v>
      </c>
      <c r="FK32" s="104">
        <v>138</v>
      </c>
      <c r="FL32" s="101">
        <v>5</v>
      </c>
      <c r="FM32" s="102">
        <v>11</v>
      </c>
      <c r="FN32" s="103">
        <v>16</v>
      </c>
      <c r="FO32" s="413">
        <v>0</v>
      </c>
      <c r="FP32" s="102">
        <v>30</v>
      </c>
      <c r="FQ32" s="102">
        <v>21</v>
      </c>
      <c r="FR32" s="102">
        <v>23</v>
      </c>
      <c r="FS32" s="102">
        <v>34</v>
      </c>
      <c r="FT32" s="102">
        <v>19</v>
      </c>
      <c r="FU32" s="103">
        <v>127</v>
      </c>
      <c r="FV32" s="104">
        <v>143</v>
      </c>
      <c r="FW32" s="101">
        <v>1</v>
      </c>
      <c r="FX32" s="102">
        <v>2</v>
      </c>
      <c r="FY32" s="103">
        <v>3</v>
      </c>
      <c r="FZ32" s="413">
        <v>0</v>
      </c>
      <c r="GA32" s="102">
        <v>0</v>
      </c>
      <c r="GB32" s="102">
        <v>1</v>
      </c>
      <c r="GC32" s="102">
        <v>3</v>
      </c>
      <c r="GD32" s="102">
        <v>2</v>
      </c>
      <c r="GE32" s="102">
        <v>1</v>
      </c>
      <c r="GF32" s="103">
        <v>7</v>
      </c>
      <c r="GG32" s="104">
        <v>10</v>
      </c>
      <c r="GH32" s="101">
        <v>44</v>
      </c>
      <c r="GI32" s="102">
        <v>59</v>
      </c>
      <c r="GJ32" s="103">
        <v>103</v>
      </c>
      <c r="GK32" s="413">
        <v>0</v>
      </c>
      <c r="GL32" s="102">
        <v>90</v>
      </c>
      <c r="GM32" s="102">
        <v>92</v>
      </c>
      <c r="GN32" s="102">
        <v>84</v>
      </c>
      <c r="GO32" s="102">
        <v>84</v>
      </c>
      <c r="GP32" s="102">
        <v>50</v>
      </c>
      <c r="GQ32" s="103">
        <v>400</v>
      </c>
      <c r="GR32" s="104">
        <v>503</v>
      </c>
      <c r="GS32" s="105">
        <v>68</v>
      </c>
      <c r="GT32" s="97">
        <v>76</v>
      </c>
      <c r="GU32" s="98">
        <v>144</v>
      </c>
      <c r="GV32" s="413">
        <v>0</v>
      </c>
      <c r="GW32" s="97">
        <v>133</v>
      </c>
      <c r="GX32" s="97">
        <v>143</v>
      </c>
      <c r="GY32" s="97">
        <v>131</v>
      </c>
      <c r="GZ32" s="97">
        <v>111</v>
      </c>
      <c r="HA32" s="97">
        <v>67</v>
      </c>
      <c r="HB32" s="99">
        <v>585</v>
      </c>
      <c r="HC32" s="100">
        <v>729</v>
      </c>
      <c r="HD32" s="101">
        <v>7</v>
      </c>
      <c r="HE32" s="102">
        <v>2</v>
      </c>
      <c r="HF32" s="103">
        <v>9</v>
      </c>
      <c r="HG32" s="416">
        <v>0</v>
      </c>
      <c r="HH32" s="102">
        <v>5</v>
      </c>
      <c r="HI32" s="102">
        <v>9</v>
      </c>
      <c r="HJ32" s="102">
        <v>4</v>
      </c>
      <c r="HK32" s="102">
        <v>4</v>
      </c>
      <c r="HL32" s="102">
        <v>4</v>
      </c>
      <c r="HM32" s="103">
        <v>26</v>
      </c>
      <c r="HN32" s="104">
        <v>35</v>
      </c>
      <c r="HO32" s="101">
        <v>4</v>
      </c>
      <c r="HP32" s="102">
        <v>12</v>
      </c>
      <c r="HQ32" s="103">
        <v>16</v>
      </c>
      <c r="HR32" s="413">
        <v>0</v>
      </c>
      <c r="HS32" s="102">
        <v>10</v>
      </c>
      <c r="HT32" s="102">
        <v>11</v>
      </c>
      <c r="HU32" s="102">
        <v>12</v>
      </c>
      <c r="HV32" s="102">
        <v>5</v>
      </c>
      <c r="HW32" s="102">
        <v>4</v>
      </c>
      <c r="HX32" s="103">
        <v>42</v>
      </c>
      <c r="HY32" s="104">
        <v>58</v>
      </c>
      <c r="HZ32" s="101">
        <v>4</v>
      </c>
      <c r="IA32" s="102">
        <v>9</v>
      </c>
      <c r="IB32" s="103">
        <v>13</v>
      </c>
      <c r="IC32" s="413">
        <v>0</v>
      </c>
      <c r="ID32" s="102">
        <v>19</v>
      </c>
      <c r="IE32" s="102">
        <v>19</v>
      </c>
      <c r="IF32" s="102">
        <v>16</v>
      </c>
      <c r="IG32" s="102">
        <v>15</v>
      </c>
      <c r="IH32" s="102">
        <v>8</v>
      </c>
      <c r="II32" s="103">
        <v>77</v>
      </c>
      <c r="IJ32" s="104">
        <v>90</v>
      </c>
      <c r="IK32" s="101">
        <v>25</v>
      </c>
      <c r="IL32" s="102">
        <v>22</v>
      </c>
      <c r="IM32" s="103">
        <v>47</v>
      </c>
      <c r="IN32" s="413">
        <v>0</v>
      </c>
      <c r="IO32" s="102">
        <v>34</v>
      </c>
      <c r="IP32" s="102">
        <v>24</v>
      </c>
      <c r="IQ32" s="102">
        <v>35</v>
      </c>
      <c r="IR32" s="102">
        <v>22</v>
      </c>
      <c r="IS32" s="102">
        <v>11</v>
      </c>
      <c r="IT32" s="103">
        <v>126</v>
      </c>
      <c r="IU32" s="104">
        <v>173</v>
      </c>
      <c r="IV32" s="101">
        <v>21</v>
      </c>
      <c r="IW32" s="102">
        <v>16</v>
      </c>
      <c r="IX32" s="103">
        <v>37</v>
      </c>
      <c r="IY32" s="413">
        <v>0</v>
      </c>
      <c r="IZ32" s="102">
        <v>31</v>
      </c>
      <c r="JA32" s="102">
        <v>42</v>
      </c>
      <c r="JB32" s="102">
        <v>34</v>
      </c>
      <c r="JC32" s="102">
        <v>25</v>
      </c>
      <c r="JD32" s="102">
        <v>15</v>
      </c>
      <c r="JE32" s="103">
        <v>147</v>
      </c>
      <c r="JF32" s="104">
        <v>184</v>
      </c>
      <c r="JG32" s="101">
        <v>7</v>
      </c>
      <c r="JH32" s="102">
        <v>15</v>
      </c>
      <c r="JI32" s="103">
        <v>22</v>
      </c>
      <c r="JJ32" s="413">
        <v>0</v>
      </c>
      <c r="JK32" s="102">
        <v>34</v>
      </c>
      <c r="JL32" s="102">
        <v>38</v>
      </c>
      <c r="JM32" s="102">
        <v>30</v>
      </c>
      <c r="JN32" s="102">
        <v>40</v>
      </c>
      <c r="JO32" s="102">
        <v>25</v>
      </c>
      <c r="JP32" s="103">
        <v>167</v>
      </c>
      <c r="JQ32" s="104">
        <v>189</v>
      </c>
      <c r="JR32" s="101">
        <v>3</v>
      </c>
      <c r="JS32" s="102">
        <v>4</v>
      </c>
      <c r="JT32" s="103">
        <v>7</v>
      </c>
      <c r="JU32" s="413">
        <v>0</v>
      </c>
      <c r="JV32" s="102">
        <v>2</v>
      </c>
      <c r="JW32" s="102">
        <v>2</v>
      </c>
      <c r="JX32" s="102">
        <v>4</v>
      </c>
      <c r="JY32" s="102">
        <v>2</v>
      </c>
      <c r="JZ32" s="102">
        <v>4</v>
      </c>
      <c r="KA32" s="103">
        <v>14</v>
      </c>
      <c r="KB32" s="104">
        <v>21</v>
      </c>
      <c r="KC32" s="101">
        <v>71</v>
      </c>
      <c r="KD32" s="102">
        <v>80</v>
      </c>
      <c r="KE32" s="103">
        <v>151</v>
      </c>
      <c r="KF32" s="413">
        <v>0</v>
      </c>
      <c r="KG32" s="102">
        <v>135</v>
      </c>
      <c r="KH32" s="102">
        <v>145</v>
      </c>
      <c r="KI32" s="102">
        <v>135</v>
      </c>
      <c r="KJ32" s="102">
        <v>113</v>
      </c>
      <c r="KK32" s="102">
        <v>71</v>
      </c>
      <c r="KL32" s="103">
        <v>599</v>
      </c>
      <c r="KM32" s="104">
        <v>750</v>
      </c>
    </row>
    <row r="33" spans="2:299" s="70" customFormat="1" ht="21" customHeight="1" x14ac:dyDescent="0.2">
      <c r="B33" s="106" t="s">
        <v>30</v>
      </c>
      <c r="C33" s="96">
        <v>31</v>
      </c>
      <c r="D33" s="97">
        <v>14</v>
      </c>
      <c r="E33" s="98">
        <v>45</v>
      </c>
      <c r="F33" s="413">
        <v>0</v>
      </c>
      <c r="G33" s="97">
        <v>38</v>
      </c>
      <c r="H33" s="97">
        <v>29</v>
      </c>
      <c r="I33" s="97">
        <v>23</v>
      </c>
      <c r="J33" s="97">
        <v>27</v>
      </c>
      <c r="K33" s="97">
        <v>13</v>
      </c>
      <c r="L33" s="99">
        <v>130</v>
      </c>
      <c r="M33" s="100">
        <v>175</v>
      </c>
      <c r="N33" s="101">
        <v>2</v>
      </c>
      <c r="O33" s="102">
        <v>2</v>
      </c>
      <c r="P33" s="103">
        <v>4</v>
      </c>
      <c r="Q33" s="413">
        <v>0</v>
      </c>
      <c r="R33" s="102">
        <v>1</v>
      </c>
      <c r="S33" s="102">
        <v>1</v>
      </c>
      <c r="T33" s="102">
        <v>0</v>
      </c>
      <c r="U33" s="102">
        <v>4</v>
      </c>
      <c r="V33" s="102">
        <v>2</v>
      </c>
      <c r="W33" s="103">
        <v>8</v>
      </c>
      <c r="X33" s="104">
        <v>12</v>
      </c>
      <c r="Y33" s="101">
        <v>7</v>
      </c>
      <c r="Z33" s="102">
        <v>3</v>
      </c>
      <c r="AA33" s="103">
        <v>10</v>
      </c>
      <c r="AB33" s="413">
        <v>0</v>
      </c>
      <c r="AC33" s="102">
        <v>4</v>
      </c>
      <c r="AD33" s="102">
        <v>5</v>
      </c>
      <c r="AE33" s="102">
        <v>3</v>
      </c>
      <c r="AF33" s="102">
        <v>2</v>
      </c>
      <c r="AG33" s="102">
        <v>1</v>
      </c>
      <c r="AH33" s="103">
        <v>15</v>
      </c>
      <c r="AI33" s="104">
        <v>25</v>
      </c>
      <c r="AJ33" s="101">
        <v>4</v>
      </c>
      <c r="AK33" s="102">
        <v>2</v>
      </c>
      <c r="AL33" s="103">
        <v>6</v>
      </c>
      <c r="AM33" s="413">
        <v>0</v>
      </c>
      <c r="AN33" s="102">
        <v>4</v>
      </c>
      <c r="AO33" s="102">
        <v>5</v>
      </c>
      <c r="AP33" s="102">
        <v>4</v>
      </c>
      <c r="AQ33" s="102">
        <v>6</v>
      </c>
      <c r="AR33" s="102">
        <v>3</v>
      </c>
      <c r="AS33" s="103">
        <v>22</v>
      </c>
      <c r="AT33" s="104">
        <v>28</v>
      </c>
      <c r="AU33" s="101">
        <v>10</v>
      </c>
      <c r="AV33" s="102">
        <v>1</v>
      </c>
      <c r="AW33" s="103">
        <v>11</v>
      </c>
      <c r="AX33" s="413">
        <v>0</v>
      </c>
      <c r="AY33" s="102">
        <v>12</v>
      </c>
      <c r="AZ33" s="102">
        <v>6</v>
      </c>
      <c r="BA33" s="102">
        <v>5</v>
      </c>
      <c r="BB33" s="102">
        <v>5</v>
      </c>
      <c r="BC33" s="102">
        <v>2</v>
      </c>
      <c r="BD33" s="103">
        <v>30</v>
      </c>
      <c r="BE33" s="104">
        <v>41</v>
      </c>
      <c r="BF33" s="101">
        <v>3</v>
      </c>
      <c r="BG33" s="102">
        <v>2</v>
      </c>
      <c r="BH33" s="103">
        <v>5</v>
      </c>
      <c r="BI33" s="413">
        <v>0</v>
      </c>
      <c r="BJ33" s="102">
        <v>10</v>
      </c>
      <c r="BK33" s="102">
        <v>6</v>
      </c>
      <c r="BL33" s="102">
        <v>5</v>
      </c>
      <c r="BM33" s="102">
        <v>4</v>
      </c>
      <c r="BN33" s="102">
        <v>1</v>
      </c>
      <c r="BO33" s="103">
        <v>26</v>
      </c>
      <c r="BP33" s="104">
        <v>31</v>
      </c>
      <c r="BQ33" s="101">
        <v>5</v>
      </c>
      <c r="BR33" s="102">
        <v>4</v>
      </c>
      <c r="BS33" s="103">
        <v>9</v>
      </c>
      <c r="BT33" s="413">
        <v>0</v>
      </c>
      <c r="BU33" s="102">
        <v>7</v>
      </c>
      <c r="BV33" s="102">
        <v>6</v>
      </c>
      <c r="BW33" s="102">
        <v>6</v>
      </c>
      <c r="BX33" s="102">
        <v>6</v>
      </c>
      <c r="BY33" s="102">
        <v>4</v>
      </c>
      <c r="BZ33" s="103">
        <v>29</v>
      </c>
      <c r="CA33" s="104">
        <v>38</v>
      </c>
      <c r="CB33" s="101">
        <v>1</v>
      </c>
      <c r="CC33" s="102">
        <v>1</v>
      </c>
      <c r="CD33" s="103">
        <v>2</v>
      </c>
      <c r="CE33" s="413">
        <v>0</v>
      </c>
      <c r="CF33" s="102">
        <v>1</v>
      </c>
      <c r="CG33" s="102">
        <v>4</v>
      </c>
      <c r="CH33" s="102">
        <v>0</v>
      </c>
      <c r="CI33" s="102">
        <v>0</v>
      </c>
      <c r="CJ33" s="102">
        <v>0</v>
      </c>
      <c r="CK33" s="103">
        <v>5</v>
      </c>
      <c r="CL33" s="104">
        <v>7</v>
      </c>
      <c r="CM33" s="101">
        <v>32</v>
      </c>
      <c r="CN33" s="102">
        <v>15</v>
      </c>
      <c r="CO33" s="103">
        <v>47</v>
      </c>
      <c r="CP33" s="413">
        <v>0</v>
      </c>
      <c r="CQ33" s="102">
        <v>39</v>
      </c>
      <c r="CR33" s="102">
        <v>33</v>
      </c>
      <c r="CS33" s="102">
        <v>23</v>
      </c>
      <c r="CT33" s="102">
        <v>27</v>
      </c>
      <c r="CU33" s="102">
        <v>13</v>
      </c>
      <c r="CV33" s="103">
        <v>135</v>
      </c>
      <c r="CW33" s="104">
        <v>182</v>
      </c>
      <c r="CX33" s="105">
        <v>40</v>
      </c>
      <c r="CY33" s="97">
        <v>29</v>
      </c>
      <c r="CZ33" s="98">
        <v>69</v>
      </c>
      <c r="DA33" s="413">
        <v>0</v>
      </c>
      <c r="DB33" s="97">
        <v>103</v>
      </c>
      <c r="DC33" s="97">
        <v>67</v>
      </c>
      <c r="DD33" s="97">
        <v>65</v>
      </c>
      <c r="DE33" s="97">
        <v>68</v>
      </c>
      <c r="DF33" s="97">
        <v>43</v>
      </c>
      <c r="DG33" s="99">
        <v>346</v>
      </c>
      <c r="DH33" s="100">
        <v>415</v>
      </c>
      <c r="DI33" s="101">
        <v>1</v>
      </c>
      <c r="DJ33" s="102">
        <v>1</v>
      </c>
      <c r="DK33" s="103">
        <v>2</v>
      </c>
      <c r="DL33" s="413">
        <v>0</v>
      </c>
      <c r="DM33" s="102">
        <v>1</v>
      </c>
      <c r="DN33" s="102">
        <v>0</v>
      </c>
      <c r="DO33" s="102">
        <v>0</v>
      </c>
      <c r="DP33" s="102">
        <v>0</v>
      </c>
      <c r="DQ33" s="102">
        <v>2</v>
      </c>
      <c r="DR33" s="103">
        <v>3</v>
      </c>
      <c r="DS33" s="104">
        <v>5</v>
      </c>
      <c r="DT33" s="101">
        <v>4</v>
      </c>
      <c r="DU33" s="102">
        <v>1</v>
      </c>
      <c r="DV33" s="103">
        <v>5</v>
      </c>
      <c r="DW33" s="413">
        <v>0</v>
      </c>
      <c r="DX33" s="102">
        <v>2</v>
      </c>
      <c r="DY33" s="102">
        <v>3</v>
      </c>
      <c r="DZ33" s="102">
        <v>1</v>
      </c>
      <c r="EA33" s="102">
        <v>3</v>
      </c>
      <c r="EB33" s="102">
        <v>3</v>
      </c>
      <c r="EC33" s="103">
        <v>12</v>
      </c>
      <c r="ED33" s="104">
        <v>17</v>
      </c>
      <c r="EE33" s="101">
        <v>9</v>
      </c>
      <c r="EF33" s="102">
        <v>3</v>
      </c>
      <c r="EG33" s="103">
        <v>12</v>
      </c>
      <c r="EH33" s="413">
        <v>0</v>
      </c>
      <c r="EI33" s="102">
        <v>7</v>
      </c>
      <c r="EJ33" s="102">
        <v>10</v>
      </c>
      <c r="EK33" s="102">
        <v>9</v>
      </c>
      <c r="EL33" s="102">
        <v>3</v>
      </c>
      <c r="EM33" s="102">
        <v>1</v>
      </c>
      <c r="EN33" s="103">
        <v>30</v>
      </c>
      <c r="EO33" s="104">
        <v>42</v>
      </c>
      <c r="EP33" s="101">
        <v>13</v>
      </c>
      <c r="EQ33" s="102">
        <v>9</v>
      </c>
      <c r="ER33" s="103">
        <v>22</v>
      </c>
      <c r="ES33" s="413">
        <v>0</v>
      </c>
      <c r="ET33" s="102">
        <v>28</v>
      </c>
      <c r="EU33" s="102">
        <v>14</v>
      </c>
      <c r="EV33" s="102">
        <v>11</v>
      </c>
      <c r="EW33" s="102">
        <v>7</v>
      </c>
      <c r="EX33" s="102">
        <v>9</v>
      </c>
      <c r="EY33" s="103">
        <v>69</v>
      </c>
      <c r="EZ33" s="104">
        <v>91</v>
      </c>
      <c r="FA33" s="101">
        <v>9</v>
      </c>
      <c r="FB33" s="102">
        <v>9</v>
      </c>
      <c r="FC33" s="103">
        <v>18</v>
      </c>
      <c r="FD33" s="413">
        <v>0</v>
      </c>
      <c r="FE33" s="102">
        <v>27</v>
      </c>
      <c r="FF33" s="102">
        <v>17</v>
      </c>
      <c r="FG33" s="102">
        <v>9</v>
      </c>
      <c r="FH33" s="102">
        <v>15</v>
      </c>
      <c r="FI33" s="102">
        <v>10</v>
      </c>
      <c r="FJ33" s="103">
        <v>78</v>
      </c>
      <c r="FK33" s="104">
        <v>96</v>
      </c>
      <c r="FL33" s="101">
        <v>4</v>
      </c>
      <c r="FM33" s="102">
        <v>6</v>
      </c>
      <c r="FN33" s="103">
        <v>10</v>
      </c>
      <c r="FO33" s="413">
        <v>0</v>
      </c>
      <c r="FP33" s="102">
        <v>38</v>
      </c>
      <c r="FQ33" s="102">
        <v>23</v>
      </c>
      <c r="FR33" s="102">
        <v>35</v>
      </c>
      <c r="FS33" s="102">
        <v>40</v>
      </c>
      <c r="FT33" s="102">
        <v>18</v>
      </c>
      <c r="FU33" s="103">
        <v>154</v>
      </c>
      <c r="FV33" s="104">
        <v>164</v>
      </c>
      <c r="FW33" s="101">
        <v>0</v>
      </c>
      <c r="FX33" s="102">
        <v>0</v>
      </c>
      <c r="FY33" s="103">
        <v>0</v>
      </c>
      <c r="FZ33" s="413">
        <v>0</v>
      </c>
      <c r="GA33" s="102">
        <v>1</v>
      </c>
      <c r="GB33" s="102">
        <v>0</v>
      </c>
      <c r="GC33" s="102">
        <v>2</v>
      </c>
      <c r="GD33" s="102">
        <v>1</v>
      </c>
      <c r="GE33" s="102">
        <v>1</v>
      </c>
      <c r="GF33" s="103">
        <v>5</v>
      </c>
      <c r="GG33" s="104">
        <v>5</v>
      </c>
      <c r="GH33" s="101">
        <v>40</v>
      </c>
      <c r="GI33" s="102">
        <v>29</v>
      </c>
      <c r="GJ33" s="103">
        <v>69</v>
      </c>
      <c r="GK33" s="413">
        <v>0</v>
      </c>
      <c r="GL33" s="102">
        <v>104</v>
      </c>
      <c r="GM33" s="102">
        <v>67</v>
      </c>
      <c r="GN33" s="102">
        <v>67</v>
      </c>
      <c r="GO33" s="102">
        <v>69</v>
      </c>
      <c r="GP33" s="102">
        <v>44</v>
      </c>
      <c r="GQ33" s="103">
        <v>351</v>
      </c>
      <c r="GR33" s="104">
        <v>420</v>
      </c>
      <c r="GS33" s="105">
        <v>71</v>
      </c>
      <c r="GT33" s="97">
        <v>43</v>
      </c>
      <c r="GU33" s="98">
        <v>114</v>
      </c>
      <c r="GV33" s="413">
        <v>0</v>
      </c>
      <c r="GW33" s="97">
        <v>141</v>
      </c>
      <c r="GX33" s="97">
        <v>96</v>
      </c>
      <c r="GY33" s="97">
        <v>88</v>
      </c>
      <c r="GZ33" s="97">
        <v>95</v>
      </c>
      <c r="HA33" s="97">
        <v>56</v>
      </c>
      <c r="HB33" s="99">
        <v>476</v>
      </c>
      <c r="HC33" s="100">
        <v>590</v>
      </c>
      <c r="HD33" s="101">
        <v>3</v>
      </c>
      <c r="HE33" s="102">
        <v>3</v>
      </c>
      <c r="HF33" s="103">
        <v>6</v>
      </c>
      <c r="HG33" s="416">
        <v>0</v>
      </c>
      <c r="HH33" s="102">
        <v>2</v>
      </c>
      <c r="HI33" s="102">
        <v>1</v>
      </c>
      <c r="HJ33" s="102">
        <v>0</v>
      </c>
      <c r="HK33" s="102">
        <v>4</v>
      </c>
      <c r="HL33" s="102">
        <v>4</v>
      </c>
      <c r="HM33" s="103">
        <v>11</v>
      </c>
      <c r="HN33" s="104">
        <v>17</v>
      </c>
      <c r="HO33" s="101">
        <v>11</v>
      </c>
      <c r="HP33" s="102">
        <v>4</v>
      </c>
      <c r="HQ33" s="103">
        <v>15</v>
      </c>
      <c r="HR33" s="413">
        <v>0</v>
      </c>
      <c r="HS33" s="102">
        <v>6</v>
      </c>
      <c r="HT33" s="102">
        <v>8</v>
      </c>
      <c r="HU33" s="102">
        <v>4</v>
      </c>
      <c r="HV33" s="102">
        <v>5</v>
      </c>
      <c r="HW33" s="102">
        <v>4</v>
      </c>
      <c r="HX33" s="103">
        <v>27</v>
      </c>
      <c r="HY33" s="104">
        <v>42</v>
      </c>
      <c r="HZ33" s="101">
        <v>13</v>
      </c>
      <c r="IA33" s="102">
        <v>5</v>
      </c>
      <c r="IB33" s="103">
        <v>18</v>
      </c>
      <c r="IC33" s="413">
        <v>0</v>
      </c>
      <c r="ID33" s="102">
        <v>11</v>
      </c>
      <c r="IE33" s="102">
        <v>15</v>
      </c>
      <c r="IF33" s="102">
        <v>13</v>
      </c>
      <c r="IG33" s="102">
        <v>9</v>
      </c>
      <c r="IH33" s="102">
        <v>4</v>
      </c>
      <c r="II33" s="103">
        <v>52</v>
      </c>
      <c r="IJ33" s="104">
        <v>70</v>
      </c>
      <c r="IK33" s="101">
        <v>23</v>
      </c>
      <c r="IL33" s="102">
        <v>10</v>
      </c>
      <c r="IM33" s="103">
        <v>33</v>
      </c>
      <c r="IN33" s="413">
        <v>0</v>
      </c>
      <c r="IO33" s="102">
        <v>40</v>
      </c>
      <c r="IP33" s="102">
        <v>20</v>
      </c>
      <c r="IQ33" s="102">
        <v>16</v>
      </c>
      <c r="IR33" s="102">
        <v>12</v>
      </c>
      <c r="IS33" s="102">
        <v>11</v>
      </c>
      <c r="IT33" s="103">
        <v>99</v>
      </c>
      <c r="IU33" s="104">
        <v>132</v>
      </c>
      <c r="IV33" s="101">
        <v>12</v>
      </c>
      <c r="IW33" s="102">
        <v>11</v>
      </c>
      <c r="IX33" s="103">
        <v>23</v>
      </c>
      <c r="IY33" s="413">
        <v>0</v>
      </c>
      <c r="IZ33" s="102">
        <v>37</v>
      </c>
      <c r="JA33" s="102">
        <v>23</v>
      </c>
      <c r="JB33" s="102">
        <v>14</v>
      </c>
      <c r="JC33" s="102">
        <v>19</v>
      </c>
      <c r="JD33" s="102">
        <v>11</v>
      </c>
      <c r="JE33" s="103">
        <v>104</v>
      </c>
      <c r="JF33" s="104">
        <v>127</v>
      </c>
      <c r="JG33" s="101">
        <v>9</v>
      </c>
      <c r="JH33" s="102">
        <v>10</v>
      </c>
      <c r="JI33" s="103">
        <v>19</v>
      </c>
      <c r="JJ33" s="413">
        <v>0</v>
      </c>
      <c r="JK33" s="102">
        <v>45</v>
      </c>
      <c r="JL33" s="102">
        <v>29</v>
      </c>
      <c r="JM33" s="102">
        <v>41</v>
      </c>
      <c r="JN33" s="102">
        <v>46</v>
      </c>
      <c r="JO33" s="102">
        <v>22</v>
      </c>
      <c r="JP33" s="103">
        <v>183</v>
      </c>
      <c r="JQ33" s="104">
        <v>202</v>
      </c>
      <c r="JR33" s="101">
        <v>1</v>
      </c>
      <c r="JS33" s="102">
        <v>1</v>
      </c>
      <c r="JT33" s="103">
        <v>2</v>
      </c>
      <c r="JU33" s="413">
        <v>0</v>
      </c>
      <c r="JV33" s="102">
        <v>2</v>
      </c>
      <c r="JW33" s="102">
        <v>4</v>
      </c>
      <c r="JX33" s="102">
        <v>2</v>
      </c>
      <c r="JY33" s="102">
        <v>1</v>
      </c>
      <c r="JZ33" s="102">
        <v>1</v>
      </c>
      <c r="KA33" s="103">
        <v>10</v>
      </c>
      <c r="KB33" s="104">
        <v>12</v>
      </c>
      <c r="KC33" s="101">
        <v>72</v>
      </c>
      <c r="KD33" s="102">
        <v>44</v>
      </c>
      <c r="KE33" s="103">
        <v>116</v>
      </c>
      <c r="KF33" s="413">
        <v>0</v>
      </c>
      <c r="KG33" s="102">
        <v>143</v>
      </c>
      <c r="KH33" s="102">
        <v>100</v>
      </c>
      <c r="KI33" s="102">
        <v>90</v>
      </c>
      <c r="KJ33" s="102">
        <v>96</v>
      </c>
      <c r="KK33" s="102">
        <v>57</v>
      </c>
      <c r="KL33" s="103">
        <v>486</v>
      </c>
      <c r="KM33" s="104">
        <v>602</v>
      </c>
    </row>
    <row r="34" spans="2:299" s="70" customFormat="1" ht="21" customHeight="1" x14ac:dyDescent="0.2">
      <c r="B34" s="106" t="s">
        <v>31</v>
      </c>
      <c r="C34" s="96">
        <v>29</v>
      </c>
      <c r="D34" s="97">
        <v>36</v>
      </c>
      <c r="E34" s="98">
        <v>65</v>
      </c>
      <c r="F34" s="413">
        <v>0</v>
      </c>
      <c r="G34" s="97">
        <v>54</v>
      </c>
      <c r="H34" s="97">
        <v>45</v>
      </c>
      <c r="I34" s="97">
        <v>45</v>
      </c>
      <c r="J34" s="97">
        <v>38</v>
      </c>
      <c r="K34" s="97">
        <v>15</v>
      </c>
      <c r="L34" s="99">
        <v>197</v>
      </c>
      <c r="M34" s="100">
        <v>262</v>
      </c>
      <c r="N34" s="101">
        <v>3</v>
      </c>
      <c r="O34" s="102">
        <v>2</v>
      </c>
      <c r="P34" s="103">
        <v>5</v>
      </c>
      <c r="Q34" s="413">
        <v>0</v>
      </c>
      <c r="R34" s="102">
        <v>0</v>
      </c>
      <c r="S34" s="102">
        <v>3</v>
      </c>
      <c r="T34" s="102">
        <v>4</v>
      </c>
      <c r="U34" s="102">
        <v>2</v>
      </c>
      <c r="V34" s="102">
        <v>1</v>
      </c>
      <c r="W34" s="103">
        <v>10</v>
      </c>
      <c r="X34" s="104">
        <v>15</v>
      </c>
      <c r="Y34" s="101">
        <v>2</v>
      </c>
      <c r="Z34" s="102">
        <v>4</v>
      </c>
      <c r="AA34" s="103">
        <v>6</v>
      </c>
      <c r="AB34" s="413">
        <v>0</v>
      </c>
      <c r="AC34" s="102">
        <v>7</v>
      </c>
      <c r="AD34" s="102">
        <v>5</v>
      </c>
      <c r="AE34" s="102">
        <v>6</v>
      </c>
      <c r="AF34" s="102">
        <v>4</v>
      </c>
      <c r="AG34" s="102">
        <v>3</v>
      </c>
      <c r="AH34" s="103">
        <v>25</v>
      </c>
      <c r="AI34" s="104">
        <v>31</v>
      </c>
      <c r="AJ34" s="101">
        <v>5</v>
      </c>
      <c r="AK34" s="102">
        <v>6</v>
      </c>
      <c r="AL34" s="103">
        <v>11</v>
      </c>
      <c r="AM34" s="413">
        <v>0</v>
      </c>
      <c r="AN34" s="102">
        <v>11</v>
      </c>
      <c r="AO34" s="102">
        <v>10</v>
      </c>
      <c r="AP34" s="102">
        <v>5</v>
      </c>
      <c r="AQ34" s="102">
        <v>7</v>
      </c>
      <c r="AR34" s="102">
        <v>6</v>
      </c>
      <c r="AS34" s="103">
        <v>39</v>
      </c>
      <c r="AT34" s="104">
        <v>50</v>
      </c>
      <c r="AU34" s="101">
        <v>6</v>
      </c>
      <c r="AV34" s="102">
        <v>8</v>
      </c>
      <c r="AW34" s="103">
        <v>14</v>
      </c>
      <c r="AX34" s="413">
        <v>0</v>
      </c>
      <c r="AY34" s="102">
        <v>14</v>
      </c>
      <c r="AZ34" s="102">
        <v>11</v>
      </c>
      <c r="BA34" s="102">
        <v>6</v>
      </c>
      <c r="BB34" s="102">
        <v>4</v>
      </c>
      <c r="BC34" s="102">
        <v>0</v>
      </c>
      <c r="BD34" s="103">
        <v>35</v>
      </c>
      <c r="BE34" s="104">
        <v>49</v>
      </c>
      <c r="BF34" s="101">
        <v>7</v>
      </c>
      <c r="BG34" s="102">
        <v>10</v>
      </c>
      <c r="BH34" s="103">
        <v>17</v>
      </c>
      <c r="BI34" s="413">
        <v>0</v>
      </c>
      <c r="BJ34" s="102">
        <v>14</v>
      </c>
      <c r="BK34" s="102">
        <v>11</v>
      </c>
      <c r="BL34" s="102">
        <v>11</v>
      </c>
      <c r="BM34" s="102">
        <v>9</v>
      </c>
      <c r="BN34" s="102">
        <v>2</v>
      </c>
      <c r="BO34" s="103">
        <v>47</v>
      </c>
      <c r="BP34" s="104">
        <v>64</v>
      </c>
      <c r="BQ34" s="101">
        <v>6</v>
      </c>
      <c r="BR34" s="102">
        <v>6</v>
      </c>
      <c r="BS34" s="103">
        <v>12</v>
      </c>
      <c r="BT34" s="413">
        <v>0</v>
      </c>
      <c r="BU34" s="102">
        <v>8</v>
      </c>
      <c r="BV34" s="102">
        <v>5</v>
      </c>
      <c r="BW34" s="102">
        <v>13</v>
      </c>
      <c r="BX34" s="102">
        <v>12</v>
      </c>
      <c r="BY34" s="102">
        <v>3</v>
      </c>
      <c r="BZ34" s="103">
        <v>41</v>
      </c>
      <c r="CA34" s="104">
        <v>53</v>
      </c>
      <c r="CB34" s="101">
        <v>0</v>
      </c>
      <c r="CC34" s="102">
        <v>3</v>
      </c>
      <c r="CD34" s="103">
        <v>3</v>
      </c>
      <c r="CE34" s="413">
        <v>0</v>
      </c>
      <c r="CF34" s="102">
        <v>1</v>
      </c>
      <c r="CG34" s="102">
        <v>0</v>
      </c>
      <c r="CH34" s="102">
        <v>1</v>
      </c>
      <c r="CI34" s="102">
        <v>1</v>
      </c>
      <c r="CJ34" s="102">
        <v>1</v>
      </c>
      <c r="CK34" s="103">
        <v>4</v>
      </c>
      <c r="CL34" s="104">
        <v>7</v>
      </c>
      <c r="CM34" s="101">
        <v>29</v>
      </c>
      <c r="CN34" s="102">
        <v>39</v>
      </c>
      <c r="CO34" s="103">
        <v>68</v>
      </c>
      <c r="CP34" s="413">
        <v>0</v>
      </c>
      <c r="CQ34" s="102">
        <v>55</v>
      </c>
      <c r="CR34" s="102">
        <v>45</v>
      </c>
      <c r="CS34" s="102">
        <v>46</v>
      </c>
      <c r="CT34" s="102">
        <v>39</v>
      </c>
      <c r="CU34" s="102">
        <v>16</v>
      </c>
      <c r="CV34" s="103">
        <v>201</v>
      </c>
      <c r="CW34" s="104">
        <v>269</v>
      </c>
      <c r="CX34" s="105">
        <v>52</v>
      </c>
      <c r="CY34" s="97">
        <v>93</v>
      </c>
      <c r="CZ34" s="98">
        <v>145</v>
      </c>
      <c r="DA34" s="413">
        <v>0</v>
      </c>
      <c r="DB34" s="97">
        <v>111</v>
      </c>
      <c r="DC34" s="97">
        <v>83</v>
      </c>
      <c r="DD34" s="97">
        <v>82</v>
      </c>
      <c r="DE34" s="97">
        <v>60</v>
      </c>
      <c r="DF34" s="97">
        <v>39</v>
      </c>
      <c r="DG34" s="99">
        <v>375</v>
      </c>
      <c r="DH34" s="100">
        <v>520</v>
      </c>
      <c r="DI34" s="101">
        <v>1</v>
      </c>
      <c r="DJ34" s="102">
        <v>0</v>
      </c>
      <c r="DK34" s="103">
        <v>1</v>
      </c>
      <c r="DL34" s="413">
        <v>0</v>
      </c>
      <c r="DM34" s="102">
        <v>1</v>
      </c>
      <c r="DN34" s="102">
        <v>3</v>
      </c>
      <c r="DO34" s="102">
        <v>2</v>
      </c>
      <c r="DP34" s="102">
        <v>1</v>
      </c>
      <c r="DQ34" s="102">
        <v>2</v>
      </c>
      <c r="DR34" s="103">
        <v>9</v>
      </c>
      <c r="DS34" s="104">
        <v>10</v>
      </c>
      <c r="DT34" s="101">
        <v>2</v>
      </c>
      <c r="DU34" s="102">
        <v>3</v>
      </c>
      <c r="DV34" s="103">
        <v>5</v>
      </c>
      <c r="DW34" s="413">
        <v>0</v>
      </c>
      <c r="DX34" s="102">
        <v>8</v>
      </c>
      <c r="DY34" s="102">
        <v>4</v>
      </c>
      <c r="DZ34" s="102">
        <v>7</v>
      </c>
      <c r="EA34" s="102">
        <v>1</v>
      </c>
      <c r="EB34" s="102">
        <v>4</v>
      </c>
      <c r="EC34" s="103">
        <v>24</v>
      </c>
      <c r="ED34" s="104">
        <v>29</v>
      </c>
      <c r="EE34" s="101">
        <v>6</v>
      </c>
      <c r="EF34" s="102">
        <v>9</v>
      </c>
      <c r="EG34" s="103">
        <v>15</v>
      </c>
      <c r="EH34" s="413">
        <v>0</v>
      </c>
      <c r="EI34" s="102">
        <v>18</v>
      </c>
      <c r="EJ34" s="102">
        <v>8</v>
      </c>
      <c r="EK34" s="102">
        <v>5</v>
      </c>
      <c r="EL34" s="102">
        <v>5</v>
      </c>
      <c r="EM34" s="102">
        <v>4</v>
      </c>
      <c r="EN34" s="103">
        <v>40</v>
      </c>
      <c r="EO34" s="104">
        <v>55</v>
      </c>
      <c r="EP34" s="101">
        <v>15</v>
      </c>
      <c r="EQ34" s="102">
        <v>33</v>
      </c>
      <c r="ER34" s="103">
        <v>48</v>
      </c>
      <c r="ES34" s="413">
        <v>0</v>
      </c>
      <c r="ET34" s="102">
        <v>17</v>
      </c>
      <c r="EU34" s="102">
        <v>14</v>
      </c>
      <c r="EV34" s="102">
        <v>14</v>
      </c>
      <c r="EW34" s="102">
        <v>5</v>
      </c>
      <c r="EX34" s="102">
        <v>3</v>
      </c>
      <c r="EY34" s="103">
        <v>53</v>
      </c>
      <c r="EZ34" s="104">
        <v>101</v>
      </c>
      <c r="FA34" s="101">
        <v>17</v>
      </c>
      <c r="FB34" s="102">
        <v>24</v>
      </c>
      <c r="FC34" s="103">
        <v>41</v>
      </c>
      <c r="FD34" s="413">
        <v>0</v>
      </c>
      <c r="FE34" s="102">
        <v>30</v>
      </c>
      <c r="FF34" s="102">
        <v>22</v>
      </c>
      <c r="FG34" s="102">
        <v>22</v>
      </c>
      <c r="FH34" s="102">
        <v>11</v>
      </c>
      <c r="FI34" s="102">
        <v>10</v>
      </c>
      <c r="FJ34" s="103">
        <v>95</v>
      </c>
      <c r="FK34" s="104">
        <v>136</v>
      </c>
      <c r="FL34" s="101">
        <v>11</v>
      </c>
      <c r="FM34" s="102">
        <v>24</v>
      </c>
      <c r="FN34" s="103">
        <v>35</v>
      </c>
      <c r="FO34" s="413">
        <v>0</v>
      </c>
      <c r="FP34" s="102">
        <v>37</v>
      </c>
      <c r="FQ34" s="102">
        <v>32</v>
      </c>
      <c r="FR34" s="102">
        <v>32</v>
      </c>
      <c r="FS34" s="102">
        <v>37</v>
      </c>
      <c r="FT34" s="102">
        <v>16</v>
      </c>
      <c r="FU34" s="103">
        <v>154</v>
      </c>
      <c r="FV34" s="104">
        <v>189</v>
      </c>
      <c r="FW34" s="101">
        <v>0</v>
      </c>
      <c r="FX34" s="102">
        <v>0</v>
      </c>
      <c r="FY34" s="103">
        <v>0</v>
      </c>
      <c r="FZ34" s="413">
        <v>0</v>
      </c>
      <c r="GA34" s="102">
        <v>1</v>
      </c>
      <c r="GB34" s="102">
        <v>0</v>
      </c>
      <c r="GC34" s="102">
        <v>0</v>
      </c>
      <c r="GD34" s="102">
        <v>1</v>
      </c>
      <c r="GE34" s="102">
        <v>2</v>
      </c>
      <c r="GF34" s="103">
        <v>4</v>
      </c>
      <c r="GG34" s="104">
        <v>4</v>
      </c>
      <c r="GH34" s="101">
        <v>52</v>
      </c>
      <c r="GI34" s="102">
        <v>93</v>
      </c>
      <c r="GJ34" s="103">
        <v>145</v>
      </c>
      <c r="GK34" s="413">
        <v>0</v>
      </c>
      <c r="GL34" s="102">
        <v>112</v>
      </c>
      <c r="GM34" s="102">
        <v>83</v>
      </c>
      <c r="GN34" s="102">
        <v>82</v>
      </c>
      <c r="GO34" s="102">
        <v>61</v>
      </c>
      <c r="GP34" s="102">
        <v>41</v>
      </c>
      <c r="GQ34" s="103">
        <v>379</v>
      </c>
      <c r="GR34" s="104">
        <v>524</v>
      </c>
      <c r="GS34" s="105">
        <v>81</v>
      </c>
      <c r="GT34" s="97">
        <v>129</v>
      </c>
      <c r="GU34" s="98">
        <v>210</v>
      </c>
      <c r="GV34" s="413">
        <v>0</v>
      </c>
      <c r="GW34" s="97">
        <v>165</v>
      </c>
      <c r="GX34" s="97">
        <v>128</v>
      </c>
      <c r="GY34" s="97">
        <v>127</v>
      </c>
      <c r="GZ34" s="97">
        <v>98</v>
      </c>
      <c r="HA34" s="97">
        <v>54</v>
      </c>
      <c r="HB34" s="99">
        <v>572</v>
      </c>
      <c r="HC34" s="100">
        <v>782</v>
      </c>
      <c r="HD34" s="101">
        <v>4</v>
      </c>
      <c r="HE34" s="102">
        <v>2</v>
      </c>
      <c r="HF34" s="103">
        <v>6</v>
      </c>
      <c r="HG34" s="416">
        <v>0</v>
      </c>
      <c r="HH34" s="102">
        <v>1</v>
      </c>
      <c r="HI34" s="102">
        <v>6</v>
      </c>
      <c r="HJ34" s="102">
        <v>6</v>
      </c>
      <c r="HK34" s="102">
        <v>3</v>
      </c>
      <c r="HL34" s="102">
        <v>3</v>
      </c>
      <c r="HM34" s="103">
        <v>19</v>
      </c>
      <c r="HN34" s="104">
        <v>25</v>
      </c>
      <c r="HO34" s="101">
        <v>4</v>
      </c>
      <c r="HP34" s="102">
        <v>7</v>
      </c>
      <c r="HQ34" s="103">
        <v>11</v>
      </c>
      <c r="HR34" s="413">
        <v>0</v>
      </c>
      <c r="HS34" s="102">
        <v>15</v>
      </c>
      <c r="HT34" s="102">
        <v>9</v>
      </c>
      <c r="HU34" s="102">
        <v>13</v>
      </c>
      <c r="HV34" s="102">
        <v>5</v>
      </c>
      <c r="HW34" s="102">
        <v>7</v>
      </c>
      <c r="HX34" s="103">
        <v>49</v>
      </c>
      <c r="HY34" s="104">
        <v>60</v>
      </c>
      <c r="HZ34" s="101">
        <v>11</v>
      </c>
      <c r="IA34" s="102">
        <v>15</v>
      </c>
      <c r="IB34" s="103">
        <v>26</v>
      </c>
      <c r="IC34" s="413">
        <v>0</v>
      </c>
      <c r="ID34" s="102">
        <v>29</v>
      </c>
      <c r="IE34" s="102">
        <v>18</v>
      </c>
      <c r="IF34" s="102">
        <v>10</v>
      </c>
      <c r="IG34" s="102">
        <v>12</v>
      </c>
      <c r="IH34" s="102">
        <v>10</v>
      </c>
      <c r="II34" s="103">
        <v>79</v>
      </c>
      <c r="IJ34" s="104">
        <v>105</v>
      </c>
      <c r="IK34" s="101">
        <v>21</v>
      </c>
      <c r="IL34" s="102">
        <v>41</v>
      </c>
      <c r="IM34" s="103">
        <v>62</v>
      </c>
      <c r="IN34" s="413">
        <v>0</v>
      </c>
      <c r="IO34" s="102">
        <v>31</v>
      </c>
      <c r="IP34" s="102">
        <v>25</v>
      </c>
      <c r="IQ34" s="102">
        <v>20</v>
      </c>
      <c r="IR34" s="102">
        <v>9</v>
      </c>
      <c r="IS34" s="102">
        <v>3</v>
      </c>
      <c r="IT34" s="103">
        <v>88</v>
      </c>
      <c r="IU34" s="104">
        <v>150</v>
      </c>
      <c r="IV34" s="101">
        <v>24</v>
      </c>
      <c r="IW34" s="102">
        <v>34</v>
      </c>
      <c r="IX34" s="103">
        <v>58</v>
      </c>
      <c r="IY34" s="413">
        <v>0</v>
      </c>
      <c r="IZ34" s="102">
        <v>44</v>
      </c>
      <c r="JA34" s="102">
        <v>33</v>
      </c>
      <c r="JB34" s="102">
        <v>33</v>
      </c>
      <c r="JC34" s="102">
        <v>20</v>
      </c>
      <c r="JD34" s="102">
        <v>12</v>
      </c>
      <c r="JE34" s="103">
        <v>142</v>
      </c>
      <c r="JF34" s="104">
        <v>200</v>
      </c>
      <c r="JG34" s="101">
        <v>17</v>
      </c>
      <c r="JH34" s="102">
        <v>30</v>
      </c>
      <c r="JI34" s="103">
        <v>47</v>
      </c>
      <c r="JJ34" s="413">
        <v>0</v>
      </c>
      <c r="JK34" s="102">
        <v>45</v>
      </c>
      <c r="JL34" s="102">
        <v>37</v>
      </c>
      <c r="JM34" s="102">
        <v>45</v>
      </c>
      <c r="JN34" s="102">
        <v>49</v>
      </c>
      <c r="JO34" s="102">
        <v>19</v>
      </c>
      <c r="JP34" s="103">
        <v>195</v>
      </c>
      <c r="JQ34" s="104">
        <v>242</v>
      </c>
      <c r="JR34" s="101">
        <v>0</v>
      </c>
      <c r="JS34" s="102">
        <v>3</v>
      </c>
      <c r="JT34" s="103">
        <v>3</v>
      </c>
      <c r="JU34" s="413">
        <v>0</v>
      </c>
      <c r="JV34" s="102">
        <v>2</v>
      </c>
      <c r="JW34" s="102">
        <v>0</v>
      </c>
      <c r="JX34" s="102">
        <v>1</v>
      </c>
      <c r="JY34" s="102">
        <v>2</v>
      </c>
      <c r="JZ34" s="102">
        <v>3</v>
      </c>
      <c r="KA34" s="103">
        <v>8</v>
      </c>
      <c r="KB34" s="104">
        <v>11</v>
      </c>
      <c r="KC34" s="101">
        <v>81</v>
      </c>
      <c r="KD34" s="102">
        <v>132</v>
      </c>
      <c r="KE34" s="103">
        <v>213</v>
      </c>
      <c r="KF34" s="413">
        <v>0</v>
      </c>
      <c r="KG34" s="102">
        <v>167</v>
      </c>
      <c r="KH34" s="102">
        <v>128</v>
      </c>
      <c r="KI34" s="102">
        <v>128</v>
      </c>
      <c r="KJ34" s="102">
        <v>100</v>
      </c>
      <c r="KK34" s="102">
        <v>57</v>
      </c>
      <c r="KL34" s="103">
        <v>580</v>
      </c>
      <c r="KM34" s="104">
        <v>793</v>
      </c>
    </row>
    <row r="35" spans="2:299" s="70" customFormat="1" ht="21" customHeight="1" x14ac:dyDescent="0.2">
      <c r="B35" s="106" t="s">
        <v>32</v>
      </c>
      <c r="C35" s="96">
        <v>35</v>
      </c>
      <c r="D35" s="97">
        <v>34</v>
      </c>
      <c r="E35" s="98">
        <v>69</v>
      </c>
      <c r="F35" s="413">
        <v>0</v>
      </c>
      <c r="G35" s="97">
        <v>77</v>
      </c>
      <c r="H35" s="97">
        <v>55</v>
      </c>
      <c r="I35" s="97">
        <v>29</v>
      </c>
      <c r="J35" s="97">
        <v>40</v>
      </c>
      <c r="K35" s="97">
        <v>26</v>
      </c>
      <c r="L35" s="99">
        <v>227</v>
      </c>
      <c r="M35" s="100">
        <v>296</v>
      </c>
      <c r="N35" s="101">
        <v>5</v>
      </c>
      <c r="O35" s="102">
        <v>1</v>
      </c>
      <c r="P35" s="103">
        <v>6</v>
      </c>
      <c r="Q35" s="413">
        <v>0</v>
      </c>
      <c r="R35" s="102">
        <v>3</v>
      </c>
      <c r="S35" s="102">
        <v>4</v>
      </c>
      <c r="T35" s="102">
        <v>3</v>
      </c>
      <c r="U35" s="102">
        <v>1</v>
      </c>
      <c r="V35" s="102">
        <v>0</v>
      </c>
      <c r="W35" s="103">
        <v>11</v>
      </c>
      <c r="X35" s="104">
        <v>17</v>
      </c>
      <c r="Y35" s="101">
        <v>5</v>
      </c>
      <c r="Z35" s="102">
        <v>1</v>
      </c>
      <c r="AA35" s="103">
        <v>6</v>
      </c>
      <c r="AB35" s="413">
        <v>0</v>
      </c>
      <c r="AC35" s="102">
        <v>7</v>
      </c>
      <c r="AD35" s="102">
        <v>2</v>
      </c>
      <c r="AE35" s="102">
        <v>2</v>
      </c>
      <c r="AF35" s="102">
        <v>7</v>
      </c>
      <c r="AG35" s="102">
        <v>2</v>
      </c>
      <c r="AH35" s="103">
        <v>20</v>
      </c>
      <c r="AI35" s="104">
        <v>26</v>
      </c>
      <c r="AJ35" s="101">
        <v>3</v>
      </c>
      <c r="AK35" s="102">
        <v>2</v>
      </c>
      <c r="AL35" s="103">
        <v>5</v>
      </c>
      <c r="AM35" s="413">
        <v>0</v>
      </c>
      <c r="AN35" s="102">
        <v>14</v>
      </c>
      <c r="AO35" s="102">
        <v>9</v>
      </c>
      <c r="AP35" s="102">
        <v>4</v>
      </c>
      <c r="AQ35" s="102">
        <v>3</v>
      </c>
      <c r="AR35" s="102">
        <v>5</v>
      </c>
      <c r="AS35" s="103">
        <v>35</v>
      </c>
      <c r="AT35" s="104">
        <v>40</v>
      </c>
      <c r="AU35" s="101">
        <v>11</v>
      </c>
      <c r="AV35" s="102">
        <v>14</v>
      </c>
      <c r="AW35" s="103">
        <v>25</v>
      </c>
      <c r="AX35" s="413">
        <v>0</v>
      </c>
      <c r="AY35" s="102">
        <v>20</v>
      </c>
      <c r="AZ35" s="102">
        <v>15</v>
      </c>
      <c r="BA35" s="102">
        <v>7</v>
      </c>
      <c r="BB35" s="102">
        <v>8</v>
      </c>
      <c r="BC35" s="102">
        <v>8</v>
      </c>
      <c r="BD35" s="103">
        <v>58</v>
      </c>
      <c r="BE35" s="104">
        <v>83</v>
      </c>
      <c r="BF35" s="101">
        <v>2</v>
      </c>
      <c r="BG35" s="102">
        <v>11</v>
      </c>
      <c r="BH35" s="103">
        <v>13</v>
      </c>
      <c r="BI35" s="413">
        <v>0</v>
      </c>
      <c r="BJ35" s="102">
        <v>19</v>
      </c>
      <c r="BK35" s="102">
        <v>12</v>
      </c>
      <c r="BL35" s="102">
        <v>11</v>
      </c>
      <c r="BM35" s="102">
        <v>13</v>
      </c>
      <c r="BN35" s="102">
        <v>5</v>
      </c>
      <c r="BO35" s="103">
        <v>60</v>
      </c>
      <c r="BP35" s="104">
        <v>73</v>
      </c>
      <c r="BQ35" s="101">
        <v>9</v>
      </c>
      <c r="BR35" s="102">
        <v>5</v>
      </c>
      <c r="BS35" s="103">
        <v>14</v>
      </c>
      <c r="BT35" s="413">
        <v>0</v>
      </c>
      <c r="BU35" s="102">
        <v>14</v>
      </c>
      <c r="BV35" s="102">
        <v>13</v>
      </c>
      <c r="BW35" s="102">
        <v>2</v>
      </c>
      <c r="BX35" s="102">
        <v>8</v>
      </c>
      <c r="BY35" s="102">
        <v>6</v>
      </c>
      <c r="BZ35" s="103">
        <v>43</v>
      </c>
      <c r="CA35" s="104">
        <v>57</v>
      </c>
      <c r="CB35" s="101">
        <v>0</v>
      </c>
      <c r="CC35" s="102">
        <v>2</v>
      </c>
      <c r="CD35" s="103">
        <v>2</v>
      </c>
      <c r="CE35" s="413">
        <v>0</v>
      </c>
      <c r="CF35" s="102">
        <v>4</v>
      </c>
      <c r="CG35" s="102">
        <v>2</v>
      </c>
      <c r="CH35" s="102">
        <v>2</v>
      </c>
      <c r="CI35" s="102">
        <v>1</v>
      </c>
      <c r="CJ35" s="102">
        <v>4</v>
      </c>
      <c r="CK35" s="103">
        <v>13</v>
      </c>
      <c r="CL35" s="104">
        <v>15</v>
      </c>
      <c r="CM35" s="101">
        <v>35</v>
      </c>
      <c r="CN35" s="102">
        <v>36</v>
      </c>
      <c r="CO35" s="103">
        <v>71</v>
      </c>
      <c r="CP35" s="413">
        <v>0</v>
      </c>
      <c r="CQ35" s="102">
        <v>81</v>
      </c>
      <c r="CR35" s="102">
        <v>57</v>
      </c>
      <c r="CS35" s="102">
        <v>31</v>
      </c>
      <c r="CT35" s="102">
        <v>41</v>
      </c>
      <c r="CU35" s="102">
        <v>30</v>
      </c>
      <c r="CV35" s="103">
        <v>240</v>
      </c>
      <c r="CW35" s="104">
        <v>311</v>
      </c>
      <c r="CX35" s="105">
        <v>52</v>
      </c>
      <c r="CY35" s="97">
        <v>82</v>
      </c>
      <c r="CZ35" s="98">
        <v>134</v>
      </c>
      <c r="DA35" s="413">
        <v>0</v>
      </c>
      <c r="DB35" s="97">
        <v>140</v>
      </c>
      <c r="DC35" s="97">
        <v>91</v>
      </c>
      <c r="DD35" s="97">
        <v>73</v>
      </c>
      <c r="DE35" s="97">
        <v>91</v>
      </c>
      <c r="DF35" s="97">
        <v>46</v>
      </c>
      <c r="DG35" s="99">
        <v>441</v>
      </c>
      <c r="DH35" s="100">
        <v>575</v>
      </c>
      <c r="DI35" s="101">
        <v>1</v>
      </c>
      <c r="DJ35" s="102">
        <v>2</v>
      </c>
      <c r="DK35" s="103">
        <v>3</v>
      </c>
      <c r="DL35" s="413">
        <v>0</v>
      </c>
      <c r="DM35" s="102">
        <v>1</v>
      </c>
      <c r="DN35" s="102">
        <v>3</v>
      </c>
      <c r="DO35" s="102">
        <v>0</v>
      </c>
      <c r="DP35" s="102">
        <v>0</v>
      </c>
      <c r="DQ35" s="102">
        <v>1</v>
      </c>
      <c r="DR35" s="103">
        <v>5</v>
      </c>
      <c r="DS35" s="104">
        <v>8</v>
      </c>
      <c r="DT35" s="101">
        <v>6</v>
      </c>
      <c r="DU35" s="102">
        <v>2</v>
      </c>
      <c r="DV35" s="103">
        <v>8</v>
      </c>
      <c r="DW35" s="413">
        <v>0</v>
      </c>
      <c r="DX35" s="102">
        <v>5</v>
      </c>
      <c r="DY35" s="102">
        <v>5</v>
      </c>
      <c r="DZ35" s="102">
        <v>2</v>
      </c>
      <c r="EA35" s="102">
        <v>4</v>
      </c>
      <c r="EB35" s="102">
        <v>2</v>
      </c>
      <c r="EC35" s="103">
        <v>18</v>
      </c>
      <c r="ED35" s="104">
        <v>26</v>
      </c>
      <c r="EE35" s="101">
        <v>6</v>
      </c>
      <c r="EF35" s="102">
        <v>10</v>
      </c>
      <c r="EG35" s="103">
        <v>16</v>
      </c>
      <c r="EH35" s="413">
        <v>0</v>
      </c>
      <c r="EI35" s="102">
        <v>23</v>
      </c>
      <c r="EJ35" s="102">
        <v>4</v>
      </c>
      <c r="EK35" s="102">
        <v>10</v>
      </c>
      <c r="EL35" s="102">
        <v>3</v>
      </c>
      <c r="EM35" s="102">
        <v>4</v>
      </c>
      <c r="EN35" s="103">
        <v>44</v>
      </c>
      <c r="EO35" s="104">
        <v>60</v>
      </c>
      <c r="EP35" s="101">
        <v>21</v>
      </c>
      <c r="EQ35" s="102">
        <v>20</v>
      </c>
      <c r="ER35" s="103">
        <v>41</v>
      </c>
      <c r="ES35" s="413">
        <v>0</v>
      </c>
      <c r="ET35" s="102">
        <v>32</v>
      </c>
      <c r="EU35" s="102">
        <v>23</v>
      </c>
      <c r="EV35" s="102">
        <v>15</v>
      </c>
      <c r="EW35" s="102">
        <v>19</v>
      </c>
      <c r="EX35" s="102">
        <v>9</v>
      </c>
      <c r="EY35" s="103">
        <v>98</v>
      </c>
      <c r="EZ35" s="104">
        <v>139</v>
      </c>
      <c r="FA35" s="101">
        <v>10</v>
      </c>
      <c r="FB35" s="102">
        <v>24</v>
      </c>
      <c r="FC35" s="103">
        <v>34</v>
      </c>
      <c r="FD35" s="413">
        <v>0</v>
      </c>
      <c r="FE35" s="102">
        <v>40</v>
      </c>
      <c r="FF35" s="102">
        <v>23</v>
      </c>
      <c r="FG35" s="102">
        <v>20</v>
      </c>
      <c r="FH35" s="102">
        <v>21</v>
      </c>
      <c r="FI35" s="102">
        <v>12</v>
      </c>
      <c r="FJ35" s="103">
        <v>116</v>
      </c>
      <c r="FK35" s="104">
        <v>150</v>
      </c>
      <c r="FL35" s="101">
        <v>8</v>
      </c>
      <c r="FM35" s="102">
        <v>24</v>
      </c>
      <c r="FN35" s="103">
        <v>32</v>
      </c>
      <c r="FO35" s="413">
        <v>0</v>
      </c>
      <c r="FP35" s="102">
        <v>39</v>
      </c>
      <c r="FQ35" s="102">
        <v>33</v>
      </c>
      <c r="FR35" s="102">
        <v>26</v>
      </c>
      <c r="FS35" s="102">
        <v>44</v>
      </c>
      <c r="FT35" s="102">
        <v>18</v>
      </c>
      <c r="FU35" s="103">
        <v>160</v>
      </c>
      <c r="FV35" s="104">
        <v>192</v>
      </c>
      <c r="FW35" s="101">
        <v>1</v>
      </c>
      <c r="FX35" s="102">
        <v>2</v>
      </c>
      <c r="FY35" s="103">
        <v>3</v>
      </c>
      <c r="FZ35" s="413">
        <v>0</v>
      </c>
      <c r="GA35" s="102">
        <v>2</v>
      </c>
      <c r="GB35" s="102">
        <v>3</v>
      </c>
      <c r="GC35" s="102">
        <v>0</v>
      </c>
      <c r="GD35" s="102">
        <v>0</v>
      </c>
      <c r="GE35" s="102">
        <v>0</v>
      </c>
      <c r="GF35" s="103">
        <v>5</v>
      </c>
      <c r="GG35" s="104">
        <v>8</v>
      </c>
      <c r="GH35" s="101">
        <v>53</v>
      </c>
      <c r="GI35" s="102">
        <v>84</v>
      </c>
      <c r="GJ35" s="103">
        <v>137</v>
      </c>
      <c r="GK35" s="413">
        <v>0</v>
      </c>
      <c r="GL35" s="102">
        <v>142</v>
      </c>
      <c r="GM35" s="102">
        <v>94</v>
      </c>
      <c r="GN35" s="102">
        <v>73</v>
      </c>
      <c r="GO35" s="102">
        <v>91</v>
      </c>
      <c r="GP35" s="102">
        <v>46</v>
      </c>
      <c r="GQ35" s="103">
        <v>446</v>
      </c>
      <c r="GR35" s="104">
        <v>583</v>
      </c>
      <c r="GS35" s="105">
        <v>87</v>
      </c>
      <c r="GT35" s="97">
        <v>116</v>
      </c>
      <c r="GU35" s="98">
        <v>203</v>
      </c>
      <c r="GV35" s="413">
        <v>0</v>
      </c>
      <c r="GW35" s="97">
        <v>217</v>
      </c>
      <c r="GX35" s="97">
        <v>146</v>
      </c>
      <c r="GY35" s="97">
        <v>102</v>
      </c>
      <c r="GZ35" s="97">
        <v>131</v>
      </c>
      <c r="HA35" s="97">
        <v>72</v>
      </c>
      <c r="HB35" s="99">
        <v>668</v>
      </c>
      <c r="HC35" s="100">
        <v>871</v>
      </c>
      <c r="HD35" s="101">
        <v>6</v>
      </c>
      <c r="HE35" s="102">
        <v>3</v>
      </c>
      <c r="HF35" s="103">
        <v>9</v>
      </c>
      <c r="HG35" s="416">
        <v>0</v>
      </c>
      <c r="HH35" s="102">
        <v>4</v>
      </c>
      <c r="HI35" s="102">
        <v>7</v>
      </c>
      <c r="HJ35" s="102">
        <v>3</v>
      </c>
      <c r="HK35" s="102">
        <v>1</v>
      </c>
      <c r="HL35" s="102">
        <v>1</v>
      </c>
      <c r="HM35" s="103">
        <v>16</v>
      </c>
      <c r="HN35" s="104">
        <v>25</v>
      </c>
      <c r="HO35" s="101">
        <v>11</v>
      </c>
      <c r="HP35" s="102">
        <v>3</v>
      </c>
      <c r="HQ35" s="103">
        <v>14</v>
      </c>
      <c r="HR35" s="413">
        <v>0</v>
      </c>
      <c r="HS35" s="102">
        <v>12</v>
      </c>
      <c r="HT35" s="102">
        <v>7</v>
      </c>
      <c r="HU35" s="102">
        <v>4</v>
      </c>
      <c r="HV35" s="102">
        <v>11</v>
      </c>
      <c r="HW35" s="102">
        <v>4</v>
      </c>
      <c r="HX35" s="103">
        <v>38</v>
      </c>
      <c r="HY35" s="104">
        <v>52</v>
      </c>
      <c r="HZ35" s="101">
        <v>9</v>
      </c>
      <c r="IA35" s="102">
        <v>12</v>
      </c>
      <c r="IB35" s="103">
        <v>21</v>
      </c>
      <c r="IC35" s="413">
        <v>0</v>
      </c>
      <c r="ID35" s="102">
        <v>37</v>
      </c>
      <c r="IE35" s="102">
        <v>13</v>
      </c>
      <c r="IF35" s="102">
        <v>14</v>
      </c>
      <c r="IG35" s="102">
        <v>6</v>
      </c>
      <c r="IH35" s="102">
        <v>9</v>
      </c>
      <c r="II35" s="103">
        <v>79</v>
      </c>
      <c r="IJ35" s="104">
        <v>100</v>
      </c>
      <c r="IK35" s="101">
        <v>32</v>
      </c>
      <c r="IL35" s="102">
        <v>34</v>
      </c>
      <c r="IM35" s="103">
        <v>66</v>
      </c>
      <c r="IN35" s="413">
        <v>0</v>
      </c>
      <c r="IO35" s="102">
        <v>52</v>
      </c>
      <c r="IP35" s="102">
        <v>38</v>
      </c>
      <c r="IQ35" s="102">
        <v>22</v>
      </c>
      <c r="IR35" s="102">
        <v>27</v>
      </c>
      <c r="IS35" s="102">
        <v>17</v>
      </c>
      <c r="IT35" s="103">
        <v>156</v>
      </c>
      <c r="IU35" s="104">
        <v>222</v>
      </c>
      <c r="IV35" s="101">
        <v>12</v>
      </c>
      <c r="IW35" s="102">
        <v>35</v>
      </c>
      <c r="IX35" s="103">
        <v>47</v>
      </c>
      <c r="IY35" s="413">
        <v>0</v>
      </c>
      <c r="IZ35" s="102">
        <v>59</v>
      </c>
      <c r="JA35" s="102">
        <v>35</v>
      </c>
      <c r="JB35" s="102">
        <v>31</v>
      </c>
      <c r="JC35" s="102">
        <v>34</v>
      </c>
      <c r="JD35" s="102">
        <v>17</v>
      </c>
      <c r="JE35" s="103">
        <v>176</v>
      </c>
      <c r="JF35" s="104">
        <v>223</v>
      </c>
      <c r="JG35" s="101">
        <v>17</v>
      </c>
      <c r="JH35" s="102">
        <v>29</v>
      </c>
      <c r="JI35" s="103">
        <v>46</v>
      </c>
      <c r="JJ35" s="413">
        <v>0</v>
      </c>
      <c r="JK35" s="102">
        <v>53</v>
      </c>
      <c r="JL35" s="102">
        <v>46</v>
      </c>
      <c r="JM35" s="102">
        <v>28</v>
      </c>
      <c r="JN35" s="102">
        <v>52</v>
      </c>
      <c r="JO35" s="102">
        <v>24</v>
      </c>
      <c r="JP35" s="103">
        <v>203</v>
      </c>
      <c r="JQ35" s="104">
        <v>249</v>
      </c>
      <c r="JR35" s="101">
        <v>1</v>
      </c>
      <c r="JS35" s="102">
        <v>4</v>
      </c>
      <c r="JT35" s="103">
        <v>5</v>
      </c>
      <c r="JU35" s="413">
        <v>0</v>
      </c>
      <c r="JV35" s="102">
        <v>6</v>
      </c>
      <c r="JW35" s="102">
        <v>5</v>
      </c>
      <c r="JX35" s="102">
        <v>2</v>
      </c>
      <c r="JY35" s="102">
        <v>1</v>
      </c>
      <c r="JZ35" s="102">
        <v>4</v>
      </c>
      <c r="KA35" s="103">
        <v>18</v>
      </c>
      <c r="KB35" s="104">
        <v>23</v>
      </c>
      <c r="KC35" s="101">
        <v>88</v>
      </c>
      <c r="KD35" s="102">
        <v>120</v>
      </c>
      <c r="KE35" s="103">
        <v>208</v>
      </c>
      <c r="KF35" s="413">
        <v>0</v>
      </c>
      <c r="KG35" s="102">
        <v>223</v>
      </c>
      <c r="KH35" s="102">
        <v>151</v>
      </c>
      <c r="KI35" s="102">
        <v>104</v>
      </c>
      <c r="KJ35" s="102">
        <v>132</v>
      </c>
      <c r="KK35" s="102">
        <v>76</v>
      </c>
      <c r="KL35" s="103">
        <v>686</v>
      </c>
      <c r="KM35" s="104">
        <v>894</v>
      </c>
    </row>
    <row r="36" spans="2:299" s="70" customFormat="1" ht="21" customHeight="1" x14ac:dyDescent="0.2">
      <c r="B36" s="106" t="s">
        <v>33</v>
      </c>
      <c r="C36" s="96">
        <v>28</v>
      </c>
      <c r="D36" s="97">
        <v>31</v>
      </c>
      <c r="E36" s="98">
        <v>59</v>
      </c>
      <c r="F36" s="413">
        <v>0</v>
      </c>
      <c r="G36" s="97">
        <v>74</v>
      </c>
      <c r="H36" s="97">
        <v>42</v>
      </c>
      <c r="I36" s="97">
        <v>48</v>
      </c>
      <c r="J36" s="97">
        <v>25</v>
      </c>
      <c r="K36" s="97">
        <v>16</v>
      </c>
      <c r="L36" s="99">
        <v>205</v>
      </c>
      <c r="M36" s="100">
        <v>264</v>
      </c>
      <c r="N36" s="101">
        <v>1</v>
      </c>
      <c r="O36" s="102">
        <v>0</v>
      </c>
      <c r="P36" s="103">
        <v>1</v>
      </c>
      <c r="Q36" s="413">
        <v>0</v>
      </c>
      <c r="R36" s="102">
        <v>6</v>
      </c>
      <c r="S36" s="102">
        <v>2</v>
      </c>
      <c r="T36" s="102">
        <v>2</v>
      </c>
      <c r="U36" s="102">
        <v>1</v>
      </c>
      <c r="V36" s="102">
        <v>0</v>
      </c>
      <c r="W36" s="103">
        <v>11</v>
      </c>
      <c r="X36" s="104">
        <v>12</v>
      </c>
      <c r="Y36" s="101">
        <v>1</v>
      </c>
      <c r="Z36" s="102">
        <v>2</v>
      </c>
      <c r="AA36" s="103">
        <v>3</v>
      </c>
      <c r="AB36" s="413">
        <v>0</v>
      </c>
      <c r="AC36" s="102">
        <v>9</v>
      </c>
      <c r="AD36" s="102">
        <v>5</v>
      </c>
      <c r="AE36" s="102">
        <v>9</v>
      </c>
      <c r="AF36" s="102">
        <v>5</v>
      </c>
      <c r="AG36" s="102">
        <v>2</v>
      </c>
      <c r="AH36" s="103">
        <v>30</v>
      </c>
      <c r="AI36" s="104">
        <v>33</v>
      </c>
      <c r="AJ36" s="101">
        <v>7</v>
      </c>
      <c r="AK36" s="102">
        <v>5</v>
      </c>
      <c r="AL36" s="103">
        <v>12</v>
      </c>
      <c r="AM36" s="413">
        <v>0</v>
      </c>
      <c r="AN36" s="102">
        <v>7</v>
      </c>
      <c r="AO36" s="102">
        <v>10</v>
      </c>
      <c r="AP36" s="102">
        <v>12</v>
      </c>
      <c r="AQ36" s="102">
        <v>5</v>
      </c>
      <c r="AR36" s="102">
        <v>3</v>
      </c>
      <c r="AS36" s="103">
        <v>37</v>
      </c>
      <c r="AT36" s="104">
        <v>49</v>
      </c>
      <c r="AU36" s="101">
        <v>12</v>
      </c>
      <c r="AV36" s="102">
        <v>10</v>
      </c>
      <c r="AW36" s="103">
        <v>22</v>
      </c>
      <c r="AX36" s="413">
        <v>0</v>
      </c>
      <c r="AY36" s="102">
        <v>21</v>
      </c>
      <c r="AZ36" s="102">
        <v>10</v>
      </c>
      <c r="BA36" s="102">
        <v>11</v>
      </c>
      <c r="BB36" s="102">
        <v>5</v>
      </c>
      <c r="BC36" s="102">
        <v>3</v>
      </c>
      <c r="BD36" s="103">
        <v>50</v>
      </c>
      <c r="BE36" s="104">
        <v>72</v>
      </c>
      <c r="BF36" s="101">
        <v>4</v>
      </c>
      <c r="BG36" s="102">
        <v>9</v>
      </c>
      <c r="BH36" s="103">
        <v>13</v>
      </c>
      <c r="BI36" s="413">
        <v>0</v>
      </c>
      <c r="BJ36" s="102">
        <v>19</v>
      </c>
      <c r="BK36" s="102">
        <v>8</v>
      </c>
      <c r="BL36" s="102">
        <v>7</v>
      </c>
      <c r="BM36" s="102">
        <v>5</v>
      </c>
      <c r="BN36" s="102">
        <v>4</v>
      </c>
      <c r="BO36" s="103">
        <v>43</v>
      </c>
      <c r="BP36" s="104">
        <v>56</v>
      </c>
      <c r="BQ36" s="101">
        <v>3</v>
      </c>
      <c r="BR36" s="102">
        <v>5</v>
      </c>
      <c r="BS36" s="103">
        <v>8</v>
      </c>
      <c r="BT36" s="413">
        <v>0</v>
      </c>
      <c r="BU36" s="102">
        <v>12</v>
      </c>
      <c r="BV36" s="102">
        <v>7</v>
      </c>
      <c r="BW36" s="102">
        <v>7</v>
      </c>
      <c r="BX36" s="102">
        <v>4</v>
      </c>
      <c r="BY36" s="102">
        <v>4</v>
      </c>
      <c r="BZ36" s="103">
        <v>34</v>
      </c>
      <c r="CA36" s="104">
        <v>42</v>
      </c>
      <c r="CB36" s="101">
        <v>0</v>
      </c>
      <c r="CC36" s="102">
        <v>1</v>
      </c>
      <c r="CD36" s="103">
        <v>1</v>
      </c>
      <c r="CE36" s="413">
        <v>0</v>
      </c>
      <c r="CF36" s="102">
        <v>0</v>
      </c>
      <c r="CG36" s="102">
        <v>1</v>
      </c>
      <c r="CH36" s="102">
        <v>0</v>
      </c>
      <c r="CI36" s="102">
        <v>0</v>
      </c>
      <c r="CJ36" s="102">
        <v>0</v>
      </c>
      <c r="CK36" s="103">
        <v>1</v>
      </c>
      <c r="CL36" s="104">
        <v>2</v>
      </c>
      <c r="CM36" s="101">
        <v>28</v>
      </c>
      <c r="CN36" s="102">
        <v>32</v>
      </c>
      <c r="CO36" s="103">
        <v>60</v>
      </c>
      <c r="CP36" s="413">
        <v>0</v>
      </c>
      <c r="CQ36" s="102">
        <v>74</v>
      </c>
      <c r="CR36" s="102">
        <v>43</v>
      </c>
      <c r="CS36" s="102">
        <v>48</v>
      </c>
      <c r="CT36" s="102">
        <v>25</v>
      </c>
      <c r="CU36" s="102">
        <v>16</v>
      </c>
      <c r="CV36" s="103">
        <v>206</v>
      </c>
      <c r="CW36" s="104">
        <v>266</v>
      </c>
      <c r="CX36" s="105">
        <v>44</v>
      </c>
      <c r="CY36" s="97">
        <v>60</v>
      </c>
      <c r="CZ36" s="98">
        <v>104</v>
      </c>
      <c r="DA36" s="413">
        <v>0</v>
      </c>
      <c r="DB36" s="97">
        <v>144</v>
      </c>
      <c r="DC36" s="97">
        <v>84</v>
      </c>
      <c r="DD36" s="97">
        <v>82</v>
      </c>
      <c r="DE36" s="97">
        <v>72</v>
      </c>
      <c r="DF36" s="97">
        <v>53</v>
      </c>
      <c r="DG36" s="99">
        <v>435</v>
      </c>
      <c r="DH36" s="100">
        <v>539</v>
      </c>
      <c r="DI36" s="101">
        <v>0</v>
      </c>
      <c r="DJ36" s="102">
        <v>2</v>
      </c>
      <c r="DK36" s="103">
        <v>2</v>
      </c>
      <c r="DL36" s="413">
        <v>0</v>
      </c>
      <c r="DM36" s="102">
        <v>3</v>
      </c>
      <c r="DN36" s="102">
        <v>0</v>
      </c>
      <c r="DO36" s="102">
        <v>1</v>
      </c>
      <c r="DP36" s="102">
        <v>2</v>
      </c>
      <c r="DQ36" s="102">
        <v>1</v>
      </c>
      <c r="DR36" s="103">
        <v>7</v>
      </c>
      <c r="DS36" s="104">
        <v>9</v>
      </c>
      <c r="DT36" s="101">
        <v>4</v>
      </c>
      <c r="DU36" s="102">
        <v>3</v>
      </c>
      <c r="DV36" s="103">
        <v>7</v>
      </c>
      <c r="DW36" s="413">
        <v>0</v>
      </c>
      <c r="DX36" s="102">
        <v>2</v>
      </c>
      <c r="DY36" s="102">
        <v>4</v>
      </c>
      <c r="DZ36" s="102">
        <v>1</v>
      </c>
      <c r="EA36" s="102">
        <v>3</v>
      </c>
      <c r="EB36" s="102">
        <v>0</v>
      </c>
      <c r="EC36" s="103">
        <v>10</v>
      </c>
      <c r="ED36" s="104">
        <v>17</v>
      </c>
      <c r="EE36" s="101">
        <v>6</v>
      </c>
      <c r="EF36" s="102">
        <v>12</v>
      </c>
      <c r="EG36" s="103">
        <v>18</v>
      </c>
      <c r="EH36" s="413">
        <v>0</v>
      </c>
      <c r="EI36" s="102">
        <v>10</v>
      </c>
      <c r="EJ36" s="102">
        <v>8</v>
      </c>
      <c r="EK36" s="102">
        <v>6</v>
      </c>
      <c r="EL36" s="102">
        <v>8</v>
      </c>
      <c r="EM36" s="102">
        <v>6</v>
      </c>
      <c r="EN36" s="103">
        <v>38</v>
      </c>
      <c r="EO36" s="104">
        <v>56</v>
      </c>
      <c r="EP36" s="101">
        <v>7</v>
      </c>
      <c r="EQ36" s="102">
        <v>17</v>
      </c>
      <c r="ER36" s="103">
        <v>24</v>
      </c>
      <c r="ES36" s="413">
        <v>0</v>
      </c>
      <c r="ET36" s="102">
        <v>32</v>
      </c>
      <c r="EU36" s="102">
        <v>13</v>
      </c>
      <c r="EV36" s="102">
        <v>16</v>
      </c>
      <c r="EW36" s="102">
        <v>11</v>
      </c>
      <c r="EX36" s="102">
        <v>9</v>
      </c>
      <c r="EY36" s="103">
        <v>81</v>
      </c>
      <c r="EZ36" s="104">
        <v>105</v>
      </c>
      <c r="FA36" s="101">
        <v>19</v>
      </c>
      <c r="FB36" s="102">
        <v>11</v>
      </c>
      <c r="FC36" s="103">
        <v>30</v>
      </c>
      <c r="FD36" s="413">
        <v>0</v>
      </c>
      <c r="FE36" s="102">
        <v>51</v>
      </c>
      <c r="FF36" s="102">
        <v>23</v>
      </c>
      <c r="FG36" s="102">
        <v>21</v>
      </c>
      <c r="FH36" s="102">
        <v>18</v>
      </c>
      <c r="FI36" s="102">
        <v>16</v>
      </c>
      <c r="FJ36" s="103">
        <v>129</v>
      </c>
      <c r="FK36" s="104">
        <v>159</v>
      </c>
      <c r="FL36" s="101">
        <v>8</v>
      </c>
      <c r="FM36" s="102">
        <v>15</v>
      </c>
      <c r="FN36" s="103">
        <v>23</v>
      </c>
      <c r="FO36" s="413">
        <v>0</v>
      </c>
      <c r="FP36" s="102">
        <v>46</v>
      </c>
      <c r="FQ36" s="102">
        <v>36</v>
      </c>
      <c r="FR36" s="102">
        <v>37</v>
      </c>
      <c r="FS36" s="102">
        <v>30</v>
      </c>
      <c r="FT36" s="102">
        <v>21</v>
      </c>
      <c r="FU36" s="103">
        <v>170</v>
      </c>
      <c r="FV36" s="104">
        <v>193</v>
      </c>
      <c r="FW36" s="101">
        <v>0</v>
      </c>
      <c r="FX36" s="102">
        <v>0</v>
      </c>
      <c r="FY36" s="103">
        <v>0</v>
      </c>
      <c r="FZ36" s="413">
        <v>0</v>
      </c>
      <c r="GA36" s="102">
        <v>1</v>
      </c>
      <c r="GB36" s="102">
        <v>0</v>
      </c>
      <c r="GC36" s="102">
        <v>0</v>
      </c>
      <c r="GD36" s="102">
        <v>1</v>
      </c>
      <c r="GE36" s="102">
        <v>1</v>
      </c>
      <c r="GF36" s="103">
        <v>3</v>
      </c>
      <c r="GG36" s="104">
        <v>3</v>
      </c>
      <c r="GH36" s="101">
        <v>44</v>
      </c>
      <c r="GI36" s="102">
        <v>60</v>
      </c>
      <c r="GJ36" s="103">
        <v>104</v>
      </c>
      <c r="GK36" s="413">
        <v>0</v>
      </c>
      <c r="GL36" s="102">
        <v>145</v>
      </c>
      <c r="GM36" s="102">
        <v>84</v>
      </c>
      <c r="GN36" s="102">
        <v>82</v>
      </c>
      <c r="GO36" s="102">
        <v>73</v>
      </c>
      <c r="GP36" s="102">
        <v>54</v>
      </c>
      <c r="GQ36" s="103">
        <v>438</v>
      </c>
      <c r="GR36" s="104">
        <v>542</v>
      </c>
      <c r="GS36" s="105">
        <v>72</v>
      </c>
      <c r="GT36" s="97">
        <v>91</v>
      </c>
      <c r="GU36" s="98">
        <v>163</v>
      </c>
      <c r="GV36" s="413">
        <v>0</v>
      </c>
      <c r="GW36" s="97">
        <v>218</v>
      </c>
      <c r="GX36" s="97">
        <v>126</v>
      </c>
      <c r="GY36" s="97">
        <v>130</v>
      </c>
      <c r="GZ36" s="97">
        <v>97</v>
      </c>
      <c r="HA36" s="97">
        <v>69</v>
      </c>
      <c r="HB36" s="99">
        <v>640</v>
      </c>
      <c r="HC36" s="100">
        <v>803</v>
      </c>
      <c r="HD36" s="101">
        <v>1</v>
      </c>
      <c r="HE36" s="102">
        <v>2</v>
      </c>
      <c r="HF36" s="103">
        <v>3</v>
      </c>
      <c r="HG36" s="416">
        <v>0</v>
      </c>
      <c r="HH36" s="102">
        <v>9</v>
      </c>
      <c r="HI36" s="102">
        <v>2</v>
      </c>
      <c r="HJ36" s="102">
        <v>3</v>
      </c>
      <c r="HK36" s="102">
        <v>3</v>
      </c>
      <c r="HL36" s="102">
        <v>1</v>
      </c>
      <c r="HM36" s="103">
        <v>18</v>
      </c>
      <c r="HN36" s="104">
        <v>21</v>
      </c>
      <c r="HO36" s="101">
        <v>5</v>
      </c>
      <c r="HP36" s="102">
        <v>5</v>
      </c>
      <c r="HQ36" s="103">
        <v>10</v>
      </c>
      <c r="HR36" s="413">
        <v>0</v>
      </c>
      <c r="HS36" s="102">
        <v>11</v>
      </c>
      <c r="HT36" s="102">
        <v>9</v>
      </c>
      <c r="HU36" s="102">
        <v>10</v>
      </c>
      <c r="HV36" s="102">
        <v>8</v>
      </c>
      <c r="HW36" s="102">
        <v>2</v>
      </c>
      <c r="HX36" s="103">
        <v>40</v>
      </c>
      <c r="HY36" s="104">
        <v>50</v>
      </c>
      <c r="HZ36" s="101">
        <v>13</v>
      </c>
      <c r="IA36" s="102">
        <v>17</v>
      </c>
      <c r="IB36" s="103">
        <v>30</v>
      </c>
      <c r="IC36" s="413">
        <v>0</v>
      </c>
      <c r="ID36" s="102">
        <v>17</v>
      </c>
      <c r="IE36" s="102">
        <v>18</v>
      </c>
      <c r="IF36" s="102">
        <v>18</v>
      </c>
      <c r="IG36" s="102">
        <v>13</v>
      </c>
      <c r="IH36" s="102">
        <v>9</v>
      </c>
      <c r="II36" s="103">
        <v>75</v>
      </c>
      <c r="IJ36" s="104">
        <v>105</v>
      </c>
      <c r="IK36" s="101">
        <v>19</v>
      </c>
      <c r="IL36" s="102">
        <v>27</v>
      </c>
      <c r="IM36" s="103">
        <v>46</v>
      </c>
      <c r="IN36" s="413">
        <v>0</v>
      </c>
      <c r="IO36" s="102">
        <v>53</v>
      </c>
      <c r="IP36" s="102">
        <v>23</v>
      </c>
      <c r="IQ36" s="102">
        <v>27</v>
      </c>
      <c r="IR36" s="102">
        <v>16</v>
      </c>
      <c r="IS36" s="102">
        <v>12</v>
      </c>
      <c r="IT36" s="103">
        <v>131</v>
      </c>
      <c r="IU36" s="104">
        <v>177</v>
      </c>
      <c r="IV36" s="101">
        <v>23</v>
      </c>
      <c r="IW36" s="102">
        <v>20</v>
      </c>
      <c r="IX36" s="103">
        <v>43</v>
      </c>
      <c r="IY36" s="413">
        <v>0</v>
      </c>
      <c r="IZ36" s="102">
        <v>70</v>
      </c>
      <c r="JA36" s="102">
        <v>31</v>
      </c>
      <c r="JB36" s="102">
        <v>28</v>
      </c>
      <c r="JC36" s="102">
        <v>23</v>
      </c>
      <c r="JD36" s="102">
        <v>20</v>
      </c>
      <c r="JE36" s="103">
        <v>172</v>
      </c>
      <c r="JF36" s="104">
        <v>215</v>
      </c>
      <c r="JG36" s="101">
        <v>11</v>
      </c>
      <c r="JH36" s="102">
        <v>20</v>
      </c>
      <c r="JI36" s="103">
        <v>31</v>
      </c>
      <c r="JJ36" s="413">
        <v>0</v>
      </c>
      <c r="JK36" s="102">
        <v>58</v>
      </c>
      <c r="JL36" s="102">
        <v>43</v>
      </c>
      <c r="JM36" s="102">
        <v>44</v>
      </c>
      <c r="JN36" s="102">
        <v>34</v>
      </c>
      <c r="JO36" s="102">
        <v>25</v>
      </c>
      <c r="JP36" s="103">
        <v>204</v>
      </c>
      <c r="JQ36" s="104">
        <v>235</v>
      </c>
      <c r="JR36" s="101">
        <v>0</v>
      </c>
      <c r="JS36" s="102">
        <v>1</v>
      </c>
      <c r="JT36" s="103">
        <v>1</v>
      </c>
      <c r="JU36" s="413">
        <v>0</v>
      </c>
      <c r="JV36" s="102">
        <v>1</v>
      </c>
      <c r="JW36" s="102">
        <v>1</v>
      </c>
      <c r="JX36" s="102">
        <v>0</v>
      </c>
      <c r="JY36" s="102">
        <v>1</v>
      </c>
      <c r="JZ36" s="102">
        <v>1</v>
      </c>
      <c r="KA36" s="103">
        <v>4</v>
      </c>
      <c r="KB36" s="104">
        <v>5</v>
      </c>
      <c r="KC36" s="101">
        <v>72</v>
      </c>
      <c r="KD36" s="102">
        <v>92</v>
      </c>
      <c r="KE36" s="103">
        <v>164</v>
      </c>
      <c r="KF36" s="413">
        <v>0</v>
      </c>
      <c r="KG36" s="102">
        <v>219</v>
      </c>
      <c r="KH36" s="102">
        <v>127</v>
      </c>
      <c r="KI36" s="102">
        <v>130</v>
      </c>
      <c r="KJ36" s="102">
        <v>98</v>
      </c>
      <c r="KK36" s="102">
        <v>70</v>
      </c>
      <c r="KL36" s="103">
        <v>644</v>
      </c>
      <c r="KM36" s="104">
        <v>808</v>
      </c>
    </row>
    <row r="37" spans="2:299" s="70" customFormat="1" ht="21" customHeight="1" x14ac:dyDescent="0.2">
      <c r="B37" s="106" t="s">
        <v>34</v>
      </c>
      <c r="C37" s="96">
        <v>18</v>
      </c>
      <c r="D37" s="97">
        <v>19</v>
      </c>
      <c r="E37" s="98">
        <v>37</v>
      </c>
      <c r="F37" s="413">
        <v>0</v>
      </c>
      <c r="G37" s="97">
        <v>50</v>
      </c>
      <c r="H37" s="97">
        <v>35</v>
      </c>
      <c r="I37" s="97">
        <v>15</v>
      </c>
      <c r="J37" s="97">
        <v>29</v>
      </c>
      <c r="K37" s="97">
        <v>10</v>
      </c>
      <c r="L37" s="99">
        <v>139</v>
      </c>
      <c r="M37" s="100">
        <v>176</v>
      </c>
      <c r="N37" s="101">
        <v>0</v>
      </c>
      <c r="O37" s="102">
        <v>1</v>
      </c>
      <c r="P37" s="103">
        <v>1</v>
      </c>
      <c r="Q37" s="413">
        <v>0</v>
      </c>
      <c r="R37" s="102">
        <v>4</v>
      </c>
      <c r="S37" s="102">
        <v>0</v>
      </c>
      <c r="T37" s="102">
        <v>1</v>
      </c>
      <c r="U37" s="102">
        <v>2</v>
      </c>
      <c r="V37" s="102">
        <v>0</v>
      </c>
      <c r="W37" s="103">
        <v>7</v>
      </c>
      <c r="X37" s="104">
        <v>8</v>
      </c>
      <c r="Y37" s="101">
        <v>2</v>
      </c>
      <c r="Z37" s="102">
        <v>2</v>
      </c>
      <c r="AA37" s="103">
        <v>4</v>
      </c>
      <c r="AB37" s="413">
        <v>0</v>
      </c>
      <c r="AC37" s="102">
        <v>5</v>
      </c>
      <c r="AD37" s="102">
        <v>3</v>
      </c>
      <c r="AE37" s="102">
        <v>1</v>
      </c>
      <c r="AF37" s="102">
        <v>2</v>
      </c>
      <c r="AG37" s="102">
        <v>1</v>
      </c>
      <c r="AH37" s="103">
        <v>12</v>
      </c>
      <c r="AI37" s="104">
        <v>16</v>
      </c>
      <c r="AJ37" s="101">
        <v>4</v>
      </c>
      <c r="AK37" s="102">
        <v>2</v>
      </c>
      <c r="AL37" s="103">
        <v>6</v>
      </c>
      <c r="AM37" s="413">
        <v>0</v>
      </c>
      <c r="AN37" s="102">
        <v>4</v>
      </c>
      <c r="AO37" s="102">
        <v>4</v>
      </c>
      <c r="AP37" s="102">
        <v>2</v>
      </c>
      <c r="AQ37" s="102">
        <v>8</v>
      </c>
      <c r="AR37" s="102">
        <v>1</v>
      </c>
      <c r="AS37" s="103">
        <v>19</v>
      </c>
      <c r="AT37" s="104">
        <v>25</v>
      </c>
      <c r="AU37" s="101">
        <v>6</v>
      </c>
      <c r="AV37" s="102">
        <v>6</v>
      </c>
      <c r="AW37" s="103">
        <v>12</v>
      </c>
      <c r="AX37" s="413">
        <v>0</v>
      </c>
      <c r="AY37" s="102">
        <v>16</v>
      </c>
      <c r="AZ37" s="102">
        <v>10</v>
      </c>
      <c r="BA37" s="102">
        <v>3</v>
      </c>
      <c r="BB37" s="102">
        <v>6</v>
      </c>
      <c r="BC37" s="102">
        <v>5</v>
      </c>
      <c r="BD37" s="103">
        <v>40</v>
      </c>
      <c r="BE37" s="104">
        <v>52</v>
      </c>
      <c r="BF37" s="101">
        <v>2</v>
      </c>
      <c r="BG37" s="102">
        <v>6</v>
      </c>
      <c r="BH37" s="103">
        <v>8</v>
      </c>
      <c r="BI37" s="413">
        <v>0</v>
      </c>
      <c r="BJ37" s="102">
        <v>11</v>
      </c>
      <c r="BK37" s="102">
        <v>7</v>
      </c>
      <c r="BL37" s="102">
        <v>4</v>
      </c>
      <c r="BM37" s="102">
        <v>6</v>
      </c>
      <c r="BN37" s="102">
        <v>2</v>
      </c>
      <c r="BO37" s="103">
        <v>30</v>
      </c>
      <c r="BP37" s="104">
        <v>38</v>
      </c>
      <c r="BQ37" s="101">
        <v>4</v>
      </c>
      <c r="BR37" s="102">
        <v>2</v>
      </c>
      <c r="BS37" s="103">
        <v>6</v>
      </c>
      <c r="BT37" s="413">
        <v>0</v>
      </c>
      <c r="BU37" s="102">
        <v>10</v>
      </c>
      <c r="BV37" s="102">
        <v>11</v>
      </c>
      <c r="BW37" s="102">
        <v>4</v>
      </c>
      <c r="BX37" s="102">
        <v>5</v>
      </c>
      <c r="BY37" s="102">
        <v>1</v>
      </c>
      <c r="BZ37" s="103">
        <v>31</v>
      </c>
      <c r="CA37" s="104">
        <v>37</v>
      </c>
      <c r="CB37" s="101">
        <v>0</v>
      </c>
      <c r="CC37" s="102">
        <v>0</v>
      </c>
      <c r="CD37" s="103">
        <v>0</v>
      </c>
      <c r="CE37" s="413">
        <v>0</v>
      </c>
      <c r="CF37" s="102">
        <v>2</v>
      </c>
      <c r="CG37" s="102">
        <v>0</v>
      </c>
      <c r="CH37" s="102">
        <v>0</v>
      </c>
      <c r="CI37" s="102">
        <v>1</v>
      </c>
      <c r="CJ37" s="102">
        <v>1</v>
      </c>
      <c r="CK37" s="103">
        <v>4</v>
      </c>
      <c r="CL37" s="104">
        <v>4</v>
      </c>
      <c r="CM37" s="101">
        <v>18</v>
      </c>
      <c r="CN37" s="102">
        <v>19</v>
      </c>
      <c r="CO37" s="103">
        <v>37</v>
      </c>
      <c r="CP37" s="413">
        <v>0</v>
      </c>
      <c r="CQ37" s="102">
        <v>52</v>
      </c>
      <c r="CR37" s="102">
        <v>35</v>
      </c>
      <c r="CS37" s="102">
        <v>15</v>
      </c>
      <c r="CT37" s="102">
        <v>30</v>
      </c>
      <c r="CU37" s="102">
        <v>11</v>
      </c>
      <c r="CV37" s="103">
        <v>143</v>
      </c>
      <c r="CW37" s="104">
        <v>180</v>
      </c>
      <c r="CX37" s="105">
        <v>42</v>
      </c>
      <c r="CY37" s="97">
        <v>41</v>
      </c>
      <c r="CZ37" s="98">
        <v>83</v>
      </c>
      <c r="DA37" s="413">
        <v>0</v>
      </c>
      <c r="DB37" s="97">
        <v>113</v>
      </c>
      <c r="DC37" s="97">
        <v>50</v>
      </c>
      <c r="DD37" s="97">
        <v>33</v>
      </c>
      <c r="DE37" s="97">
        <v>47</v>
      </c>
      <c r="DF37" s="97">
        <v>33</v>
      </c>
      <c r="DG37" s="99">
        <v>276</v>
      </c>
      <c r="DH37" s="100">
        <v>359</v>
      </c>
      <c r="DI37" s="101">
        <v>0</v>
      </c>
      <c r="DJ37" s="102">
        <v>2</v>
      </c>
      <c r="DK37" s="103">
        <v>2</v>
      </c>
      <c r="DL37" s="413">
        <v>0</v>
      </c>
      <c r="DM37" s="102">
        <v>0</v>
      </c>
      <c r="DN37" s="102">
        <v>0</v>
      </c>
      <c r="DO37" s="102">
        <v>1</v>
      </c>
      <c r="DP37" s="102">
        <v>0</v>
      </c>
      <c r="DQ37" s="102">
        <v>3</v>
      </c>
      <c r="DR37" s="103">
        <v>4</v>
      </c>
      <c r="DS37" s="104">
        <v>6</v>
      </c>
      <c r="DT37" s="101">
        <v>2</v>
      </c>
      <c r="DU37" s="102">
        <v>0</v>
      </c>
      <c r="DV37" s="103">
        <v>2</v>
      </c>
      <c r="DW37" s="413">
        <v>0</v>
      </c>
      <c r="DX37" s="102">
        <v>2</v>
      </c>
      <c r="DY37" s="102">
        <v>1</v>
      </c>
      <c r="DZ37" s="102">
        <v>1</v>
      </c>
      <c r="EA37" s="102">
        <v>1</v>
      </c>
      <c r="EB37" s="102">
        <v>2</v>
      </c>
      <c r="EC37" s="103">
        <v>7</v>
      </c>
      <c r="ED37" s="104">
        <v>9</v>
      </c>
      <c r="EE37" s="101">
        <v>9</v>
      </c>
      <c r="EF37" s="102">
        <v>4</v>
      </c>
      <c r="EG37" s="103">
        <v>13</v>
      </c>
      <c r="EH37" s="413">
        <v>0</v>
      </c>
      <c r="EI37" s="102">
        <v>13</v>
      </c>
      <c r="EJ37" s="102">
        <v>3</v>
      </c>
      <c r="EK37" s="102">
        <v>5</v>
      </c>
      <c r="EL37" s="102">
        <v>2</v>
      </c>
      <c r="EM37" s="102">
        <v>2</v>
      </c>
      <c r="EN37" s="103">
        <v>25</v>
      </c>
      <c r="EO37" s="104">
        <v>38</v>
      </c>
      <c r="EP37" s="101">
        <v>6</v>
      </c>
      <c r="EQ37" s="102">
        <v>6</v>
      </c>
      <c r="ER37" s="103">
        <v>12</v>
      </c>
      <c r="ES37" s="413">
        <v>0</v>
      </c>
      <c r="ET37" s="102">
        <v>23</v>
      </c>
      <c r="EU37" s="102">
        <v>10</v>
      </c>
      <c r="EV37" s="102">
        <v>10</v>
      </c>
      <c r="EW37" s="102">
        <v>6</v>
      </c>
      <c r="EX37" s="102">
        <v>7</v>
      </c>
      <c r="EY37" s="103">
        <v>56</v>
      </c>
      <c r="EZ37" s="104">
        <v>68</v>
      </c>
      <c r="FA37" s="101">
        <v>18</v>
      </c>
      <c r="FB37" s="102">
        <v>16</v>
      </c>
      <c r="FC37" s="103">
        <v>34</v>
      </c>
      <c r="FD37" s="413">
        <v>0</v>
      </c>
      <c r="FE37" s="102">
        <v>39</v>
      </c>
      <c r="FF37" s="102">
        <v>15</v>
      </c>
      <c r="FG37" s="102">
        <v>6</v>
      </c>
      <c r="FH37" s="102">
        <v>11</v>
      </c>
      <c r="FI37" s="102">
        <v>4</v>
      </c>
      <c r="FJ37" s="103">
        <v>75</v>
      </c>
      <c r="FK37" s="104">
        <v>109</v>
      </c>
      <c r="FL37" s="101">
        <v>7</v>
      </c>
      <c r="FM37" s="102">
        <v>13</v>
      </c>
      <c r="FN37" s="103">
        <v>20</v>
      </c>
      <c r="FO37" s="413">
        <v>0</v>
      </c>
      <c r="FP37" s="102">
        <v>36</v>
      </c>
      <c r="FQ37" s="102">
        <v>21</v>
      </c>
      <c r="FR37" s="102">
        <v>10</v>
      </c>
      <c r="FS37" s="102">
        <v>27</v>
      </c>
      <c r="FT37" s="102">
        <v>15</v>
      </c>
      <c r="FU37" s="103">
        <v>109</v>
      </c>
      <c r="FV37" s="104">
        <v>129</v>
      </c>
      <c r="FW37" s="101">
        <v>0</v>
      </c>
      <c r="FX37" s="102">
        <v>0</v>
      </c>
      <c r="FY37" s="103">
        <v>0</v>
      </c>
      <c r="FZ37" s="413">
        <v>0</v>
      </c>
      <c r="GA37" s="102">
        <v>1</v>
      </c>
      <c r="GB37" s="102">
        <v>1</v>
      </c>
      <c r="GC37" s="102">
        <v>1</v>
      </c>
      <c r="GD37" s="102">
        <v>0</v>
      </c>
      <c r="GE37" s="102">
        <v>1</v>
      </c>
      <c r="GF37" s="103">
        <v>4</v>
      </c>
      <c r="GG37" s="104">
        <v>4</v>
      </c>
      <c r="GH37" s="101">
        <v>42</v>
      </c>
      <c r="GI37" s="102">
        <v>41</v>
      </c>
      <c r="GJ37" s="103">
        <v>83</v>
      </c>
      <c r="GK37" s="413">
        <v>0</v>
      </c>
      <c r="GL37" s="102">
        <v>114</v>
      </c>
      <c r="GM37" s="102">
        <v>51</v>
      </c>
      <c r="GN37" s="102">
        <v>34</v>
      </c>
      <c r="GO37" s="102">
        <v>47</v>
      </c>
      <c r="GP37" s="102">
        <v>34</v>
      </c>
      <c r="GQ37" s="103">
        <v>280</v>
      </c>
      <c r="GR37" s="104">
        <v>363</v>
      </c>
      <c r="GS37" s="105">
        <v>60</v>
      </c>
      <c r="GT37" s="97">
        <v>60</v>
      </c>
      <c r="GU37" s="98">
        <v>120</v>
      </c>
      <c r="GV37" s="413">
        <v>0</v>
      </c>
      <c r="GW37" s="97">
        <v>163</v>
      </c>
      <c r="GX37" s="97">
        <v>85</v>
      </c>
      <c r="GY37" s="97">
        <v>48</v>
      </c>
      <c r="GZ37" s="97">
        <v>76</v>
      </c>
      <c r="HA37" s="97">
        <v>43</v>
      </c>
      <c r="HB37" s="99">
        <v>415</v>
      </c>
      <c r="HC37" s="100">
        <v>535</v>
      </c>
      <c r="HD37" s="101">
        <v>0</v>
      </c>
      <c r="HE37" s="102">
        <v>3</v>
      </c>
      <c r="HF37" s="103">
        <v>3</v>
      </c>
      <c r="HG37" s="416">
        <v>0</v>
      </c>
      <c r="HH37" s="102">
        <v>4</v>
      </c>
      <c r="HI37" s="102">
        <v>0</v>
      </c>
      <c r="HJ37" s="102">
        <v>2</v>
      </c>
      <c r="HK37" s="102">
        <v>2</v>
      </c>
      <c r="HL37" s="102">
        <v>3</v>
      </c>
      <c r="HM37" s="103">
        <v>11</v>
      </c>
      <c r="HN37" s="104">
        <v>14</v>
      </c>
      <c r="HO37" s="101">
        <v>4</v>
      </c>
      <c r="HP37" s="102">
        <v>2</v>
      </c>
      <c r="HQ37" s="103">
        <v>6</v>
      </c>
      <c r="HR37" s="413">
        <v>0</v>
      </c>
      <c r="HS37" s="102">
        <v>7</v>
      </c>
      <c r="HT37" s="102">
        <v>4</v>
      </c>
      <c r="HU37" s="102">
        <v>2</v>
      </c>
      <c r="HV37" s="102">
        <v>3</v>
      </c>
      <c r="HW37" s="102">
        <v>3</v>
      </c>
      <c r="HX37" s="103">
        <v>19</v>
      </c>
      <c r="HY37" s="104">
        <v>25</v>
      </c>
      <c r="HZ37" s="101">
        <v>13</v>
      </c>
      <c r="IA37" s="102">
        <v>6</v>
      </c>
      <c r="IB37" s="103">
        <v>19</v>
      </c>
      <c r="IC37" s="413">
        <v>0</v>
      </c>
      <c r="ID37" s="102">
        <v>17</v>
      </c>
      <c r="IE37" s="102">
        <v>7</v>
      </c>
      <c r="IF37" s="102">
        <v>7</v>
      </c>
      <c r="IG37" s="102">
        <v>10</v>
      </c>
      <c r="IH37" s="102">
        <v>3</v>
      </c>
      <c r="II37" s="103">
        <v>44</v>
      </c>
      <c r="IJ37" s="104">
        <v>63</v>
      </c>
      <c r="IK37" s="101">
        <v>12</v>
      </c>
      <c r="IL37" s="102">
        <v>12</v>
      </c>
      <c r="IM37" s="103">
        <v>24</v>
      </c>
      <c r="IN37" s="413">
        <v>0</v>
      </c>
      <c r="IO37" s="102">
        <v>39</v>
      </c>
      <c r="IP37" s="102">
        <v>20</v>
      </c>
      <c r="IQ37" s="102">
        <v>13</v>
      </c>
      <c r="IR37" s="102">
        <v>12</v>
      </c>
      <c r="IS37" s="102">
        <v>12</v>
      </c>
      <c r="IT37" s="103">
        <v>96</v>
      </c>
      <c r="IU37" s="104">
        <v>120</v>
      </c>
      <c r="IV37" s="101">
        <v>20</v>
      </c>
      <c r="IW37" s="102">
        <v>22</v>
      </c>
      <c r="IX37" s="103">
        <v>42</v>
      </c>
      <c r="IY37" s="413">
        <v>0</v>
      </c>
      <c r="IZ37" s="102">
        <v>50</v>
      </c>
      <c r="JA37" s="102">
        <v>22</v>
      </c>
      <c r="JB37" s="102">
        <v>10</v>
      </c>
      <c r="JC37" s="102">
        <v>17</v>
      </c>
      <c r="JD37" s="102">
        <v>6</v>
      </c>
      <c r="JE37" s="103">
        <v>105</v>
      </c>
      <c r="JF37" s="104">
        <v>147</v>
      </c>
      <c r="JG37" s="101">
        <v>11</v>
      </c>
      <c r="JH37" s="102">
        <v>15</v>
      </c>
      <c r="JI37" s="103">
        <v>26</v>
      </c>
      <c r="JJ37" s="413">
        <v>0</v>
      </c>
      <c r="JK37" s="102">
        <v>46</v>
      </c>
      <c r="JL37" s="102">
        <v>32</v>
      </c>
      <c r="JM37" s="102">
        <v>14</v>
      </c>
      <c r="JN37" s="102">
        <v>32</v>
      </c>
      <c r="JO37" s="102">
        <v>16</v>
      </c>
      <c r="JP37" s="103">
        <v>140</v>
      </c>
      <c r="JQ37" s="104">
        <v>166</v>
      </c>
      <c r="JR37" s="101">
        <v>0</v>
      </c>
      <c r="JS37" s="102">
        <v>0</v>
      </c>
      <c r="JT37" s="103">
        <v>0</v>
      </c>
      <c r="JU37" s="413">
        <v>0</v>
      </c>
      <c r="JV37" s="102">
        <v>3</v>
      </c>
      <c r="JW37" s="102">
        <v>1</v>
      </c>
      <c r="JX37" s="102">
        <v>1</v>
      </c>
      <c r="JY37" s="102">
        <v>1</v>
      </c>
      <c r="JZ37" s="102">
        <v>2</v>
      </c>
      <c r="KA37" s="103">
        <v>8</v>
      </c>
      <c r="KB37" s="104">
        <v>8</v>
      </c>
      <c r="KC37" s="101">
        <v>60</v>
      </c>
      <c r="KD37" s="102">
        <v>60</v>
      </c>
      <c r="KE37" s="103">
        <v>120</v>
      </c>
      <c r="KF37" s="413">
        <v>0</v>
      </c>
      <c r="KG37" s="102">
        <v>166</v>
      </c>
      <c r="KH37" s="102">
        <v>86</v>
      </c>
      <c r="KI37" s="102">
        <v>49</v>
      </c>
      <c r="KJ37" s="102">
        <v>77</v>
      </c>
      <c r="KK37" s="102">
        <v>45</v>
      </c>
      <c r="KL37" s="103">
        <v>423</v>
      </c>
      <c r="KM37" s="104">
        <v>543</v>
      </c>
    </row>
    <row r="38" spans="2:299" s="70" customFormat="1" ht="21" customHeight="1" x14ac:dyDescent="0.2">
      <c r="B38" s="106" t="s">
        <v>35</v>
      </c>
      <c r="C38" s="96">
        <v>61</v>
      </c>
      <c r="D38" s="97">
        <v>59</v>
      </c>
      <c r="E38" s="98">
        <v>120</v>
      </c>
      <c r="F38" s="413">
        <v>0</v>
      </c>
      <c r="G38" s="97">
        <v>140</v>
      </c>
      <c r="H38" s="97">
        <v>91</v>
      </c>
      <c r="I38" s="97">
        <v>59</v>
      </c>
      <c r="J38" s="97">
        <v>54</v>
      </c>
      <c r="K38" s="97">
        <v>29</v>
      </c>
      <c r="L38" s="99">
        <v>373</v>
      </c>
      <c r="M38" s="100">
        <v>493</v>
      </c>
      <c r="N38" s="101">
        <v>3</v>
      </c>
      <c r="O38" s="102">
        <v>0</v>
      </c>
      <c r="P38" s="103">
        <v>3</v>
      </c>
      <c r="Q38" s="413">
        <v>0</v>
      </c>
      <c r="R38" s="102">
        <v>10</v>
      </c>
      <c r="S38" s="102">
        <v>9</v>
      </c>
      <c r="T38" s="102">
        <v>5</v>
      </c>
      <c r="U38" s="102">
        <v>3</v>
      </c>
      <c r="V38" s="102">
        <v>2</v>
      </c>
      <c r="W38" s="103">
        <v>29</v>
      </c>
      <c r="X38" s="104">
        <v>32</v>
      </c>
      <c r="Y38" s="101">
        <v>3</v>
      </c>
      <c r="Z38" s="102">
        <v>4</v>
      </c>
      <c r="AA38" s="103">
        <v>7</v>
      </c>
      <c r="AB38" s="413">
        <v>0</v>
      </c>
      <c r="AC38" s="102">
        <v>10</v>
      </c>
      <c r="AD38" s="102">
        <v>5</v>
      </c>
      <c r="AE38" s="102">
        <v>9</v>
      </c>
      <c r="AF38" s="102">
        <v>1</v>
      </c>
      <c r="AG38" s="102">
        <v>5</v>
      </c>
      <c r="AH38" s="103">
        <v>30</v>
      </c>
      <c r="AI38" s="104">
        <v>37</v>
      </c>
      <c r="AJ38" s="101">
        <v>11</v>
      </c>
      <c r="AK38" s="102">
        <v>13</v>
      </c>
      <c r="AL38" s="103">
        <v>24</v>
      </c>
      <c r="AM38" s="413">
        <v>0</v>
      </c>
      <c r="AN38" s="102">
        <v>20</v>
      </c>
      <c r="AO38" s="102">
        <v>13</v>
      </c>
      <c r="AP38" s="102">
        <v>11</v>
      </c>
      <c r="AQ38" s="102">
        <v>13</v>
      </c>
      <c r="AR38" s="102">
        <v>6</v>
      </c>
      <c r="AS38" s="103">
        <v>63</v>
      </c>
      <c r="AT38" s="104">
        <v>87</v>
      </c>
      <c r="AU38" s="101">
        <v>17</v>
      </c>
      <c r="AV38" s="102">
        <v>22</v>
      </c>
      <c r="AW38" s="103">
        <v>39</v>
      </c>
      <c r="AX38" s="413">
        <v>0</v>
      </c>
      <c r="AY38" s="102">
        <v>47</v>
      </c>
      <c r="AZ38" s="102">
        <v>23</v>
      </c>
      <c r="BA38" s="102">
        <v>6</v>
      </c>
      <c r="BB38" s="102">
        <v>15</v>
      </c>
      <c r="BC38" s="102">
        <v>3</v>
      </c>
      <c r="BD38" s="103">
        <v>94</v>
      </c>
      <c r="BE38" s="104">
        <v>133</v>
      </c>
      <c r="BF38" s="101">
        <v>15</v>
      </c>
      <c r="BG38" s="102">
        <v>13</v>
      </c>
      <c r="BH38" s="103">
        <v>28</v>
      </c>
      <c r="BI38" s="413">
        <v>0</v>
      </c>
      <c r="BJ38" s="102">
        <v>32</v>
      </c>
      <c r="BK38" s="102">
        <v>21</v>
      </c>
      <c r="BL38" s="102">
        <v>14</v>
      </c>
      <c r="BM38" s="102">
        <v>8</v>
      </c>
      <c r="BN38" s="102">
        <v>5</v>
      </c>
      <c r="BO38" s="103">
        <v>80</v>
      </c>
      <c r="BP38" s="104">
        <v>108</v>
      </c>
      <c r="BQ38" s="101">
        <v>12</v>
      </c>
      <c r="BR38" s="102">
        <v>7</v>
      </c>
      <c r="BS38" s="103">
        <v>19</v>
      </c>
      <c r="BT38" s="413">
        <v>0</v>
      </c>
      <c r="BU38" s="102">
        <v>21</v>
      </c>
      <c r="BV38" s="102">
        <v>20</v>
      </c>
      <c r="BW38" s="102">
        <v>14</v>
      </c>
      <c r="BX38" s="102">
        <v>14</v>
      </c>
      <c r="BY38" s="102">
        <v>8</v>
      </c>
      <c r="BZ38" s="103">
        <v>77</v>
      </c>
      <c r="CA38" s="104">
        <v>96</v>
      </c>
      <c r="CB38" s="101">
        <v>0</v>
      </c>
      <c r="CC38" s="102">
        <v>2</v>
      </c>
      <c r="CD38" s="103">
        <v>2</v>
      </c>
      <c r="CE38" s="413">
        <v>0</v>
      </c>
      <c r="CF38" s="102">
        <v>4</v>
      </c>
      <c r="CG38" s="102">
        <v>3</v>
      </c>
      <c r="CH38" s="102">
        <v>1</v>
      </c>
      <c r="CI38" s="102">
        <v>3</v>
      </c>
      <c r="CJ38" s="102">
        <v>0</v>
      </c>
      <c r="CK38" s="103">
        <v>11</v>
      </c>
      <c r="CL38" s="104">
        <v>13</v>
      </c>
      <c r="CM38" s="101">
        <v>61</v>
      </c>
      <c r="CN38" s="102">
        <v>61</v>
      </c>
      <c r="CO38" s="103">
        <v>122</v>
      </c>
      <c r="CP38" s="413">
        <v>0</v>
      </c>
      <c r="CQ38" s="102">
        <v>144</v>
      </c>
      <c r="CR38" s="102">
        <v>94</v>
      </c>
      <c r="CS38" s="102">
        <v>60</v>
      </c>
      <c r="CT38" s="102">
        <v>57</v>
      </c>
      <c r="CU38" s="102">
        <v>29</v>
      </c>
      <c r="CV38" s="103">
        <v>384</v>
      </c>
      <c r="CW38" s="104">
        <v>506</v>
      </c>
      <c r="CX38" s="105">
        <v>156</v>
      </c>
      <c r="CY38" s="97">
        <v>171</v>
      </c>
      <c r="CZ38" s="98">
        <v>327</v>
      </c>
      <c r="DA38" s="413">
        <v>0</v>
      </c>
      <c r="DB38" s="97">
        <v>316</v>
      </c>
      <c r="DC38" s="97">
        <v>174</v>
      </c>
      <c r="DD38" s="97">
        <v>152</v>
      </c>
      <c r="DE38" s="97">
        <v>167</v>
      </c>
      <c r="DF38" s="97">
        <v>98</v>
      </c>
      <c r="DG38" s="99">
        <v>907</v>
      </c>
      <c r="DH38" s="100">
        <v>1234</v>
      </c>
      <c r="DI38" s="101">
        <v>2</v>
      </c>
      <c r="DJ38" s="102">
        <v>7</v>
      </c>
      <c r="DK38" s="103">
        <v>9</v>
      </c>
      <c r="DL38" s="413">
        <v>0</v>
      </c>
      <c r="DM38" s="102">
        <v>5</v>
      </c>
      <c r="DN38" s="102">
        <v>4</v>
      </c>
      <c r="DO38" s="102">
        <v>2</v>
      </c>
      <c r="DP38" s="102">
        <v>5</v>
      </c>
      <c r="DQ38" s="102">
        <v>1</v>
      </c>
      <c r="DR38" s="103">
        <v>17</v>
      </c>
      <c r="DS38" s="104">
        <v>26</v>
      </c>
      <c r="DT38" s="101">
        <v>14</v>
      </c>
      <c r="DU38" s="102">
        <v>12</v>
      </c>
      <c r="DV38" s="103">
        <v>26</v>
      </c>
      <c r="DW38" s="413">
        <v>0</v>
      </c>
      <c r="DX38" s="102">
        <v>11</v>
      </c>
      <c r="DY38" s="102">
        <v>7</v>
      </c>
      <c r="DZ38" s="102">
        <v>7</v>
      </c>
      <c r="EA38" s="102">
        <v>7</v>
      </c>
      <c r="EB38" s="102">
        <v>6</v>
      </c>
      <c r="EC38" s="103">
        <v>38</v>
      </c>
      <c r="ED38" s="104">
        <v>64</v>
      </c>
      <c r="EE38" s="101">
        <v>27</v>
      </c>
      <c r="EF38" s="102">
        <v>26</v>
      </c>
      <c r="EG38" s="103">
        <v>53</v>
      </c>
      <c r="EH38" s="413">
        <v>0</v>
      </c>
      <c r="EI38" s="102">
        <v>33</v>
      </c>
      <c r="EJ38" s="102">
        <v>13</v>
      </c>
      <c r="EK38" s="102">
        <v>7</v>
      </c>
      <c r="EL38" s="102">
        <v>7</v>
      </c>
      <c r="EM38" s="102">
        <v>9</v>
      </c>
      <c r="EN38" s="103">
        <v>69</v>
      </c>
      <c r="EO38" s="104">
        <v>122</v>
      </c>
      <c r="EP38" s="101">
        <v>51</v>
      </c>
      <c r="EQ38" s="102">
        <v>44</v>
      </c>
      <c r="ER38" s="103">
        <v>95</v>
      </c>
      <c r="ES38" s="413">
        <v>0</v>
      </c>
      <c r="ET38" s="102">
        <v>62</v>
      </c>
      <c r="EU38" s="102">
        <v>39</v>
      </c>
      <c r="EV38" s="102">
        <v>31</v>
      </c>
      <c r="EW38" s="102">
        <v>24</v>
      </c>
      <c r="EX38" s="102">
        <v>15</v>
      </c>
      <c r="EY38" s="103">
        <v>171</v>
      </c>
      <c r="EZ38" s="104">
        <v>266</v>
      </c>
      <c r="FA38" s="101">
        <v>39</v>
      </c>
      <c r="FB38" s="102">
        <v>51</v>
      </c>
      <c r="FC38" s="103">
        <v>90</v>
      </c>
      <c r="FD38" s="413">
        <v>0</v>
      </c>
      <c r="FE38" s="102">
        <v>109</v>
      </c>
      <c r="FF38" s="102">
        <v>41</v>
      </c>
      <c r="FG38" s="102">
        <v>35</v>
      </c>
      <c r="FH38" s="102">
        <v>49</v>
      </c>
      <c r="FI38" s="102">
        <v>25</v>
      </c>
      <c r="FJ38" s="103">
        <v>259</v>
      </c>
      <c r="FK38" s="104">
        <v>349</v>
      </c>
      <c r="FL38" s="101">
        <v>23</v>
      </c>
      <c r="FM38" s="102">
        <v>31</v>
      </c>
      <c r="FN38" s="103">
        <v>54</v>
      </c>
      <c r="FO38" s="413">
        <v>0</v>
      </c>
      <c r="FP38" s="102">
        <v>96</v>
      </c>
      <c r="FQ38" s="102">
        <v>70</v>
      </c>
      <c r="FR38" s="102">
        <v>70</v>
      </c>
      <c r="FS38" s="102">
        <v>75</v>
      </c>
      <c r="FT38" s="102">
        <v>42</v>
      </c>
      <c r="FU38" s="103">
        <v>353</v>
      </c>
      <c r="FV38" s="104">
        <v>407</v>
      </c>
      <c r="FW38" s="101">
        <v>0</v>
      </c>
      <c r="FX38" s="102">
        <v>0</v>
      </c>
      <c r="FY38" s="103">
        <v>0</v>
      </c>
      <c r="FZ38" s="413">
        <v>0</v>
      </c>
      <c r="GA38" s="102">
        <v>2</v>
      </c>
      <c r="GB38" s="102">
        <v>3</v>
      </c>
      <c r="GC38" s="102">
        <v>0</v>
      </c>
      <c r="GD38" s="102">
        <v>1</v>
      </c>
      <c r="GE38" s="102">
        <v>1</v>
      </c>
      <c r="GF38" s="103">
        <v>7</v>
      </c>
      <c r="GG38" s="104">
        <v>7</v>
      </c>
      <c r="GH38" s="101">
        <v>156</v>
      </c>
      <c r="GI38" s="102">
        <v>171</v>
      </c>
      <c r="GJ38" s="103">
        <v>327</v>
      </c>
      <c r="GK38" s="413">
        <v>0</v>
      </c>
      <c r="GL38" s="102">
        <v>318</v>
      </c>
      <c r="GM38" s="102">
        <v>177</v>
      </c>
      <c r="GN38" s="102">
        <v>152</v>
      </c>
      <c r="GO38" s="102">
        <v>168</v>
      </c>
      <c r="GP38" s="102">
        <v>99</v>
      </c>
      <c r="GQ38" s="103">
        <v>914</v>
      </c>
      <c r="GR38" s="104">
        <v>1241</v>
      </c>
      <c r="GS38" s="105">
        <v>217</v>
      </c>
      <c r="GT38" s="97">
        <v>230</v>
      </c>
      <c r="GU38" s="98">
        <v>447</v>
      </c>
      <c r="GV38" s="413">
        <v>0</v>
      </c>
      <c r="GW38" s="97">
        <v>456</v>
      </c>
      <c r="GX38" s="97">
        <v>265</v>
      </c>
      <c r="GY38" s="97">
        <v>211</v>
      </c>
      <c r="GZ38" s="97">
        <v>221</v>
      </c>
      <c r="HA38" s="97">
        <v>127</v>
      </c>
      <c r="HB38" s="99">
        <v>1280</v>
      </c>
      <c r="HC38" s="100">
        <v>1727</v>
      </c>
      <c r="HD38" s="101">
        <v>5</v>
      </c>
      <c r="HE38" s="102">
        <v>7</v>
      </c>
      <c r="HF38" s="103">
        <v>12</v>
      </c>
      <c r="HG38" s="416">
        <v>0</v>
      </c>
      <c r="HH38" s="102">
        <v>15</v>
      </c>
      <c r="HI38" s="102">
        <v>13</v>
      </c>
      <c r="HJ38" s="102">
        <v>7</v>
      </c>
      <c r="HK38" s="102">
        <v>8</v>
      </c>
      <c r="HL38" s="102">
        <v>3</v>
      </c>
      <c r="HM38" s="103">
        <v>46</v>
      </c>
      <c r="HN38" s="104">
        <v>58</v>
      </c>
      <c r="HO38" s="101">
        <v>17</v>
      </c>
      <c r="HP38" s="102">
        <v>16</v>
      </c>
      <c r="HQ38" s="103">
        <v>33</v>
      </c>
      <c r="HR38" s="413">
        <v>0</v>
      </c>
      <c r="HS38" s="102">
        <v>21</v>
      </c>
      <c r="HT38" s="102">
        <v>12</v>
      </c>
      <c r="HU38" s="102">
        <v>16</v>
      </c>
      <c r="HV38" s="102">
        <v>8</v>
      </c>
      <c r="HW38" s="102">
        <v>11</v>
      </c>
      <c r="HX38" s="103">
        <v>68</v>
      </c>
      <c r="HY38" s="104">
        <v>101</v>
      </c>
      <c r="HZ38" s="101">
        <v>38</v>
      </c>
      <c r="IA38" s="102">
        <v>39</v>
      </c>
      <c r="IB38" s="103">
        <v>77</v>
      </c>
      <c r="IC38" s="413">
        <v>0</v>
      </c>
      <c r="ID38" s="102">
        <v>53</v>
      </c>
      <c r="IE38" s="102">
        <v>26</v>
      </c>
      <c r="IF38" s="102">
        <v>18</v>
      </c>
      <c r="IG38" s="102">
        <v>20</v>
      </c>
      <c r="IH38" s="102">
        <v>15</v>
      </c>
      <c r="II38" s="103">
        <v>132</v>
      </c>
      <c r="IJ38" s="104">
        <v>209</v>
      </c>
      <c r="IK38" s="101">
        <v>68</v>
      </c>
      <c r="IL38" s="102">
        <v>66</v>
      </c>
      <c r="IM38" s="103">
        <v>134</v>
      </c>
      <c r="IN38" s="413">
        <v>0</v>
      </c>
      <c r="IO38" s="102">
        <v>109</v>
      </c>
      <c r="IP38" s="102">
        <v>62</v>
      </c>
      <c r="IQ38" s="102">
        <v>37</v>
      </c>
      <c r="IR38" s="102">
        <v>39</v>
      </c>
      <c r="IS38" s="102">
        <v>18</v>
      </c>
      <c r="IT38" s="103">
        <v>265</v>
      </c>
      <c r="IU38" s="104">
        <v>399</v>
      </c>
      <c r="IV38" s="101">
        <v>54</v>
      </c>
      <c r="IW38" s="102">
        <v>64</v>
      </c>
      <c r="IX38" s="103">
        <v>118</v>
      </c>
      <c r="IY38" s="413">
        <v>0</v>
      </c>
      <c r="IZ38" s="102">
        <v>141</v>
      </c>
      <c r="JA38" s="102">
        <v>62</v>
      </c>
      <c r="JB38" s="102">
        <v>49</v>
      </c>
      <c r="JC38" s="102">
        <v>57</v>
      </c>
      <c r="JD38" s="102">
        <v>30</v>
      </c>
      <c r="JE38" s="103">
        <v>339</v>
      </c>
      <c r="JF38" s="104">
        <v>457</v>
      </c>
      <c r="JG38" s="101">
        <v>35</v>
      </c>
      <c r="JH38" s="102">
        <v>38</v>
      </c>
      <c r="JI38" s="103">
        <v>73</v>
      </c>
      <c r="JJ38" s="413">
        <v>0</v>
      </c>
      <c r="JK38" s="102">
        <v>117</v>
      </c>
      <c r="JL38" s="102">
        <v>90</v>
      </c>
      <c r="JM38" s="102">
        <v>84</v>
      </c>
      <c r="JN38" s="102">
        <v>89</v>
      </c>
      <c r="JO38" s="102">
        <v>50</v>
      </c>
      <c r="JP38" s="103">
        <v>430</v>
      </c>
      <c r="JQ38" s="104">
        <v>503</v>
      </c>
      <c r="JR38" s="101">
        <v>0</v>
      </c>
      <c r="JS38" s="102">
        <v>2</v>
      </c>
      <c r="JT38" s="103">
        <v>2</v>
      </c>
      <c r="JU38" s="413">
        <v>0</v>
      </c>
      <c r="JV38" s="102">
        <v>6</v>
      </c>
      <c r="JW38" s="102">
        <v>6</v>
      </c>
      <c r="JX38" s="102">
        <v>1</v>
      </c>
      <c r="JY38" s="102">
        <v>4</v>
      </c>
      <c r="JZ38" s="102">
        <v>1</v>
      </c>
      <c r="KA38" s="103">
        <v>18</v>
      </c>
      <c r="KB38" s="104">
        <v>20</v>
      </c>
      <c r="KC38" s="101">
        <v>217</v>
      </c>
      <c r="KD38" s="102">
        <v>232</v>
      </c>
      <c r="KE38" s="103">
        <v>449</v>
      </c>
      <c r="KF38" s="413">
        <v>0</v>
      </c>
      <c r="KG38" s="102">
        <v>462</v>
      </c>
      <c r="KH38" s="102">
        <v>271</v>
      </c>
      <c r="KI38" s="102">
        <v>212</v>
      </c>
      <c r="KJ38" s="102">
        <v>225</v>
      </c>
      <c r="KK38" s="102">
        <v>128</v>
      </c>
      <c r="KL38" s="103">
        <v>1298</v>
      </c>
      <c r="KM38" s="104">
        <v>1747</v>
      </c>
    </row>
    <row r="39" spans="2:299" s="70" customFormat="1" ht="21" customHeight="1" x14ac:dyDescent="0.2">
      <c r="B39" s="106" t="s">
        <v>36</v>
      </c>
      <c r="C39" s="96">
        <v>66</v>
      </c>
      <c r="D39" s="97">
        <v>84</v>
      </c>
      <c r="E39" s="98">
        <v>150</v>
      </c>
      <c r="F39" s="413">
        <v>0</v>
      </c>
      <c r="G39" s="97">
        <v>169</v>
      </c>
      <c r="H39" s="97">
        <v>150</v>
      </c>
      <c r="I39" s="97">
        <v>121</v>
      </c>
      <c r="J39" s="97">
        <v>84</v>
      </c>
      <c r="K39" s="97">
        <v>52</v>
      </c>
      <c r="L39" s="99">
        <v>576</v>
      </c>
      <c r="M39" s="100">
        <v>726</v>
      </c>
      <c r="N39" s="101">
        <v>3</v>
      </c>
      <c r="O39" s="102">
        <v>5</v>
      </c>
      <c r="P39" s="103">
        <v>8</v>
      </c>
      <c r="Q39" s="413">
        <v>0</v>
      </c>
      <c r="R39" s="102">
        <v>10</v>
      </c>
      <c r="S39" s="102">
        <v>11</v>
      </c>
      <c r="T39" s="102">
        <v>10</v>
      </c>
      <c r="U39" s="102">
        <v>5</v>
      </c>
      <c r="V39" s="102">
        <v>6</v>
      </c>
      <c r="W39" s="103">
        <v>42</v>
      </c>
      <c r="X39" s="104">
        <v>50</v>
      </c>
      <c r="Y39" s="101">
        <v>6</v>
      </c>
      <c r="Z39" s="102">
        <v>11</v>
      </c>
      <c r="AA39" s="103">
        <v>17</v>
      </c>
      <c r="AB39" s="413">
        <v>0</v>
      </c>
      <c r="AC39" s="102">
        <v>17</v>
      </c>
      <c r="AD39" s="102">
        <v>25</v>
      </c>
      <c r="AE39" s="102">
        <v>11</v>
      </c>
      <c r="AF39" s="102">
        <v>12</v>
      </c>
      <c r="AG39" s="102">
        <v>5</v>
      </c>
      <c r="AH39" s="103">
        <v>70</v>
      </c>
      <c r="AI39" s="104">
        <v>87</v>
      </c>
      <c r="AJ39" s="101">
        <v>18</v>
      </c>
      <c r="AK39" s="102">
        <v>9</v>
      </c>
      <c r="AL39" s="103">
        <v>27</v>
      </c>
      <c r="AM39" s="413">
        <v>0</v>
      </c>
      <c r="AN39" s="102">
        <v>35</v>
      </c>
      <c r="AO39" s="102">
        <v>27</v>
      </c>
      <c r="AP39" s="102">
        <v>25</v>
      </c>
      <c r="AQ39" s="102">
        <v>13</v>
      </c>
      <c r="AR39" s="102">
        <v>12</v>
      </c>
      <c r="AS39" s="103">
        <v>112</v>
      </c>
      <c r="AT39" s="104">
        <v>139</v>
      </c>
      <c r="AU39" s="101">
        <v>19</v>
      </c>
      <c r="AV39" s="102">
        <v>26</v>
      </c>
      <c r="AW39" s="103">
        <v>45</v>
      </c>
      <c r="AX39" s="413">
        <v>0</v>
      </c>
      <c r="AY39" s="102">
        <v>45</v>
      </c>
      <c r="AZ39" s="102">
        <v>33</v>
      </c>
      <c r="BA39" s="102">
        <v>36</v>
      </c>
      <c r="BB39" s="102">
        <v>28</v>
      </c>
      <c r="BC39" s="102">
        <v>13</v>
      </c>
      <c r="BD39" s="103">
        <v>155</v>
      </c>
      <c r="BE39" s="104">
        <v>200</v>
      </c>
      <c r="BF39" s="101">
        <v>13</v>
      </c>
      <c r="BG39" s="102">
        <v>18</v>
      </c>
      <c r="BH39" s="103">
        <v>31</v>
      </c>
      <c r="BI39" s="413">
        <v>0</v>
      </c>
      <c r="BJ39" s="102">
        <v>43</v>
      </c>
      <c r="BK39" s="102">
        <v>34</v>
      </c>
      <c r="BL39" s="102">
        <v>18</v>
      </c>
      <c r="BM39" s="102">
        <v>15</v>
      </c>
      <c r="BN39" s="102">
        <v>10</v>
      </c>
      <c r="BO39" s="103">
        <v>120</v>
      </c>
      <c r="BP39" s="104">
        <v>151</v>
      </c>
      <c r="BQ39" s="101">
        <v>7</v>
      </c>
      <c r="BR39" s="102">
        <v>15</v>
      </c>
      <c r="BS39" s="103">
        <v>22</v>
      </c>
      <c r="BT39" s="413">
        <v>0</v>
      </c>
      <c r="BU39" s="102">
        <v>19</v>
      </c>
      <c r="BV39" s="102">
        <v>20</v>
      </c>
      <c r="BW39" s="102">
        <v>21</v>
      </c>
      <c r="BX39" s="102">
        <v>11</v>
      </c>
      <c r="BY39" s="102">
        <v>6</v>
      </c>
      <c r="BZ39" s="103">
        <v>77</v>
      </c>
      <c r="CA39" s="104">
        <v>99</v>
      </c>
      <c r="CB39" s="101">
        <v>2</v>
      </c>
      <c r="CC39" s="102">
        <v>3</v>
      </c>
      <c r="CD39" s="103">
        <v>5</v>
      </c>
      <c r="CE39" s="413">
        <v>0</v>
      </c>
      <c r="CF39" s="102">
        <v>7</v>
      </c>
      <c r="CG39" s="102">
        <v>3</v>
      </c>
      <c r="CH39" s="102">
        <v>9</v>
      </c>
      <c r="CI39" s="102">
        <v>8</v>
      </c>
      <c r="CJ39" s="102">
        <v>2</v>
      </c>
      <c r="CK39" s="103">
        <v>29</v>
      </c>
      <c r="CL39" s="104">
        <v>34</v>
      </c>
      <c r="CM39" s="101">
        <v>68</v>
      </c>
      <c r="CN39" s="102">
        <v>87</v>
      </c>
      <c r="CO39" s="103">
        <v>155</v>
      </c>
      <c r="CP39" s="413">
        <v>0</v>
      </c>
      <c r="CQ39" s="102">
        <v>176</v>
      </c>
      <c r="CR39" s="102">
        <v>153</v>
      </c>
      <c r="CS39" s="102">
        <v>130</v>
      </c>
      <c r="CT39" s="102">
        <v>92</v>
      </c>
      <c r="CU39" s="102">
        <v>54</v>
      </c>
      <c r="CV39" s="103">
        <v>605</v>
      </c>
      <c r="CW39" s="104">
        <v>760</v>
      </c>
      <c r="CX39" s="105">
        <v>99</v>
      </c>
      <c r="CY39" s="97">
        <v>194</v>
      </c>
      <c r="CZ39" s="98">
        <v>293</v>
      </c>
      <c r="DA39" s="413">
        <v>0</v>
      </c>
      <c r="DB39" s="97">
        <v>251</v>
      </c>
      <c r="DC39" s="97">
        <v>228</v>
      </c>
      <c r="DD39" s="97">
        <v>185</v>
      </c>
      <c r="DE39" s="97">
        <v>164</v>
      </c>
      <c r="DF39" s="97">
        <v>129</v>
      </c>
      <c r="DG39" s="99">
        <v>957</v>
      </c>
      <c r="DH39" s="100">
        <v>1250</v>
      </c>
      <c r="DI39" s="101">
        <v>2</v>
      </c>
      <c r="DJ39" s="102">
        <v>4</v>
      </c>
      <c r="DK39" s="103">
        <v>6</v>
      </c>
      <c r="DL39" s="413">
        <v>0</v>
      </c>
      <c r="DM39" s="102">
        <v>5</v>
      </c>
      <c r="DN39" s="102">
        <v>5</v>
      </c>
      <c r="DO39" s="102">
        <v>5</v>
      </c>
      <c r="DP39" s="102">
        <v>3</v>
      </c>
      <c r="DQ39" s="102">
        <v>2</v>
      </c>
      <c r="DR39" s="103">
        <v>20</v>
      </c>
      <c r="DS39" s="104">
        <v>26</v>
      </c>
      <c r="DT39" s="101">
        <v>3</v>
      </c>
      <c r="DU39" s="102">
        <v>23</v>
      </c>
      <c r="DV39" s="103">
        <v>26</v>
      </c>
      <c r="DW39" s="413">
        <v>0</v>
      </c>
      <c r="DX39" s="102">
        <v>19</v>
      </c>
      <c r="DY39" s="102">
        <v>16</v>
      </c>
      <c r="DZ39" s="102">
        <v>10</v>
      </c>
      <c r="EA39" s="102">
        <v>15</v>
      </c>
      <c r="EB39" s="102">
        <v>10</v>
      </c>
      <c r="EC39" s="103">
        <v>70</v>
      </c>
      <c r="ED39" s="104">
        <v>96</v>
      </c>
      <c r="EE39" s="101">
        <v>22</v>
      </c>
      <c r="EF39" s="102">
        <v>32</v>
      </c>
      <c r="EG39" s="103">
        <v>54</v>
      </c>
      <c r="EH39" s="413">
        <v>0</v>
      </c>
      <c r="EI39" s="102">
        <v>33</v>
      </c>
      <c r="EJ39" s="102">
        <v>30</v>
      </c>
      <c r="EK39" s="102">
        <v>21</v>
      </c>
      <c r="EL39" s="102">
        <v>25</v>
      </c>
      <c r="EM39" s="102">
        <v>17</v>
      </c>
      <c r="EN39" s="103">
        <v>126</v>
      </c>
      <c r="EO39" s="104">
        <v>180</v>
      </c>
      <c r="EP39" s="101">
        <v>43</v>
      </c>
      <c r="EQ39" s="102">
        <v>56</v>
      </c>
      <c r="ER39" s="103">
        <v>99</v>
      </c>
      <c r="ES39" s="413">
        <v>0</v>
      </c>
      <c r="ET39" s="102">
        <v>70</v>
      </c>
      <c r="EU39" s="102">
        <v>61</v>
      </c>
      <c r="EV39" s="102">
        <v>34</v>
      </c>
      <c r="EW39" s="102">
        <v>30</v>
      </c>
      <c r="EX39" s="102">
        <v>26</v>
      </c>
      <c r="EY39" s="103">
        <v>221</v>
      </c>
      <c r="EZ39" s="104">
        <v>320</v>
      </c>
      <c r="FA39" s="101">
        <v>20</v>
      </c>
      <c r="FB39" s="102">
        <v>58</v>
      </c>
      <c r="FC39" s="103">
        <v>78</v>
      </c>
      <c r="FD39" s="413">
        <v>0</v>
      </c>
      <c r="FE39" s="102">
        <v>69</v>
      </c>
      <c r="FF39" s="102">
        <v>52</v>
      </c>
      <c r="FG39" s="102">
        <v>52</v>
      </c>
      <c r="FH39" s="102">
        <v>35</v>
      </c>
      <c r="FI39" s="102">
        <v>32</v>
      </c>
      <c r="FJ39" s="103">
        <v>240</v>
      </c>
      <c r="FK39" s="104">
        <v>318</v>
      </c>
      <c r="FL39" s="101">
        <v>9</v>
      </c>
      <c r="FM39" s="102">
        <v>21</v>
      </c>
      <c r="FN39" s="103">
        <v>30</v>
      </c>
      <c r="FO39" s="413">
        <v>0</v>
      </c>
      <c r="FP39" s="102">
        <v>55</v>
      </c>
      <c r="FQ39" s="102">
        <v>64</v>
      </c>
      <c r="FR39" s="102">
        <v>63</v>
      </c>
      <c r="FS39" s="102">
        <v>56</v>
      </c>
      <c r="FT39" s="102">
        <v>42</v>
      </c>
      <c r="FU39" s="103">
        <v>280</v>
      </c>
      <c r="FV39" s="104">
        <v>310</v>
      </c>
      <c r="FW39" s="101">
        <v>1</v>
      </c>
      <c r="FX39" s="102">
        <v>4</v>
      </c>
      <c r="FY39" s="103">
        <v>5</v>
      </c>
      <c r="FZ39" s="413">
        <v>0</v>
      </c>
      <c r="GA39" s="102">
        <v>3</v>
      </c>
      <c r="GB39" s="102">
        <v>2</v>
      </c>
      <c r="GC39" s="102">
        <v>2</v>
      </c>
      <c r="GD39" s="102">
        <v>6</v>
      </c>
      <c r="GE39" s="102">
        <v>4</v>
      </c>
      <c r="GF39" s="103">
        <v>17</v>
      </c>
      <c r="GG39" s="104">
        <v>22</v>
      </c>
      <c r="GH39" s="101">
        <v>100</v>
      </c>
      <c r="GI39" s="102">
        <v>198</v>
      </c>
      <c r="GJ39" s="103">
        <v>298</v>
      </c>
      <c r="GK39" s="413">
        <v>0</v>
      </c>
      <c r="GL39" s="102">
        <v>254</v>
      </c>
      <c r="GM39" s="102">
        <v>230</v>
      </c>
      <c r="GN39" s="102">
        <v>187</v>
      </c>
      <c r="GO39" s="102">
        <v>170</v>
      </c>
      <c r="GP39" s="102">
        <v>133</v>
      </c>
      <c r="GQ39" s="103">
        <v>974</v>
      </c>
      <c r="GR39" s="104">
        <v>1272</v>
      </c>
      <c r="GS39" s="105">
        <v>165</v>
      </c>
      <c r="GT39" s="97">
        <v>278</v>
      </c>
      <c r="GU39" s="98">
        <v>443</v>
      </c>
      <c r="GV39" s="413">
        <v>0</v>
      </c>
      <c r="GW39" s="97">
        <v>420</v>
      </c>
      <c r="GX39" s="97">
        <v>378</v>
      </c>
      <c r="GY39" s="97">
        <v>306</v>
      </c>
      <c r="GZ39" s="97">
        <v>248</v>
      </c>
      <c r="HA39" s="97">
        <v>181</v>
      </c>
      <c r="HB39" s="99">
        <v>1533</v>
      </c>
      <c r="HC39" s="100">
        <v>1976</v>
      </c>
      <c r="HD39" s="101">
        <v>5</v>
      </c>
      <c r="HE39" s="102">
        <v>9</v>
      </c>
      <c r="HF39" s="103">
        <v>14</v>
      </c>
      <c r="HG39" s="416">
        <v>0</v>
      </c>
      <c r="HH39" s="102">
        <v>15</v>
      </c>
      <c r="HI39" s="102">
        <v>16</v>
      </c>
      <c r="HJ39" s="102">
        <v>15</v>
      </c>
      <c r="HK39" s="102">
        <v>8</v>
      </c>
      <c r="HL39" s="102">
        <v>8</v>
      </c>
      <c r="HM39" s="103">
        <v>62</v>
      </c>
      <c r="HN39" s="104">
        <v>76</v>
      </c>
      <c r="HO39" s="101">
        <v>9</v>
      </c>
      <c r="HP39" s="102">
        <v>34</v>
      </c>
      <c r="HQ39" s="103">
        <v>43</v>
      </c>
      <c r="HR39" s="413">
        <v>0</v>
      </c>
      <c r="HS39" s="102">
        <v>36</v>
      </c>
      <c r="HT39" s="102">
        <v>41</v>
      </c>
      <c r="HU39" s="102">
        <v>21</v>
      </c>
      <c r="HV39" s="102">
        <v>27</v>
      </c>
      <c r="HW39" s="102">
        <v>15</v>
      </c>
      <c r="HX39" s="103">
        <v>140</v>
      </c>
      <c r="HY39" s="104">
        <v>183</v>
      </c>
      <c r="HZ39" s="101">
        <v>40</v>
      </c>
      <c r="IA39" s="102">
        <v>41</v>
      </c>
      <c r="IB39" s="103">
        <v>81</v>
      </c>
      <c r="IC39" s="413">
        <v>0</v>
      </c>
      <c r="ID39" s="102">
        <v>68</v>
      </c>
      <c r="IE39" s="102">
        <v>57</v>
      </c>
      <c r="IF39" s="102">
        <v>46</v>
      </c>
      <c r="IG39" s="102">
        <v>38</v>
      </c>
      <c r="IH39" s="102">
        <v>29</v>
      </c>
      <c r="II39" s="103">
        <v>238</v>
      </c>
      <c r="IJ39" s="104">
        <v>319</v>
      </c>
      <c r="IK39" s="101">
        <v>62</v>
      </c>
      <c r="IL39" s="102">
        <v>82</v>
      </c>
      <c r="IM39" s="103">
        <v>144</v>
      </c>
      <c r="IN39" s="413">
        <v>0</v>
      </c>
      <c r="IO39" s="102">
        <v>115</v>
      </c>
      <c r="IP39" s="102">
        <v>94</v>
      </c>
      <c r="IQ39" s="102">
        <v>70</v>
      </c>
      <c r="IR39" s="102">
        <v>58</v>
      </c>
      <c r="IS39" s="102">
        <v>39</v>
      </c>
      <c r="IT39" s="103">
        <v>376</v>
      </c>
      <c r="IU39" s="104">
        <v>520</v>
      </c>
      <c r="IV39" s="101">
        <v>33</v>
      </c>
      <c r="IW39" s="102">
        <v>76</v>
      </c>
      <c r="IX39" s="103">
        <v>109</v>
      </c>
      <c r="IY39" s="413">
        <v>0</v>
      </c>
      <c r="IZ39" s="102">
        <v>112</v>
      </c>
      <c r="JA39" s="102">
        <v>86</v>
      </c>
      <c r="JB39" s="102">
        <v>70</v>
      </c>
      <c r="JC39" s="102">
        <v>50</v>
      </c>
      <c r="JD39" s="102">
        <v>42</v>
      </c>
      <c r="JE39" s="103">
        <v>360</v>
      </c>
      <c r="JF39" s="104">
        <v>469</v>
      </c>
      <c r="JG39" s="101">
        <v>16</v>
      </c>
      <c r="JH39" s="102">
        <v>36</v>
      </c>
      <c r="JI39" s="103">
        <v>52</v>
      </c>
      <c r="JJ39" s="413">
        <v>0</v>
      </c>
      <c r="JK39" s="102">
        <v>74</v>
      </c>
      <c r="JL39" s="102">
        <v>84</v>
      </c>
      <c r="JM39" s="102">
        <v>84</v>
      </c>
      <c r="JN39" s="102">
        <v>67</v>
      </c>
      <c r="JO39" s="102">
        <v>48</v>
      </c>
      <c r="JP39" s="103">
        <v>357</v>
      </c>
      <c r="JQ39" s="104">
        <v>409</v>
      </c>
      <c r="JR39" s="101">
        <v>3</v>
      </c>
      <c r="JS39" s="102">
        <v>7</v>
      </c>
      <c r="JT39" s="103">
        <v>10</v>
      </c>
      <c r="JU39" s="413">
        <v>0</v>
      </c>
      <c r="JV39" s="102">
        <v>10</v>
      </c>
      <c r="JW39" s="102">
        <v>5</v>
      </c>
      <c r="JX39" s="102">
        <v>11</v>
      </c>
      <c r="JY39" s="102">
        <v>14</v>
      </c>
      <c r="JZ39" s="102">
        <v>6</v>
      </c>
      <c r="KA39" s="103">
        <v>46</v>
      </c>
      <c r="KB39" s="104">
        <v>56</v>
      </c>
      <c r="KC39" s="101">
        <v>168</v>
      </c>
      <c r="KD39" s="102">
        <v>285</v>
      </c>
      <c r="KE39" s="103">
        <v>453</v>
      </c>
      <c r="KF39" s="413">
        <v>0</v>
      </c>
      <c r="KG39" s="102">
        <v>430</v>
      </c>
      <c r="KH39" s="102">
        <v>383</v>
      </c>
      <c r="KI39" s="102">
        <v>317</v>
      </c>
      <c r="KJ39" s="102">
        <v>262</v>
      </c>
      <c r="KK39" s="102">
        <v>187</v>
      </c>
      <c r="KL39" s="103">
        <v>1579</v>
      </c>
      <c r="KM39" s="104">
        <v>2032</v>
      </c>
    </row>
    <row r="40" spans="2:299" s="70" customFormat="1" ht="21" customHeight="1" thickBot="1" x14ac:dyDescent="0.25">
      <c r="B40" s="108" t="s">
        <v>37</v>
      </c>
      <c r="C40" s="109">
        <v>2</v>
      </c>
      <c r="D40" s="110">
        <v>1</v>
      </c>
      <c r="E40" s="111">
        <v>3</v>
      </c>
      <c r="F40" s="414">
        <v>0</v>
      </c>
      <c r="G40" s="110">
        <v>9</v>
      </c>
      <c r="H40" s="110">
        <v>11</v>
      </c>
      <c r="I40" s="110">
        <v>8</v>
      </c>
      <c r="J40" s="110">
        <v>2</v>
      </c>
      <c r="K40" s="110">
        <v>5</v>
      </c>
      <c r="L40" s="112">
        <v>35</v>
      </c>
      <c r="M40" s="113">
        <v>38</v>
      </c>
      <c r="N40" s="114">
        <v>1</v>
      </c>
      <c r="O40" s="115">
        <v>1</v>
      </c>
      <c r="P40" s="116">
        <v>2</v>
      </c>
      <c r="Q40" s="414">
        <v>0</v>
      </c>
      <c r="R40" s="115">
        <v>0</v>
      </c>
      <c r="S40" s="115">
        <v>0</v>
      </c>
      <c r="T40" s="115">
        <v>0</v>
      </c>
      <c r="U40" s="115">
        <v>1</v>
      </c>
      <c r="V40" s="115">
        <v>0</v>
      </c>
      <c r="W40" s="116">
        <v>1</v>
      </c>
      <c r="X40" s="117">
        <v>3</v>
      </c>
      <c r="Y40" s="114">
        <v>1</v>
      </c>
      <c r="Z40" s="115">
        <v>0</v>
      </c>
      <c r="AA40" s="116">
        <v>1</v>
      </c>
      <c r="AB40" s="414">
        <v>0</v>
      </c>
      <c r="AC40" s="115">
        <v>0</v>
      </c>
      <c r="AD40" s="115">
        <v>0</v>
      </c>
      <c r="AE40" s="115">
        <v>3</v>
      </c>
      <c r="AF40" s="115">
        <v>0</v>
      </c>
      <c r="AG40" s="115">
        <v>1</v>
      </c>
      <c r="AH40" s="116">
        <v>4</v>
      </c>
      <c r="AI40" s="117">
        <v>5</v>
      </c>
      <c r="AJ40" s="114">
        <v>0</v>
      </c>
      <c r="AK40" s="115">
        <v>0</v>
      </c>
      <c r="AL40" s="116">
        <v>0</v>
      </c>
      <c r="AM40" s="414">
        <v>0</v>
      </c>
      <c r="AN40" s="115">
        <v>2</v>
      </c>
      <c r="AO40" s="115">
        <v>4</v>
      </c>
      <c r="AP40" s="115">
        <v>2</v>
      </c>
      <c r="AQ40" s="115">
        <v>0</v>
      </c>
      <c r="AR40" s="115">
        <v>0</v>
      </c>
      <c r="AS40" s="116">
        <v>8</v>
      </c>
      <c r="AT40" s="117">
        <v>8</v>
      </c>
      <c r="AU40" s="114">
        <v>0</v>
      </c>
      <c r="AV40" s="115">
        <v>0</v>
      </c>
      <c r="AW40" s="116">
        <v>0</v>
      </c>
      <c r="AX40" s="414">
        <v>0</v>
      </c>
      <c r="AY40" s="115">
        <v>4</v>
      </c>
      <c r="AZ40" s="115">
        <v>2</v>
      </c>
      <c r="BA40" s="115">
        <v>1</v>
      </c>
      <c r="BB40" s="115">
        <v>0</v>
      </c>
      <c r="BC40" s="115">
        <v>0</v>
      </c>
      <c r="BD40" s="116">
        <v>7</v>
      </c>
      <c r="BE40" s="117">
        <v>7</v>
      </c>
      <c r="BF40" s="114">
        <v>0</v>
      </c>
      <c r="BG40" s="115">
        <v>0</v>
      </c>
      <c r="BH40" s="116">
        <v>0</v>
      </c>
      <c r="BI40" s="414">
        <v>0</v>
      </c>
      <c r="BJ40" s="115">
        <v>1</v>
      </c>
      <c r="BK40" s="115">
        <v>2</v>
      </c>
      <c r="BL40" s="115">
        <v>2</v>
      </c>
      <c r="BM40" s="115">
        <v>1</v>
      </c>
      <c r="BN40" s="115">
        <v>2</v>
      </c>
      <c r="BO40" s="116">
        <v>8</v>
      </c>
      <c r="BP40" s="117">
        <v>8</v>
      </c>
      <c r="BQ40" s="114">
        <v>0</v>
      </c>
      <c r="BR40" s="115">
        <v>0</v>
      </c>
      <c r="BS40" s="116">
        <v>0</v>
      </c>
      <c r="BT40" s="414">
        <v>0</v>
      </c>
      <c r="BU40" s="115">
        <v>2</v>
      </c>
      <c r="BV40" s="115">
        <v>3</v>
      </c>
      <c r="BW40" s="115">
        <v>0</v>
      </c>
      <c r="BX40" s="115">
        <v>0</v>
      </c>
      <c r="BY40" s="115">
        <v>2</v>
      </c>
      <c r="BZ40" s="116">
        <v>7</v>
      </c>
      <c r="CA40" s="117">
        <v>7</v>
      </c>
      <c r="CB40" s="114">
        <v>0</v>
      </c>
      <c r="CC40" s="115">
        <v>0</v>
      </c>
      <c r="CD40" s="116">
        <v>0</v>
      </c>
      <c r="CE40" s="414">
        <v>0</v>
      </c>
      <c r="CF40" s="115">
        <v>0</v>
      </c>
      <c r="CG40" s="115">
        <v>1</v>
      </c>
      <c r="CH40" s="115">
        <v>0</v>
      </c>
      <c r="CI40" s="115">
        <v>2</v>
      </c>
      <c r="CJ40" s="115">
        <v>0</v>
      </c>
      <c r="CK40" s="116">
        <v>3</v>
      </c>
      <c r="CL40" s="117">
        <v>3</v>
      </c>
      <c r="CM40" s="114">
        <v>2</v>
      </c>
      <c r="CN40" s="115">
        <v>1</v>
      </c>
      <c r="CO40" s="116">
        <v>3</v>
      </c>
      <c r="CP40" s="414">
        <v>0</v>
      </c>
      <c r="CQ40" s="115">
        <v>9</v>
      </c>
      <c r="CR40" s="115">
        <v>12</v>
      </c>
      <c r="CS40" s="115">
        <v>8</v>
      </c>
      <c r="CT40" s="115">
        <v>4</v>
      </c>
      <c r="CU40" s="115">
        <v>5</v>
      </c>
      <c r="CV40" s="116">
        <v>38</v>
      </c>
      <c r="CW40" s="117">
        <v>41</v>
      </c>
      <c r="CX40" s="118">
        <v>15</v>
      </c>
      <c r="CY40" s="110">
        <v>3</v>
      </c>
      <c r="CZ40" s="111">
        <v>18</v>
      </c>
      <c r="DA40" s="414">
        <v>0</v>
      </c>
      <c r="DB40" s="110">
        <v>20</v>
      </c>
      <c r="DC40" s="110">
        <v>19</v>
      </c>
      <c r="DD40" s="110">
        <v>24</v>
      </c>
      <c r="DE40" s="110">
        <v>21</v>
      </c>
      <c r="DF40" s="110">
        <v>15</v>
      </c>
      <c r="DG40" s="112">
        <v>99</v>
      </c>
      <c r="DH40" s="113">
        <v>117</v>
      </c>
      <c r="DI40" s="114">
        <v>0</v>
      </c>
      <c r="DJ40" s="115">
        <v>0</v>
      </c>
      <c r="DK40" s="116">
        <v>0</v>
      </c>
      <c r="DL40" s="414">
        <v>0</v>
      </c>
      <c r="DM40" s="115">
        <v>0</v>
      </c>
      <c r="DN40" s="115">
        <v>0</v>
      </c>
      <c r="DO40" s="115">
        <v>0</v>
      </c>
      <c r="DP40" s="115">
        <v>0</v>
      </c>
      <c r="DQ40" s="115">
        <v>1</v>
      </c>
      <c r="DR40" s="116">
        <v>1</v>
      </c>
      <c r="DS40" s="117">
        <v>1</v>
      </c>
      <c r="DT40" s="114">
        <v>2</v>
      </c>
      <c r="DU40" s="115">
        <v>0</v>
      </c>
      <c r="DV40" s="116">
        <v>2</v>
      </c>
      <c r="DW40" s="414">
        <v>0</v>
      </c>
      <c r="DX40" s="115">
        <v>0</v>
      </c>
      <c r="DY40" s="115">
        <v>0</v>
      </c>
      <c r="DZ40" s="115">
        <v>1</v>
      </c>
      <c r="EA40" s="115">
        <v>0</v>
      </c>
      <c r="EB40" s="115">
        <v>1</v>
      </c>
      <c r="EC40" s="116">
        <v>2</v>
      </c>
      <c r="ED40" s="117">
        <v>4</v>
      </c>
      <c r="EE40" s="114">
        <v>1</v>
      </c>
      <c r="EF40" s="115">
        <v>1</v>
      </c>
      <c r="EG40" s="116">
        <v>2</v>
      </c>
      <c r="EH40" s="414">
        <v>0</v>
      </c>
      <c r="EI40" s="115">
        <v>1</v>
      </c>
      <c r="EJ40" s="115">
        <v>3</v>
      </c>
      <c r="EK40" s="115">
        <v>3</v>
      </c>
      <c r="EL40" s="115">
        <v>2</v>
      </c>
      <c r="EM40" s="115">
        <v>0</v>
      </c>
      <c r="EN40" s="116">
        <v>9</v>
      </c>
      <c r="EO40" s="117">
        <v>11</v>
      </c>
      <c r="EP40" s="114">
        <v>5</v>
      </c>
      <c r="EQ40" s="115">
        <v>1</v>
      </c>
      <c r="ER40" s="116">
        <v>6</v>
      </c>
      <c r="ES40" s="414">
        <v>0</v>
      </c>
      <c r="ET40" s="115">
        <v>5</v>
      </c>
      <c r="EU40" s="115">
        <v>3</v>
      </c>
      <c r="EV40" s="115">
        <v>2</v>
      </c>
      <c r="EW40" s="115">
        <v>4</v>
      </c>
      <c r="EX40" s="115">
        <v>5</v>
      </c>
      <c r="EY40" s="116">
        <v>19</v>
      </c>
      <c r="EZ40" s="117">
        <v>25</v>
      </c>
      <c r="FA40" s="114">
        <v>5</v>
      </c>
      <c r="FB40" s="115">
        <v>0</v>
      </c>
      <c r="FC40" s="116">
        <v>5</v>
      </c>
      <c r="FD40" s="414">
        <v>0</v>
      </c>
      <c r="FE40" s="115">
        <v>6</v>
      </c>
      <c r="FF40" s="115">
        <v>4</v>
      </c>
      <c r="FG40" s="115">
        <v>11</v>
      </c>
      <c r="FH40" s="115">
        <v>5</v>
      </c>
      <c r="FI40" s="115">
        <v>5</v>
      </c>
      <c r="FJ40" s="116">
        <v>31</v>
      </c>
      <c r="FK40" s="117">
        <v>36</v>
      </c>
      <c r="FL40" s="114">
        <v>2</v>
      </c>
      <c r="FM40" s="115">
        <v>1</v>
      </c>
      <c r="FN40" s="116">
        <v>3</v>
      </c>
      <c r="FO40" s="414">
        <v>0</v>
      </c>
      <c r="FP40" s="115">
        <v>8</v>
      </c>
      <c r="FQ40" s="115">
        <v>9</v>
      </c>
      <c r="FR40" s="115">
        <v>7</v>
      </c>
      <c r="FS40" s="115">
        <v>10</v>
      </c>
      <c r="FT40" s="115">
        <v>3</v>
      </c>
      <c r="FU40" s="116">
        <v>37</v>
      </c>
      <c r="FV40" s="117">
        <v>40</v>
      </c>
      <c r="FW40" s="114">
        <v>0</v>
      </c>
      <c r="FX40" s="115">
        <v>0</v>
      </c>
      <c r="FY40" s="116">
        <v>0</v>
      </c>
      <c r="FZ40" s="414">
        <v>0</v>
      </c>
      <c r="GA40" s="115">
        <v>0</v>
      </c>
      <c r="GB40" s="115">
        <v>1</v>
      </c>
      <c r="GC40" s="115">
        <v>0</v>
      </c>
      <c r="GD40" s="115">
        <v>0</v>
      </c>
      <c r="GE40" s="115">
        <v>0</v>
      </c>
      <c r="GF40" s="116">
        <v>1</v>
      </c>
      <c r="GG40" s="117">
        <v>1</v>
      </c>
      <c r="GH40" s="114">
        <v>15</v>
      </c>
      <c r="GI40" s="115">
        <v>3</v>
      </c>
      <c r="GJ40" s="116">
        <v>18</v>
      </c>
      <c r="GK40" s="414">
        <v>0</v>
      </c>
      <c r="GL40" s="115">
        <v>20</v>
      </c>
      <c r="GM40" s="115">
        <v>20</v>
      </c>
      <c r="GN40" s="115">
        <v>24</v>
      </c>
      <c r="GO40" s="115">
        <v>21</v>
      </c>
      <c r="GP40" s="115">
        <v>15</v>
      </c>
      <c r="GQ40" s="116">
        <v>100</v>
      </c>
      <c r="GR40" s="117">
        <v>118</v>
      </c>
      <c r="GS40" s="118">
        <v>17</v>
      </c>
      <c r="GT40" s="110">
        <v>4</v>
      </c>
      <c r="GU40" s="111">
        <v>21</v>
      </c>
      <c r="GV40" s="414">
        <v>0</v>
      </c>
      <c r="GW40" s="110">
        <v>29</v>
      </c>
      <c r="GX40" s="110">
        <v>30</v>
      </c>
      <c r="GY40" s="110">
        <v>32</v>
      </c>
      <c r="GZ40" s="110">
        <v>23</v>
      </c>
      <c r="HA40" s="110">
        <v>20</v>
      </c>
      <c r="HB40" s="112">
        <v>134</v>
      </c>
      <c r="HC40" s="113">
        <v>155</v>
      </c>
      <c r="HD40" s="114">
        <v>1</v>
      </c>
      <c r="HE40" s="115">
        <v>1</v>
      </c>
      <c r="HF40" s="116">
        <v>2</v>
      </c>
      <c r="HG40" s="417">
        <v>0</v>
      </c>
      <c r="HH40" s="115">
        <v>0</v>
      </c>
      <c r="HI40" s="115">
        <v>0</v>
      </c>
      <c r="HJ40" s="115">
        <v>0</v>
      </c>
      <c r="HK40" s="115">
        <v>1</v>
      </c>
      <c r="HL40" s="115">
        <v>1</v>
      </c>
      <c r="HM40" s="116">
        <v>2</v>
      </c>
      <c r="HN40" s="117">
        <v>4</v>
      </c>
      <c r="HO40" s="114">
        <v>3</v>
      </c>
      <c r="HP40" s="115">
        <v>0</v>
      </c>
      <c r="HQ40" s="116">
        <v>3</v>
      </c>
      <c r="HR40" s="414">
        <v>0</v>
      </c>
      <c r="HS40" s="115">
        <v>0</v>
      </c>
      <c r="HT40" s="115">
        <v>0</v>
      </c>
      <c r="HU40" s="115">
        <v>4</v>
      </c>
      <c r="HV40" s="115">
        <v>0</v>
      </c>
      <c r="HW40" s="115">
        <v>2</v>
      </c>
      <c r="HX40" s="116">
        <v>6</v>
      </c>
      <c r="HY40" s="117">
        <v>9</v>
      </c>
      <c r="HZ40" s="114">
        <v>1</v>
      </c>
      <c r="IA40" s="115">
        <v>1</v>
      </c>
      <c r="IB40" s="116">
        <v>2</v>
      </c>
      <c r="IC40" s="414">
        <v>0</v>
      </c>
      <c r="ID40" s="115">
        <v>3</v>
      </c>
      <c r="IE40" s="115">
        <v>7</v>
      </c>
      <c r="IF40" s="115">
        <v>5</v>
      </c>
      <c r="IG40" s="115">
        <v>2</v>
      </c>
      <c r="IH40" s="115">
        <v>0</v>
      </c>
      <c r="II40" s="116">
        <v>17</v>
      </c>
      <c r="IJ40" s="117">
        <v>19</v>
      </c>
      <c r="IK40" s="114">
        <v>5</v>
      </c>
      <c r="IL40" s="115">
        <v>1</v>
      </c>
      <c r="IM40" s="116">
        <v>6</v>
      </c>
      <c r="IN40" s="414">
        <v>0</v>
      </c>
      <c r="IO40" s="115">
        <v>9</v>
      </c>
      <c r="IP40" s="115">
        <v>5</v>
      </c>
      <c r="IQ40" s="115">
        <v>3</v>
      </c>
      <c r="IR40" s="115">
        <v>4</v>
      </c>
      <c r="IS40" s="115">
        <v>5</v>
      </c>
      <c r="IT40" s="116">
        <v>26</v>
      </c>
      <c r="IU40" s="117">
        <v>32</v>
      </c>
      <c r="IV40" s="114">
        <v>5</v>
      </c>
      <c r="IW40" s="115">
        <v>0</v>
      </c>
      <c r="IX40" s="116">
        <v>5</v>
      </c>
      <c r="IY40" s="414">
        <v>0</v>
      </c>
      <c r="IZ40" s="115">
        <v>7</v>
      </c>
      <c r="JA40" s="115">
        <v>6</v>
      </c>
      <c r="JB40" s="115">
        <v>13</v>
      </c>
      <c r="JC40" s="115">
        <v>6</v>
      </c>
      <c r="JD40" s="115">
        <v>7</v>
      </c>
      <c r="JE40" s="116">
        <v>39</v>
      </c>
      <c r="JF40" s="117">
        <v>44</v>
      </c>
      <c r="JG40" s="114">
        <v>2</v>
      </c>
      <c r="JH40" s="115">
        <v>1</v>
      </c>
      <c r="JI40" s="116">
        <v>3</v>
      </c>
      <c r="JJ40" s="414">
        <v>0</v>
      </c>
      <c r="JK40" s="115">
        <v>10</v>
      </c>
      <c r="JL40" s="115">
        <v>12</v>
      </c>
      <c r="JM40" s="115">
        <v>7</v>
      </c>
      <c r="JN40" s="115">
        <v>10</v>
      </c>
      <c r="JO40" s="115">
        <v>5</v>
      </c>
      <c r="JP40" s="116">
        <v>44</v>
      </c>
      <c r="JQ40" s="117">
        <v>47</v>
      </c>
      <c r="JR40" s="114">
        <v>0</v>
      </c>
      <c r="JS40" s="115">
        <v>0</v>
      </c>
      <c r="JT40" s="116">
        <v>0</v>
      </c>
      <c r="JU40" s="414">
        <v>0</v>
      </c>
      <c r="JV40" s="115">
        <v>0</v>
      </c>
      <c r="JW40" s="115">
        <v>2</v>
      </c>
      <c r="JX40" s="115">
        <v>0</v>
      </c>
      <c r="JY40" s="115">
        <v>2</v>
      </c>
      <c r="JZ40" s="115">
        <v>0</v>
      </c>
      <c r="KA40" s="116">
        <v>4</v>
      </c>
      <c r="KB40" s="117">
        <v>4</v>
      </c>
      <c r="KC40" s="114">
        <v>17</v>
      </c>
      <c r="KD40" s="115">
        <v>4</v>
      </c>
      <c r="KE40" s="116">
        <v>21</v>
      </c>
      <c r="KF40" s="414">
        <v>0</v>
      </c>
      <c r="KG40" s="115">
        <v>29</v>
      </c>
      <c r="KH40" s="115">
        <v>32</v>
      </c>
      <c r="KI40" s="115">
        <v>32</v>
      </c>
      <c r="KJ40" s="115">
        <v>25</v>
      </c>
      <c r="KK40" s="115">
        <v>20</v>
      </c>
      <c r="KL40" s="116">
        <v>138</v>
      </c>
      <c r="KM40" s="117">
        <v>159</v>
      </c>
    </row>
    <row r="41" spans="2:299" ht="32.25" customHeight="1" x14ac:dyDescent="0.2"/>
  </sheetData>
  <mergeCells count="36">
    <mergeCell ref="I1:J1"/>
    <mergeCell ref="CB4:CL5"/>
    <mergeCell ref="CM4:CW5"/>
    <mergeCell ref="C5:M5"/>
    <mergeCell ref="N5:X5"/>
    <mergeCell ref="Y5:AI5"/>
    <mergeCell ref="AJ5:AT5"/>
    <mergeCell ref="AU5:BE5"/>
    <mergeCell ref="BF5:BP5"/>
    <mergeCell ref="BQ5:CA5"/>
    <mergeCell ref="C3:CW3"/>
    <mergeCell ref="C4:CA4"/>
    <mergeCell ref="F1:G1"/>
    <mergeCell ref="B3:B5"/>
    <mergeCell ref="CX3:GR3"/>
    <mergeCell ref="CX4:FV4"/>
    <mergeCell ref="FW4:GG5"/>
    <mergeCell ref="GH4:GR5"/>
    <mergeCell ref="CX5:DH5"/>
    <mergeCell ref="DI5:DS5"/>
    <mergeCell ref="DT5:ED5"/>
    <mergeCell ref="EE5:EO5"/>
    <mergeCell ref="EP5:EZ5"/>
    <mergeCell ref="FA5:FK5"/>
    <mergeCell ref="FL5:FV5"/>
    <mergeCell ref="GS3:KM3"/>
    <mergeCell ref="GS4:JQ4"/>
    <mergeCell ref="JR4:KB5"/>
    <mergeCell ref="KC4:KM5"/>
    <mergeCell ref="GS5:HC5"/>
    <mergeCell ref="HD5:HN5"/>
    <mergeCell ref="HO5:HY5"/>
    <mergeCell ref="HZ5:IJ5"/>
    <mergeCell ref="IK5:IU5"/>
    <mergeCell ref="IV5:JF5"/>
    <mergeCell ref="JG5:JQ5"/>
  </mergeCells>
  <phoneticPr fontId="4"/>
  <printOptions horizontalCentered="1"/>
  <pageMargins left="0.59055118110236227" right="0.39370078740157483" top="0.59055118110236227" bottom="0.55118110236220474" header="0.23622047244094491" footer="0.27559055118110237"/>
  <pageSetup paperSize="9" scale="44" orientation="landscape" r:id="rId1"/>
  <headerFooter alignWithMargins="0">
    <oddFooter>&amp;L&amp;20&amp;X&amp;A&amp;C&amp;P/&amp;N</oddFooter>
  </headerFooter>
  <colBreaks count="8" manualBreakCount="8">
    <brk id="35" max="40" man="1"/>
    <brk id="68" max="1048575" man="1"/>
    <brk id="101" max="1048575" man="1"/>
    <brk id="133" max="40" man="1"/>
    <brk id="167" max="40" man="1"/>
    <brk id="200" max="40" man="1"/>
    <brk id="233" max="40" man="1"/>
    <brk id="266"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71" customWidth="1"/>
    <col min="3" max="3" width="8.88671875" style="71" customWidth="1"/>
    <col min="4" max="4" width="8.109375" style="71" customWidth="1"/>
    <col min="5" max="5" width="10.109375" style="71" bestFit="1" customWidth="1"/>
    <col min="6" max="6" width="9.6640625" style="71" bestFit="1" customWidth="1"/>
    <col min="7" max="7" width="9.109375" style="71" bestFit="1" customWidth="1"/>
    <col min="8" max="8" width="9.6640625" style="71" bestFit="1" customWidth="1"/>
    <col min="9" max="9" width="9.109375" style="71" bestFit="1" customWidth="1"/>
    <col min="10" max="11" width="9" style="71"/>
    <col min="12" max="12" width="9.6640625" style="71" customWidth="1"/>
    <col min="13" max="22" width="8.77734375" style="71" customWidth="1"/>
    <col min="23" max="42" width="9.6640625" style="71" customWidth="1"/>
    <col min="43" max="16384" width="9" style="71"/>
  </cols>
  <sheetData>
    <row r="1" spans="2:43" ht="24" customHeight="1" x14ac:dyDescent="0.2">
      <c r="B1" s="10" t="s">
        <v>56</v>
      </c>
      <c r="F1" s="63">
        <f>第１表!F2</f>
        <v>6</v>
      </c>
      <c r="G1" s="16">
        <f>第１表!G2</f>
        <v>9</v>
      </c>
      <c r="H1" s="445">
        <f>IF(G1&lt;3,G1-2+12,G1-2)</f>
        <v>7</v>
      </c>
      <c r="I1" s="445"/>
    </row>
    <row r="2" spans="2:43" ht="24" customHeight="1" thickBot="1" x14ac:dyDescent="0.25">
      <c r="B2" s="10" t="s">
        <v>155</v>
      </c>
      <c r="F2" s="10" t="s">
        <v>137</v>
      </c>
    </row>
    <row r="3" spans="2:43" ht="21" customHeight="1" x14ac:dyDescent="0.2">
      <c r="B3" s="522"/>
      <c r="C3" s="519" t="s">
        <v>57</v>
      </c>
      <c r="D3" s="520"/>
      <c r="E3" s="520"/>
      <c r="F3" s="520"/>
      <c r="G3" s="520"/>
      <c r="H3" s="520"/>
      <c r="I3" s="520"/>
      <c r="J3" s="520"/>
      <c r="K3" s="520"/>
      <c r="L3" s="520"/>
      <c r="M3" s="519" t="s">
        <v>58</v>
      </c>
      <c r="N3" s="525"/>
      <c r="O3" s="525"/>
      <c r="P3" s="525"/>
      <c r="Q3" s="525"/>
      <c r="R3" s="525"/>
      <c r="S3" s="525"/>
      <c r="T3" s="525"/>
      <c r="U3" s="525"/>
      <c r="V3" s="525"/>
      <c r="W3" s="519" t="s">
        <v>59</v>
      </c>
      <c r="X3" s="520"/>
      <c r="Y3" s="520"/>
      <c r="Z3" s="520"/>
      <c r="AA3" s="520"/>
      <c r="AB3" s="520"/>
      <c r="AC3" s="520"/>
      <c r="AD3" s="520"/>
      <c r="AE3" s="520"/>
      <c r="AF3" s="520"/>
      <c r="AG3" s="519" t="s">
        <v>148</v>
      </c>
      <c r="AH3" s="520"/>
      <c r="AI3" s="520"/>
      <c r="AJ3" s="520"/>
      <c r="AK3" s="520"/>
      <c r="AL3" s="520"/>
      <c r="AM3" s="520"/>
      <c r="AN3" s="520"/>
      <c r="AO3" s="520"/>
      <c r="AP3" s="521"/>
    </row>
    <row r="4" spans="2:43" ht="21" customHeight="1" x14ac:dyDescent="0.2">
      <c r="B4" s="524"/>
      <c r="C4" s="502" t="s">
        <v>61</v>
      </c>
      <c r="D4" s="503"/>
      <c r="E4" s="504"/>
      <c r="F4" s="505" t="s">
        <v>62</v>
      </c>
      <c r="G4" s="506"/>
      <c r="H4" s="506"/>
      <c r="I4" s="506"/>
      <c r="J4" s="506"/>
      <c r="K4" s="507"/>
      <c r="L4" s="516" t="s">
        <v>52</v>
      </c>
      <c r="M4" s="502" t="s">
        <v>61</v>
      </c>
      <c r="N4" s="503"/>
      <c r="O4" s="504"/>
      <c r="P4" s="505" t="s">
        <v>62</v>
      </c>
      <c r="Q4" s="506"/>
      <c r="R4" s="506"/>
      <c r="S4" s="506"/>
      <c r="T4" s="506"/>
      <c r="U4" s="507"/>
      <c r="V4" s="508" t="s">
        <v>52</v>
      </c>
      <c r="W4" s="502" t="s">
        <v>61</v>
      </c>
      <c r="X4" s="503"/>
      <c r="Y4" s="504"/>
      <c r="Z4" s="505" t="s">
        <v>62</v>
      </c>
      <c r="AA4" s="506"/>
      <c r="AB4" s="506"/>
      <c r="AC4" s="506"/>
      <c r="AD4" s="506"/>
      <c r="AE4" s="507"/>
      <c r="AF4" s="516" t="s">
        <v>52</v>
      </c>
      <c r="AG4" s="502" t="s">
        <v>61</v>
      </c>
      <c r="AH4" s="503"/>
      <c r="AI4" s="504"/>
      <c r="AJ4" s="505" t="s">
        <v>62</v>
      </c>
      <c r="AK4" s="506"/>
      <c r="AL4" s="506"/>
      <c r="AM4" s="506"/>
      <c r="AN4" s="506"/>
      <c r="AO4" s="507"/>
      <c r="AP4" s="508" t="s">
        <v>52</v>
      </c>
    </row>
    <row r="5" spans="2:43" ht="30" customHeight="1" thickBot="1" x14ac:dyDescent="0.25">
      <c r="B5" s="72" t="s">
        <v>42</v>
      </c>
      <c r="C5" s="229" t="s">
        <v>43</v>
      </c>
      <c r="D5" s="230" t="s">
        <v>44</v>
      </c>
      <c r="E5" s="230" t="s">
        <v>45</v>
      </c>
      <c r="F5" s="231" t="s">
        <v>47</v>
      </c>
      <c r="G5" s="232" t="s">
        <v>48</v>
      </c>
      <c r="H5" s="232" t="s">
        <v>49</v>
      </c>
      <c r="I5" s="233" t="s">
        <v>50</v>
      </c>
      <c r="J5" s="230" t="s">
        <v>51</v>
      </c>
      <c r="K5" s="234" t="s">
        <v>95</v>
      </c>
      <c r="L5" s="517"/>
      <c r="M5" s="229" t="s">
        <v>43</v>
      </c>
      <c r="N5" s="230" t="s">
        <v>44</v>
      </c>
      <c r="O5" s="234" t="s">
        <v>45</v>
      </c>
      <c r="P5" s="235" t="s">
        <v>47</v>
      </c>
      <c r="Q5" s="232" t="s">
        <v>48</v>
      </c>
      <c r="R5" s="232" t="s">
        <v>49</v>
      </c>
      <c r="S5" s="233" t="s">
        <v>50</v>
      </c>
      <c r="T5" s="230" t="s">
        <v>51</v>
      </c>
      <c r="U5" s="234" t="s">
        <v>45</v>
      </c>
      <c r="V5" s="509"/>
      <c r="W5" s="229" t="s">
        <v>43</v>
      </c>
      <c r="X5" s="230" t="s">
        <v>44</v>
      </c>
      <c r="Y5" s="230" t="s">
        <v>45</v>
      </c>
      <c r="Z5" s="231" t="s">
        <v>47</v>
      </c>
      <c r="AA5" s="232" t="s">
        <v>48</v>
      </c>
      <c r="AB5" s="232" t="s">
        <v>49</v>
      </c>
      <c r="AC5" s="233" t="s">
        <v>50</v>
      </c>
      <c r="AD5" s="230" t="s">
        <v>51</v>
      </c>
      <c r="AE5" s="234" t="s">
        <v>45</v>
      </c>
      <c r="AF5" s="517"/>
      <c r="AG5" s="229" t="s">
        <v>43</v>
      </c>
      <c r="AH5" s="230" t="s">
        <v>44</v>
      </c>
      <c r="AI5" s="230" t="s">
        <v>45</v>
      </c>
      <c r="AJ5" s="231" t="s">
        <v>47</v>
      </c>
      <c r="AK5" s="232" t="s">
        <v>48</v>
      </c>
      <c r="AL5" s="232" t="s">
        <v>49</v>
      </c>
      <c r="AM5" s="233" t="s">
        <v>50</v>
      </c>
      <c r="AN5" s="230" t="s">
        <v>51</v>
      </c>
      <c r="AO5" s="234" t="s">
        <v>45</v>
      </c>
      <c r="AP5" s="509"/>
    </row>
    <row r="6" spans="2:43" ht="21" customHeight="1" x14ac:dyDescent="0.2">
      <c r="B6" s="84" t="s">
        <v>4</v>
      </c>
      <c r="C6" s="211">
        <v>0</v>
      </c>
      <c r="D6" s="213">
        <v>0</v>
      </c>
      <c r="E6" s="213">
        <v>0</v>
      </c>
      <c r="F6" s="214">
        <v>17</v>
      </c>
      <c r="G6" s="212">
        <v>69</v>
      </c>
      <c r="H6" s="212">
        <v>454</v>
      </c>
      <c r="I6" s="212">
        <v>687</v>
      </c>
      <c r="J6" s="213">
        <v>350</v>
      </c>
      <c r="K6" s="236">
        <v>1577</v>
      </c>
      <c r="L6" s="237">
        <v>1577</v>
      </c>
      <c r="M6" s="211">
        <v>0</v>
      </c>
      <c r="N6" s="213">
        <v>0</v>
      </c>
      <c r="O6" s="236">
        <v>0</v>
      </c>
      <c r="P6" s="216">
        <v>79</v>
      </c>
      <c r="Q6" s="212">
        <v>169</v>
      </c>
      <c r="R6" s="212">
        <v>281</v>
      </c>
      <c r="S6" s="212">
        <v>318</v>
      </c>
      <c r="T6" s="213">
        <v>167</v>
      </c>
      <c r="U6" s="236">
        <v>1014</v>
      </c>
      <c r="V6" s="215">
        <v>1014</v>
      </c>
      <c r="W6" s="216">
        <v>0</v>
      </c>
      <c r="X6" s="213">
        <v>0</v>
      </c>
      <c r="Y6" s="213">
        <v>0</v>
      </c>
      <c r="Z6" s="214">
        <v>0</v>
      </c>
      <c r="AA6" s="212">
        <v>0</v>
      </c>
      <c r="AB6" s="212">
        <v>0</v>
      </c>
      <c r="AC6" s="212">
        <v>0</v>
      </c>
      <c r="AD6" s="213">
        <v>0</v>
      </c>
      <c r="AE6" s="236">
        <v>0</v>
      </c>
      <c r="AF6" s="237">
        <v>0</v>
      </c>
      <c r="AG6" s="211">
        <v>0</v>
      </c>
      <c r="AH6" s="213">
        <v>0</v>
      </c>
      <c r="AI6" s="213">
        <v>0</v>
      </c>
      <c r="AJ6" s="214">
        <v>0</v>
      </c>
      <c r="AK6" s="212">
        <v>1</v>
      </c>
      <c r="AL6" s="212">
        <v>0</v>
      </c>
      <c r="AM6" s="212">
        <v>12</v>
      </c>
      <c r="AN6" s="213">
        <v>14</v>
      </c>
      <c r="AO6" s="236">
        <v>27</v>
      </c>
      <c r="AP6" s="238">
        <v>27</v>
      </c>
      <c r="AQ6" s="239"/>
    </row>
    <row r="7" spans="2:43" ht="21" customHeight="1" x14ac:dyDescent="0.2">
      <c r="B7" s="95" t="s">
        <v>5</v>
      </c>
      <c r="C7" s="217">
        <v>0</v>
      </c>
      <c r="D7" s="219">
        <v>0</v>
      </c>
      <c r="E7" s="219">
        <v>0</v>
      </c>
      <c r="F7" s="220">
        <v>11</v>
      </c>
      <c r="G7" s="218">
        <v>55</v>
      </c>
      <c r="H7" s="218">
        <v>221</v>
      </c>
      <c r="I7" s="218">
        <v>308</v>
      </c>
      <c r="J7" s="219">
        <v>154</v>
      </c>
      <c r="K7" s="240">
        <v>749</v>
      </c>
      <c r="L7" s="241">
        <v>749</v>
      </c>
      <c r="M7" s="217">
        <v>0</v>
      </c>
      <c r="N7" s="219">
        <v>0</v>
      </c>
      <c r="O7" s="240">
        <v>0</v>
      </c>
      <c r="P7" s="222">
        <v>43</v>
      </c>
      <c r="Q7" s="218">
        <v>90</v>
      </c>
      <c r="R7" s="218">
        <v>130</v>
      </c>
      <c r="S7" s="218">
        <v>164</v>
      </c>
      <c r="T7" s="219">
        <v>86</v>
      </c>
      <c r="U7" s="240">
        <v>513</v>
      </c>
      <c r="V7" s="221">
        <v>513</v>
      </c>
      <c r="W7" s="222">
        <v>0</v>
      </c>
      <c r="X7" s="219">
        <v>0</v>
      </c>
      <c r="Y7" s="219">
        <v>0</v>
      </c>
      <c r="Z7" s="220">
        <v>0</v>
      </c>
      <c r="AA7" s="218">
        <v>0</v>
      </c>
      <c r="AB7" s="218">
        <v>0</v>
      </c>
      <c r="AC7" s="218">
        <v>0</v>
      </c>
      <c r="AD7" s="219">
        <v>0</v>
      </c>
      <c r="AE7" s="240">
        <v>0</v>
      </c>
      <c r="AF7" s="241">
        <v>0</v>
      </c>
      <c r="AG7" s="217">
        <v>0</v>
      </c>
      <c r="AH7" s="219">
        <v>0</v>
      </c>
      <c r="AI7" s="219">
        <v>0</v>
      </c>
      <c r="AJ7" s="220">
        <v>0</v>
      </c>
      <c r="AK7" s="218">
        <v>0</v>
      </c>
      <c r="AL7" s="218">
        <v>0</v>
      </c>
      <c r="AM7" s="218">
        <v>4</v>
      </c>
      <c r="AN7" s="219">
        <v>4</v>
      </c>
      <c r="AO7" s="240">
        <v>8</v>
      </c>
      <c r="AP7" s="242">
        <v>8</v>
      </c>
      <c r="AQ7" s="239"/>
    </row>
    <row r="8" spans="2:43" ht="21" customHeight="1" x14ac:dyDescent="0.2">
      <c r="B8" s="106" t="s">
        <v>6</v>
      </c>
      <c r="C8" s="217">
        <v>0</v>
      </c>
      <c r="D8" s="219">
        <v>0</v>
      </c>
      <c r="E8" s="219">
        <v>0</v>
      </c>
      <c r="F8" s="220">
        <v>2</v>
      </c>
      <c r="G8" s="218">
        <v>7</v>
      </c>
      <c r="H8" s="218">
        <v>50</v>
      </c>
      <c r="I8" s="218">
        <v>76</v>
      </c>
      <c r="J8" s="219">
        <v>41</v>
      </c>
      <c r="K8" s="240">
        <v>176</v>
      </c>
      <c r="L8" s="241">
        <v>176</v>
      </c>
      <c r="M8" s="217">
        <v>0</v>
      </c>
      <c r="N8" s="219">
        <v>0</v>
      </c>
      <c r="O8" s="240">
        <v>0</v>
      </c>
      <c r="P8" s="222">
        <v>8</v>
      </c>
      <c r="Q8" s="218">
        <v>17</v>
      </c>
      <c r="R8" s="218">
        <v>32</v>
      </c>
      <c r="S8" s="218">
        <v>35</v>
      </c>
      <c r="T8" s="219">
        <v>23</v>
      </c>
      <c r="U8" s="240">
        <v>115</v>
      </c>
      <c r="V8" s="221">
        <v>115</v>
      </c>
      <c r="W8" s="222">
        <v>0</v>
      </c>
      <c r="X8" s="219">
        <v>0</v>
      </c>
      <c r="Y8" s="219">
        <v>0</v>
      </c>
      <c r="Z8" s="220">
        <v>0</v>
      </c>
      <c r="AA8" s="218">
        <v>0</v>
      </c>
      <c r="AB8" s="218">
        <v>0</v>
      </c>
      <c r="AC8" s="218">
        <v>0</v>
      </c>
      <c r="AD8" s="219">
        <v>0</v>
      </c>
      <c r="AE8" s="240">
        <v>0</v>
      </c>
      <c r="AF8" s="241">
        <v>0</v>
      </c>
      <c r="AG8" s="217">
        <v>0</v>
      </c>
      <c r="AH8" s="219">
        <v>0</v>
      </c>
      <c r="AI8" s="219">
        <v>0</v>
      </c>
      <c r="AJ8" s="220">
        <v>0</v>
      </c>
      <c r="AK8" s="218">
        <v>0</v>
      </c>
      <c r="AL8" s="218">
        <v>0</v>
      </c>
      <c r="AM8" s="218">
        <v>0</v>
      </c>
      <c r="AN8" s="219">
        <v>0</v>
      </c>
      <c r="AO8" s="240">
        <v>0</v>
      </c>
      <c r="AP8" s="242">
        <v>0</v>
      </c>
      <c r="AQ8" s="239"/>
    </row>
    <row r="9" spans="2:43" ht="21" customHeight="1" x14ac:dyDescent="0.2">
      <c r="B9" s="106" t="s">
        <v>14</v>
      </c>
      <c r="C9" s="217">
        <v>0</v>
      </c>
      <c r="D9" s="219">
        <v>0</v>
      </c>
      <c r="E9" s="219">
        <v>0</v>
      </c>
      <c r="F9" s="220">
        <v>0</v>
      </c>
      <c r="G9" s="218">
        <v>1</v>
      </c>
      <c r="H9" s="218">
        <v>35</v>
      </c>
      <c r="I9" s="218">
        <v>53</v>
      </c>
      <c r="J9" s="219">
        <v>25</v>
      </c>
      <c r="K9" s="240">
        <v>114</v>
      </c>
      <c r="L9" s="241">
        <v>114</v>
      </c>
      <c r="M9" s="217">
        <v>0</v>
      </c>
      <c r="N9" s="219">
        <v>0</v>
      </c>
      <c r="O9" s="240">
        <v>0</v>
      </c>
      <c r="P9" s="222">
        <v>3</v>
      </c>
      <c r="Q9" s="218">
        <v>11</v>
      </c>
      <c r="R9" s="218">
        <v>16</v>
      </c>
      <c r="S9" s="218">
        <v>15</v>
      </c>
      <c r="T9" s="219">
        <v>7</v>
      </c>
      <c r="U9" s="240">
        <v>52</v>
      </c>
      <c r="V9" s="221">
        <v>52</v>
      </c>
      <c r="W9" s="222">
        <v>0</v>
      </c>
      <c r="X9" s="219">
        <v>0</v>
      </c>
      <c r="Y9" s="219">
        <v>0</v>
      </c>
      <c r="Z9" s="220">
        <v>0</v>
      </c>
      <c r="AA9" s="218">
        <v>0</v>
      </c>
      <c r="AB9" s="218">
        <v>0</v>
      </c>
      <c r="AC9" s="218">
        <v>0</v>
      </c>
      <c r="AD9" s="219">
        <v>0</v>
      </c>
      <c r="AE9" s="240">
        <v>0</v>
      </c>
      <c r="AF9" s="241">
        <v>0</v>
      </c>
      <c r="AG9" s="217">
        <v>0</v>
      </c>
      <c r="AH9" s="219">
        <v>0</v>
      </c>
      <c r="AI9" s="219">
        <v>0</v>
      </c>
      <c r="AJ9" s="220">
        <v>0</v>
      </c>
      <c r="AK9" s="218">
        <v>0</v>
      </c>
      <c r="AL9" s="218">
        <v>0</v>
      </c>
      <c r="AM9" s="218">
        <v>3</v>
      </c>
      <c r="AN9" s="219">
        <v>6</v>
      </c>
      <c r="AO9" s="240">
        <v>9</v>
      </c>
      <c r="AP9" s="242">
        <v>9</v>
      </c>
      <c r="AQ9" s="239"/>
    </row>
    <row r="10" spans="2:43" ht="21" customHeight="1" x14ac:dyDescent="0.2">
      <c r="B10" s="106" t="s">
        <v>7</v>
      </c>
      <c r="C10" s="217">
        <v>0</v>
      </c>
      <c r="D10" s="219">
        <v>0</v>
      </c>
      <c r="E10" s="219">
        <v>0</v>
      </c>
      <c r="F10" s="220">
        <v>1</v>
      </c>
      <c r="G10" s="218">
        <v>1</v>
      </c>
      <c r="H10" s="218">
        <v>28</v>
      </c>
      <c r="I10" s="218">
        <v>46</v>
      </c>
      <c r="J10" s="219">
        <v>22</v>
      </c>
      <c r="K10" s="240">
        <v>98</v>
      </c>
      <c r="L10" s="241">
        <v>98</v>
      </c>
      <c r="M10" s="217">
        <v>0</v>
      </c>
      <c r="N10" s="219">
        <v>0</v>
      </c>
      <c r="O10" s="240">
        <v>0</v>
      </c>
      <c r="P10" s="222">
        <v>11</v>
      </c>
      <c r="Q10" s="218">
        <v>12</v>
      </c>
      <c r="R10" s="218">
        <v>10</v>
      </c>
      <c r="S10" s="218">
        <v>16</v>
      </c>
      <c r="T10" s="219">
        <v>6</v>
      </c>
      <c r="U10" s="240">
        <v>55</v>
      </c>
      <c r="V10" s="221">
        <v>55</v>
      </c>
      <c r="W10" s="222">
        <v>0</v>
      </c>
      <c r="X10" s="219">
        <v>0</v>
      </c>
      <c r="Y10" s="219">
        <v>0</v>
      </c>
      <c r="Z10" s="220">
        <v>0</v>
      </c>
      <c r="AA10" s="218">
        <v>0</v>
      </c>
      <c r="AB10" s="218">
        <v>0</v>
      </c>
      <c r="AC10" s="218">
        <v>0</v>
      </c>
      <c r="AD10" s="219">
        <v>0</v>
      </c>
      <c r="AE10" s="240">
        <v>0</v>
      </c>
      <c r="AF10" s="241">
        <v>0</v>
      </c>
      <c r="AG10" s="217">
        <v>0</v>
      </c>
      <c r="AH10" s="219">
        <v>0</v>
      </c>
      <c r="AI10" s="219">
        <v>0</v>
      </c>
      <c r="AJ10" s="220">
        <v>0</v>
      </c>
      <c r="AK10" s="218">
        <v>0</v>
      </c>
      <c r="AL10" s="218">
        <v>0</v>
      </c>
      <c r="AM10" s="218">
        <v>1</v>
      </c>
      <c r="AN10" s="219">
        <v>0</v>
      </c>
      <c r="AO10" s="240">
        <v>1</v>
      </c>
      <c r="AP10" s="242">
        <v>1</v>
      </c>
      <c r="AQ10" s="239"/>
    </row>
    <row r="11" spans="2:43" ht="21" customHeight="1" x14ac:dyDescent="0.2">
      <c r="B11" s="106" t="s">
        <v>8</v>
      </c>
      <c r="C11" s="217">
        <v>0</v>
      </c>
      <c r="D11" s="219">
        <v>0</v>
      </c>
      <c r="E11" s="219">
        <v>0</v>
      </c>
      <c r="F11" s="220">
        <v>1</v>
      </c>
      <c r="G11" s="218">
        <v>2</v>
      </c>
      <c r="H11" s="218">
        <v>11</v>
      </c>
      <c r="I11" s="218">
        <v>8</v>
      </c>
      <c r="J11" s="219">
        <v>7</v>
      </c>
      <c r="K11" s="240">
        <v>29</v>
      </c>
      <c r="L11" s="241">
        <v>29</v>
      </c>
      <c r="M11" s="217">
        <v>0</v>
      </c>
      <c r="N11" s="219">
        <v>0</v>
      </c>
      <c r="O11" s="240">
        <v>0</v>
      </c>
      <c r="P11" s="222">
        <v>0</v>
      </c>
      <c r="Q11" s="218">
        <v>2</v>
      </c>
      <c r="R11" s="218">
        <v>9</v>
      </c>
      <c r="S11" s="218">
        <v>3</v>
      </c>
      <c r="T11" s="219">
        <v>4</v>
      </c>
      <c r="U11" s="240">
        <v>18</v>
      </c>
      <c r="V11" s="221">
        <v>18</v>
      </c>
      <c r="W11" s="222">
        <v>0</v>
      </c>
      <c r="X11" s="219">
        <v>0</v>
      </c>
      <c r="Y11" s="219">
        <v>0</v>
      </c>
      <c r="Z11" s="220">
        <v>0</v>
      </c>
      <c r="AA11" s="218">
        <v>0</v>
      </c>
      <c r="AB11" s="218">
        <v>0</v>
      </c>
      <c r="AC11" s="218">
        <v>0</v>
      </c>
      <c r="AD11" s="219">
        <v>0</v>
      </c>
      <c r="AE11" s="240">
        <v>0</v>
      </c>
      <c r="AF11" s="241">
        <v>0</v>
      </c>
      <c r="AG11" s="217">
        <v>0</v>
      </c>
      <c r="AH11" s="219">
        <v>0</v>
      </c>
      <c r="AI11" s="219">
        <v>0</v>
      </c>
      <c r="AJ11" s="220">
        <v>0</v>
      </c>
      <c r="AK11" s="218">
        <v>0</v>
      </c>
      <c r="AL11" s="218">
        <v>0</v>
      </c>
      <c r="AM11" s="218">
        <v>0</v>
      </c>
      <c r="AN11" s="219">
        <v>1</v>
      </c>
      <c r="AO11" s="240">
        <v>1</v>
      </c>
      <c r="AP11" s="242">
        <v>1</v>
      </c>
      <c r="AQ11" s="239"/>
    </row>
    <row r="12" spans="2:43" ht="21" customHeight="1" x14ac:dyDescent="0.2">
      <c r="B12" s="106" t="s">
        <v>9</v>
      </c>
      <c r="C12" s="217">
        <v>0</v>
      </c>
      <c r="D12" s="219">
        <v>0</v>
      </c>
      <c r="E12" s="219">
        <v>0</v>
      </c>
      <c r="F12" s="220">
        <v>0</v>
      </c>
      <c r="G12" s="218">
        <v>0</v>
      </c>
      <c r="H12" s="218">
        <v>13</v>
      </c>
      <c r="I12" s="218">
        <v>27</v>
      </c>
      <c r="J12" s="219">
        <v>7</v>
      </c>
      <c r="K12" s="240">
        <v>47</v>
      </c>
      <c r="L12" s="241">
        <v>47</v>
      </c>
      <c r="M12" s="217">
        <v>0</v>
      </c>
      <c r="N12" s="219">
        <v>0</v>
      </c>
      <c r="O12" s="240">
        <v>0</v>
      </c>
      <c r="P12" s="222">
        <v>0</v>
      </c>
      <c r="Q12" s="218">
        <v>4</v>
      </c>
      <c r="R12" s="218">
        <v>11</v>
      </c>
      <c r="S12" s="218">
        <v>6</v>
      </c>
      <c r="T12" s="219">
        <v>2</v>
      </c>
      <c r="U12" s="240">
        <v>23</v>
      </c>
      <c r="V12" s="221">
        <v>23</v>
      </c>
      <c r="W12" s="222">
        <v>0</v>
      </c>
      <c r="X12" s="219">
        <v>0</v>
      </c>
      <c r="Y12" s="219">
        <v>0</v>
      </c>
      <c r="Z12" s="220">
        <v>0</v>
      </c>
      <c r="AA12" s="218">
        <v>0</v>
      </c>
      <c r="AB12" s="218">
        <v>0</v>
      </c>
      <c r="AC12" s="218">
        <v>0</v>
      </c>
      <c r="AD12" s="219">
        <v>0</v>
      </c>
      <c r="AE12" s="240">
        <v>0</v>
      </c>
      <c r="AF12" s="241">
        <v>0</v>
      </c>
      <c r="AG12" s="217">
        <v>0</v>
      </c>
      <c r="AH12" s="219">
        <v>0</v>
      </c>
      <c r="AI12" s="219">
        <v>0</v>
      </c>
      <c r="AJ12" s="220">
        <v>0</v>
      </c>
      <c r="AK12" s="218">
        <v>0</v>
      </c>
      <c r="AL12" s="218">
        <v>0</v>
      </c>
      <c r="AM12" s="218">
        <v>0</v>
      </c>
      <c r="AN12" s="219">
        <v>0</v>
      </c>
      <c r="AO12" s="240">
        <v>0</v>
      </c>
      <c r="AP12" s="242">
        <v>0</v>
      </c>
      <c r="AQ12" s="239"/>
    </row>
    <row r="13" spans="2:43" ht="21" customHeight="1" x14ac:dyDescent="0.2">
      <c r="B13" s="106" t="s">
        <v>10</v>
      </c>
      <c r="C13" s="217">
        <v>0</v>
      </c>
      <c r="D13" s="219">
        <v>0</v>
      </c>
      <c r="E13" s="219">
        <v>0</v>
      </c>
      <c r="F13" s="220">
        <v>1</v>
      </c>
      <c r="G13" s="218">
        <v>0</v>
      </c>
      <c r="H13" s="218">
        <v>16</v>
      </c>
      <c r="I13" s="218">
        <v>34</v>
      </c>
      <c r="J13" s="219">
        <v>17</v>
      </c>
      <c r="K13" s="240">
        <v>68</v>
      </c>
      <c r="L13" s="241">
        <v>68</v>
      </c>
      <c r="M13" s="217">
        <v>0</v>
      </c>
      <c r="N13" s="219">
        <v>0</v>
      </c>
      <c r="O13" s="240">
        <v>0</v>
      </c>
      <c r="P13" s="222">
        <v>2</v>
      </c>
      <c r="Q13" s="218">
        <v>6</v>
      </c>
      <c r="R13" s="218">
        <v>6</v>
      </c>
      <c r="S13" s="218">
        <v>11</v>
      </c>
      <c r="T13" s="219">
        <v>9</v>
      </c>
      <c r="U13" s="240">
        <v>34</v>
      </c>
      <c r="V13" s="221">
        <v>34</v>
      </c>
      <c r="W13" s="222">
        <v>0</v>
      </c>
      <c r="X13" s="219">
        <v>0</v>
      </c>
      <c r="Y13" s="219">
        <v>0</v>
      </c>
      <c r="Z13" s="220">
        <v>0</v>
      </c>
      <c r="AA13" s="218">
        <v>0</v>
      </c>
      <c r="AB13" s="218">
        <v>0</v>
      </c>
      <c r="AC13" s="218">
        <v>0</v>
      </c>
      <c r="AD13" s="219">
        <v>0</v>
      </c>
      <c r="AE13" s="240">
        <v>0</v>
      </c>
      <c r="AF13" s="241">
        <v>0</v>
      </c>
      <c r="AG13" s="217">
        <v>0</v>
      </c>
      <c r="AH13" s="219">
        <v>0</v>
      </c>
      <c r="AI13" s="219">
        <v>0</v>
      </c>
      <c r="AJ13" s="220">
        <v>0</v>
      </c>
      <c r="AK13" s="218">
        <v>0</v>
      </c>
      <c r="AL13" s="218">
        <v>0</v>
      </c>
      <c r="AM13" s="218">
        <v>0</v>
      </c>
      <c r="AN13" s="219">
        <v>1</v>
      </c>
      <c r="AO13" s="240">
        <v>1</v>
      </c>
      <c r="AP13" s="242">
        <v>1</v>
      </c>
      <c r="AQ13" s="239"/>
    </row>
    <row r="14" spans="2:43" ht="21" customHeight="1" x14ac:dyDescent="0.2">
      <c r="B14" s="106" t="s">
        <v>11</v>
      </c>
      <c r="C14" s="217">
        <v>0</v>
      </c>
      <c r="D14" s="219">
        <v>0</v>
      </c>
      <c r="E14" s="219">
        <v>0</v>
      </c>
      <c r="F14" s="220">
        <v>0</v>
      </c>
      <c r="G14" s="218">
        <v>0</v>
      </c>
      <c r="H14" s="218">
        <v>6</v>
      </c>
      <c r="I14" s="218">
        <v>18</v>
      </c>
      <c r="J14" s="219">
        <v>4</v>
      </c>
      <c r="K14" s="240">
        <v>28</v>
      </c>
      <c r="L14" s="241">
        <v>28</v>
      </c>
      <c r="M14" s="217">
        <v>0</v>
      </c>
      <c r="N14" s="219">
        <v>0</v>
      </c>
      <c r="O14" s="240">
        <v>0</v>
      </c>
      <c r="P14" s="222">
        <v>0</v>
      </c>
      <c r="Q14" s="218">
        <v>1</v>
      </c>
      <c r="R14" s="218">
        <v>8</v>
      </c>
      <c r="S14" s="218">
        <v>6</v>
      </c>
      <c r="T14" s="219">
        <v>6</v>
      </c>
      <c r="U14" s="240">
        <v>21</v>
      </c>
      <c r="V14" s="221">
        <v>21</v>
      </c>
      <c r="W14" s="222">
        <v>0</v>
      </c>
      <c r="X14" s="219">
        <v>0</v>
      </c>
      <c r="Y14" s="219">
        <v>0</v>
      </c>
      <c r="Z14" s="220">
        <v>0</v>
      </c>
      <c r="AA14" s="218">
        <v>0</v>
      </c>
      <c r="AB14" s="218">
        <v>0</v>
      </c>
      <c r="AC14" s="218">
        <v>0</v>
      </c>
      <c r="AD14" s="219">
        <v>0</v>
      </c>
      <c r="AE14" s="240">
        <v>0</v>
      </c>
      <c r="AF14" s="241">
        <v>0</v>
      </c>
      <c r="AG14" s="217">
        <v>0</v>
      </c>
      <c r="AH14" s="219">
        <v>0</v>
      </c>
      <c r="AI14" s="219">
        <v>0</v>
      </c>
      <c r="AJ14" s="220">
        <v>0</v>
      </c>
      <c r="AK14" s="218">
        <v>0</v>
      </c>
      <c r="AL14" s="218">
        <v>0</v>
      </c>
      <c r="AM14" s="218">
        <v>1</v>
      </c>
      <c r="AN14" s="219">
        <v>0</v>
      </c>
      <c r="AO14" s="240">
        <v>1</v>
      </c>
      <c r="AP14" s="242">
        <v>1</v>
      </c>
      <c r="AQ14" s="239"/>
    </row>
    <row r="15" spans="2:43" ht="21" customHeight="1" x14ac:dyDescent="0.2">
      <c r="B15" s="106" t="s">
        <v>12</v>
      </c>
      <c r="C15" s="217">
        <v>0</v>
      </c>
      <c r="D15" s="219">
        <v>0</v>
      </c>
      <c r="E15" s="219">
        <v>0</v>
      </c>
      <c r="F15" s="220">
        <v>0</v>
      </c>
      <c r="G15" s="218">
        <v>0</v>
      </c>
      <c r="H15" s="218">
        <v>10</v>
      </c>
      <c r="I15" s="218">
        <v>7</v>
      </c>
      <c r="J15" s="219">
        <v>6</v>
      </c>
      <c r="K15" s="240">
        <v>23</v>
      </c>
      <c r="L15" s="241">
        <v>23</v>
      </c>
      <c r="M15" s="217">
        <v>0</v>
      </c>
      <c r="N15" s="219">
        <v>0</v>
      </c>
      <c r="O15" s="240">
        <v>0</v>
      </c>
      <c r="P15" s="222">
        <v>1</v>
      </c>
      <c r="Q15" s="218">
        <v>2</v>
      </c>
      <c r="R15" s="218">
        <v>10</v>
      </c>
      <c r="S15" s="218">
        <v>12</v>
      </c>
      <c r="T15" s="219">
        <v>3</v>
      </c>
      <c r="U15" s="240">
        <v>28</v>
      </c>
      <c r="V15" s="221">
        <v>28</v>
      </c>
      <c r="W15" s="222">
        <v>0</v>
      </c>
      <c r="X15" s="219">
        <v>0</v>
      </c>
      <c r="Y15" s="219">
        <v>0</v>
      </c>
      <c r="Z15" s="220">
        <v>0</v>
      </c>
      <c r="AA15" s="218">
        <v>0</v>
      </c>
      <c r="AB15" s="218">
        <v>0</v>
      </c>
      <c r="AC15" s="218">
        <v>0</v>
      </c>
      <c r="AD15" s="219">
        <v>0</v>
      </c>
      <c r="AE15" s="240">
        <v>0</v>
      </c>
      <c r="AF15" s="241">
        <v>0</v>
      </c>
      <c r="AG15" s="217">
        <v>0</v>
      </c>
      <c r="AH15" s="219">
        <v>0</v>
      </c>
      <c r="AI15" s="219">
        <v>0</v>
      </c>
      <c r="AJ15" s="220">
        <v>0</v>
      </c>
      <c r="AK15" s="218">
        <v>0</v>
      </c>
      <c r="AL15" s="218">
        <v>0</v>
      </c>
      <c r="AM15" s="218">
        <v>0</v>
      </c>
      <c r="AN15" s="219">
        <v>0</v>
      </c>
      <c r="AO15" s="240">
        <v>0</v>
      </c>
      <c r="AP15" s="242">
        <v>0</v>
      </c>
      <c r="AQ15" s="239"/>
    </row>
    <row r="16" spans="2:43" ht="21" customHeight="1" x14ac:dyDescent="0.2">
      <c r="B16" s="106" t="s">
        <v>13</v>
      </c>
      <c r="C16" s="217">
        <v>0</v>
      </c>
      <c r="D16" s="219">
        <v>0</v>
      </c>
      <c r="E16" s="219">
        <v>0</v>
      </c>
      <c r="F16" s="220">
        <v>0</v>
      </c>
      <c r="G16" s="218">
        <v>0</v>
      </c>
      <c r="H16" s="218">
        <v>6</v>
      </c>
      <c r="I16" s="218">
        <v>9</v>
      </c>
      <c r="J16" s="219">
        <v>4</v>
      </c>
      <c r="K16" s="240">
        <v>19</v>
      </c>
      <c r="L16" s="241">
        <v>19</v>
      </c>
      <c r="M16" s="217">
        <v>0</v>
      </c>
      <c r="N16" s="219">
        <v>0</v>
      </c>
      <c r="O16" s="240">
        <v>0</v>
      </c>
      <c r="P16" s="222">
        <v>0</v>
      </c>
      <c r="Q16" s="218">
        <v>0</v>
      </c>
      <c r="R16" s="218">
        <v>5</v>
      </c>
      <c r="S16" s="218">
        <v>2</v>
      </c>
      <c r="T16" s="219">
        <v>0</v>
      </c>
      <c r="U16" s="240">
        <v>7</v>
      </c>
      <c r="V16" s="221">
        <v>7</v>
      </c>
      <c r="W16" s="222">
        <v>0</v>
      </c>
      <c r="X16" s="219">
        <v>0</v>
      </c>
      <c r="Y16" s="219">
        <v>0</v>
      </c>
      <c r="Z16" s="220">
        <v>0</v>
      </c>
      <c r="AA16" s="218">
        <v>0</v>
      </c>
      <c r="AB16" s="218">
        <v>0</v>
      </c>
      <c r="AC16" s="218">
        <v>0</v>
      </c>
      <c r="AD16" s="219">
        <v>0</v>
      </c>
      <c r="AE16" s="240">
        <v>0</v>
      </c>
      <c r="AF16" s="241">
        <v>0</v>
      </c>
      <c r="AG16" s="217">
        <v>0</v>
      </c>
      <c r="AH16" s="219">
        <v>0</v>
      </c>
      <c r="AI16" s="219">
        <v>0</v>
      </c>
      <c r="AJ16" s="220">
        <v>0</v>
      </c>
      <c r="AK16" s="218">
        <v>0</v>
      </c>
      <c r="AL16" s="218">
        <v>0</v>
      </c>
      <c r="AM16" s="218">
        <v>0</v>
      </c>
      <c r="AN16" s="219">
        <v>0</v>
      </c>
      <c r="AO16" s="240">
        <v>0</v>
      </c>
      <c r="AP16" s="242">
        <v>0</v>
      </c>
      <c r="AQ16" s="239"/>
    </row>
    <row r="17" spans="2:43" ht="21" customHeight="1" x14ac:dyDescent="0.2">
      <c r="B17" s="106" t="s">
        <v>15</v>
      </c>
      <c r="C17" s="217">
        <v>0</v>
      </c>
      <c r="D17" s="219">
        <v>0</v>
      </c>
      <c r="E17" s="219">
        <v>0</v>
      </c>
      <c r="F17" s="220">
        <v>0</v>
      </c>
      <c r="G17" s="218">
        <v>0</v>
      </c>
      <c r="H17" s="218">
        <v>2</v>
      </c>
      <c r="I17" s="218">
        <v>14</v>
      </c>
      <c r="J17" s="219">
        <v>2</v>
      </c>
      <c r="K17" s="240">
        <v>18</v>
      </c>
      <c r="L17" s="241">
        <v>18</v>
      </c>
      <c r="M17" s="217">
        <v>0</v>
      </c>
      <c r="N17" s="219">
        <v>0</v>
      </c>
      <c r="O17" s="240">
        <v>0</v>
      </c>
      <c r="P17" s="222">
        <v>0</v>
      </c>
      <c r="Q17" s="218">
        <v>2</v>
      </c>
      <c r="R17" s="218">
        <v>3</v>
      </c>
      <c r="S17" s="218">
        <v>5</v>
      </c>
      <c r="T17" s="219">
        <v>1</v>
      </c>
      <c r="U17" s="240">
        <v>11</v>
      </c>
      <c r="V17" s="221">
        <v>11</v>
      </c>
      <c r="W17" s="222">
        <v>0</v>
      </c>
      <c r="X17" s="219">
        <v>0</v>
      </c>
      <c r="Y17" s="219">
        <v>0</v>
      </c>
      <c r="Z17" s="220">
        <v>0</v>
      </c>
      <c r="AA17" s="218">
        <v>0</v>
      </c>
      <c r="AB17" s="218">
        <v>0</v>
      </c>
      <c r="AC17" s="218">
        <v>0</v>
      </c>
      <c r="AD17" s="219">
        <v>0</v>
      </c>
      <c r="AE17" s="240">
        <v>0</v>
      </c>
      <c r="AF17" s="241">
        <v>0</v>
      </c>
      <c r="AG17" s="217">
        <v>0</v>
      </c>
      <c r="AH17" s="219">
        <v>0</v>
      </c>
      <c r="AI17" s="219">
        <v>0</v>
      </c>
      <c r="AJ17" s="220">
        <v>0</v>
      </c>
      <c r="AK17" s="218">
        <v>0</v>
      </c>
      <c r="AL17" s="218">
        <v>0</v>
      </c>
      <c r="AM17" s="218">
        <v>0</v>
      </c>
      <c r="AN17" s="219">
        <v>0</v>
      </c>
      <c r="AO17" s="240">
        <v>0</v>
      </c>
      <c r="AP17" s="242">
        <v>0</v>
      </c>
      <c r="AQ17" s="239"/>
    </row>
    <row r="18" spans="2:43" ht="21" customHeight="1" x14ac:dyDescent="0.2">
      <c r="B18" s="106" t="s">
        <v>16</v>
      </c>
      <c r="C18" s="217">
        <v>0</v>
      </c>
      <c r="D18" s="219">
        <v>0</v>
      </c>
      <c r="E18" s="219">
        <v>0</v>
      </c>
      <c r="F18" s="220">
        <v>0</v>
      </c>
      <c r="G18" s="218">
        <v>1</v>
      </c>
      <c r="H18" s="218">
        <v>5</v>
      </c>
      <c r="I18" s="218">
        <v>11</v>
      </c>
      <c r="J18" s="219">
        <v>6</v>
      </c>
      <c r="K18" s="240">
        <v>23</v>
      </c>
      <c r="L18" s="241">
        <v>23</v>
      </c>
      <c r="M18" s="217">
        <v>0</v>
      </c>
      <c r="N18" s="219">
        <v>0</v>
      </c>
      <c r="O18" s="240">
        <v>0</v>
      </c>
      <c r="P18" s="222">
        <v>4</v>
      </c>
      <c r="Q18" s="218">
        <v>3</v>
      </c>
      <c r="R18" s="218">
        <v>5</v>
      </c>
      <c r="S18" s="218">
        <v>5</v>
      </c>
      <c r="T18" s="219">
        <v>1</v>
      </c>
      <c r="U18" s="240">
        <v>18</v>
      </c>
      <c r="V18" s="221">
        <v>18</v>
      </c>
      <c r="W18" s="222">
        <v>0</v>
      </c>
      <c r="X18" s="219">
        <v>0</v>
      </c>
      <c r="Y18" s="219">
        <v>0</v>
      </c>
      <c r="Z18" s="220">
        <v>0</v>
      </c>
      <c r="AA18" s="218">
        <v>0</v>
      </c>
      <c r="AB18" s="218">
        <v>0</v>
      </c>
      <c r="AC18" s="218">
        <v>0</v>
      </c>
      <c r="AD18" s="219">
        <v>0</v>
      </c>
      <c r="AE18" s="240">
        <v>0</v>
      </c>
      <c r="AF18" s="241">
        <v>0</v>
      </c>
      <c r="AG18" s="217">
        <v>0</v>
      </c>
      <c r="AH18" s="219">
        <v>0</v>
      </c>
      <c r="AI18" s="219">
        <v>0</v>
      </c>
      <c r="AJ18" s="220">
        <v>0</v>
      </c>
      <c r="AK18" s="218">
        <v>0</v>
      </c>
      <c r="AL18" s="218">
        <v>0</v>
      </c>
      <c r="AM18" s="218">
        <v>0</v>
      </c>
      <c r="AN18" s="219">
        <v>1</v>
      </c>
      <c r="AO18" s="240">
        <v>1</v>
      </c>
      <c r="AP18" s="242">
        <v>1</v>
      </c>
      <c r="AQ18" s="239"/>
    </row>
    <row r="19" spans="2:43" ht="21" customHeight="1" x14ac:dyDescent="0.2">
      <c r="B19" s="106" t="s">
        <v>17</v>
      </c>
      <c r="C19" s="217">
        <v>0</v>
      </c>
      <c r="D19" s="219">
        <v>0</v>
      </c>
      <c r="E19" s="219">
        <v>0</v>
      </c>
      <c r="F19" s="220">
        <v>0</v>
      </c>
      <c r="G19" s="218">
        <v>0</v>
      </c>
      <c r="H19" s="218">
        <v>6</v>
      </c>
      <c r="I19" s="218">
        <v>10</v>
      </c>
      <c r="J19" s="219">
        <v>10</v>
      </c>
      <c r="K19" s="240">
        <v>26</v>
      </c>
      <c r="L19" s="241">
        <v>26</v>
      </c>
      <c r="M19" s="217">
        <v>0</v>
      </c>
      <c r="N19" s="219">
        <v>0</v>
      </c>
      <c r="O19" s="240">
        <v>0</v>
      </c>
      <c r="P19" s="222">
        <v>1</v>
      </c>
      <c r="Q19" s="218">
        <v>2</v>
      </c>
      <c r="R19" s="218">
        <v>6</v>
      </c>
      <c r="S19" s="218">
        <v>7</v>
      </c>
      <c r="T19" s="219">
        <v>4</v>
      </c>
      <c r="U19" s="240">
        <v>20</v>
      </c>
      <c r="V19" s="221">
        <v>20</v>
      </c>
      <c r="W19" s="222">
        <v>0</v>
      </c>
      <c r="X19" s="219">
        <v>0</v>
      </c>
      <c r="Y19" s="219">
        <v>0</v>
      </c>
      <c r="Z19" s="220">
        <v>0</v>
      </c>
      <c r="AA19" s="218">
        <v>0</v>
      </c>
      <c r="AB19" s="218">
        <v>0</v>
      </c>
      <c r="AC19" s="218">
        <v>0</v>
      </c>
      <c r="AD19" s="219">
        <v>0</v>
      </c>
      <c r="AE19" s="240">
        <v>0</v>
      </c>
      <c r="AF19" s="241">
        <v>0</v>
      </c>
      <c r="AG19" s="217">
        <v>0</v>
      </c>
      <c r="AH19" s="219">
        <v>0</v>
      </c>
      <c r="AI19" s="219">
        <v>0</v>
      </c>
      <c r="AJ19" s="220">
        <v>0</v>
      </c>
      <c r="AK19" s="218">
        <v>0</v>
      </c>
      <c r="AL19" s="218">
        <v>0</v>
      </c>
      <c r="AM19" s="218">
        <v>0</v>
      </c>
      <c r="AN19" s="219">
        <v>0</v>
      </c>
      <c r="AO19" s="240">
        <v>0</v>
      </c>
      <c r="AP19" s="242">
        <v>0</v>
      </c>
      <c r="AQ19" s="239"/>
    </row>
    <row r="20" spans="2:43" ht="21" customHeight="1" x14ac:dyDescent="0.2">
      <c r="B20" s="106" t="s">
        <v>18</v>
      </c>
      <c r="C20" s="217">
        <v>0</v>
      </c>
      <c r="D20" s="219">
        <v>0</v>
      </c>
      <c r="E20" s="219">
        <v>0</v>
      </c>
      <c r="F20" s="220">
        <v>0</v>
      </c>
      <c r="G20" s="218">
        <v>0</v>
      </c>
      <c r="H20" s="218">
        <v>10</v>
      </c>
      <c r="I20" s="218">
        <v>17</v>
      </c>
      <c r="J20" s="219">
        <v>4</v>
      </c>
      <c r="K20" s="240">
        <v>31</v>
      </c>
      <c r="L20" s="241">
        <v>31</v>
      </c>
      <c r="M20" s="217">
        <v>0</v>
      </c>
      <c r="N20" s="219">
        <v>0</v>
      </c>
      <c r="O20" s="240">
        <v>0</v>
      </c>
      <c r="P20" s="222">
        <v>0</v>
      </c>
      <c r="Q20" s="218">
        <v>5</v>
      </c>
      <c r="R20" s="218">
        <v>8</v>
      </c>
      <c r="S20" s="218">
        <v>6</v>
      </c>
      <c r="T20" s="219">
        <v>2</v>
      </c>
      <c r="U20" s="240">
        <v>21</v>
      </c>
      <c r="V20" s="221">
        <v>21</v>
      </c>
      <c r="W20" s="222">
        <v>0</v>
      </c>
      <c r="X20" s="219">
        <v>0</v>
      </c>
      <c r="Y20" s="219">
        <v>0</v>
      </c>
      <c r="Z20" s="220">
        <v>0</v>
      </c>
      <c r="AA20" s="218">
        <v>0</v>
      </c>
      <c r="AB20" s="218">
        <v>0</v>
      </c>
      <c r="AC20" s="218">
        <v>0</v>
      </c>
      <c r="AD20" s="219">
        <v>0</v>
      </c>
      <c r="AE20" s="240">
        <v>0</v>
      </c>
      <c r="AF20" s="241">
        <v>0</v>
      </c>
      <c r="AG20" s="217">
        <v>0</v>
      </c>
      <c r="AH20" s="219">
        <v>0</v>
      </c>
      <c r="AI20" s="219">
        <v>0</v>
      </c>
      <c r="AJ20" s="220">
        <v>0</v>
      </c>
      <c r="AK20" s="218">
        <v>0</v>
      </c>
      <c r="AL20" s="218">
        <v>0</v>
      </c>
      <c r="AM20" s="218">
        <v>0</v>
      </c>
      <c r="AN20" s="219">
        <v>0</v>
      </c>
      <c r="AO20" s="240">
        <v>0</v>
      </c>
      <c r="AP20" s="242">
        <v>0</v>
      </c>
      <c r="AQ20" s="239"/>
    </row>
    <row r="21" spans="2:43" ht="21" customHeight="1" x14ac:dyDescent="0.2">
      <c r="B21" s="106" t="s">
        <v>19</v>
      </c>
      <c r="C21" s="217">
        <v>0</v>
      </c>
      <c r="D21" s="219">
        <v>0</v>
      </c>
      <c r="E21" s="219">
        <v>0</v>
      </c>
      <c r="F21" s="220">
        <v>0</v>
      </c>
      <c r="G21" s="218">
        <v>0</v>
      </c>
      <c r="H21" s="218">
        <v>5</v>
      </c>
      <c r="I21" s="218">
        <v>5</v>
      </c>
      <c r="J21" s="219">
        <v>5</v>
      </c>
      <c r="K21" s="240">
        <v>15</v>
      </c>
      <c r="L21" s="241">
        <v>15</v>
      </c>
      <c r="M21" s="217">
        <v>0</v>
      </c>
      <c r="N21" s="219">
        <v>0</v>
      </c>
      <c r="O21" s="240">
        <v>0</v>
      </c>
      <c r="P21" s="222">
        <v>2</v>
      </c>
      <c r="Q21" s="218">
        <v>3</v>
      </c>
      <c r="R21" s="218">
        <v>2</v>
      </c>
      <c r="S21" s="218">
        <v>5</v>
      </c>
      <c r="T21" s="219">
        <v>2</v>
      </c>
      <c r="U21" s="240">
        <v>14</v>
      </c>
      <c r="V21" s="221">
        <v>14</v>
      </c>
      <c r="W21" s="222">
        <v>0</v>
      </c>
      <c r="X21" s="219">
        <v>0</v>
      </c>
      <c r="Y21" s="219">
        <v>0</v>
      </c>
      <c r="Z21" s="220">
        <v>0</v>
      </c>
      <c r="AA21" s="218">
        <v>0</v>
      </c>
      <c r="AB21" s="218">
        <v>0</v>
      </c>
      <c r="AC21" s="218">
        <v>0</v>
      </c>
      <c r="AD21" s="219">
        <v>0</v>
      </c>
      <c r="AE21" s="240">
        <v>0</v>
      </c>
      <c r="AF21" s="241">
        <v>0</v>
      </c>
      <c r="AG21" s="217">
        <v>0</v>
      </c>
      <c r="AH21" s="219">
        <v>0</v>
      </c>
      <c r="AI21" s="219">
        <v>0</v>
      </c>
      <c r="AJ21" s="220">
        <v>0</v>
      </c>
      <c r="AK21" s="218">
        <v>0</v>
      </c>
      <c r="AL21" s="218">
        <v>0</v>
      </c>
      <c r="AM21" s="218">
        <v>0</v>
      </c>
      <c r="AN21" s="219">
        <v>0</v>
      </c>
      <c r="AO21" s="240">
        <v>0</v>
      </c>
      <c r="AP21" s="242">
        <v>0</v>
      </c>
      <c r="AQ21" s="239"/>
    </row>
    <row r="22" spans="2:43" ht="21" customHeight="1" x14ac:dyDescent="0.2">
      <c r="B22" s="106" t="s">
        <v>20</v>
      </c>
      <c r="C22" s="217">
        <v>0</v>
      </c>
      <c r="D22" s="219">
        <v>0</v>
      </c>
      <c r="E22" s="219">
        <v>0</v>
      </c>
      <c r="F22" s="220">
        <v>0</v>
      </c>
      <c r="G22" s="218">
        <v>1</v>
      </c>
      <c r="H22" s="218">
        <v>4</v>
      </c>
      <c r="I22" s="218">
        <v>10</v>
      </c>
      <c r="J22" s="219">
        <v>7</v>
      </c>
      <c r="K22" s="240">
        <v>22</v>
      </c>
      <c r="L22" s="241">
        <v>22</v>
      </c>
      <c r="M22" s="217">
        <v>0</v>
      </c>
      <c r="N22" s="219">
        <v>0</v>
      </c>
      <c r="O22" s="240">
        <v>0</v>
      </c>
      <c r="P22" s="222">
        <v>0</v>
      </c>
      <c r="Q22" s="218">
        <v>0</v>
      </c>
      <c r="R22" s="218">
        <v>0</v>
      </c>
      <c r="S22" s="218">
        <v>4</v>
      </c>
      <c r="T22" s="219">
        <v>0</v>
      </c>
      <c r="U22" s="240">
        <v>4</v>
      </c>
      <c r="V22" s="221">
        <v>4</v>
      </c>
      <c r="W22" s="222">
        <v>0</v>
      </c>
      <c r="X22" s="219">
        <v>0</v>
      </c>
      <c r="Y22" s="219">
        <v>0</v>
      </c>
      <c r="Z22" s="220">
        <v>0</v>
      </c>
      <c r="AA22" s="218">
        <v>0</v>
      </c>
      <c r="AB22" s="218">
        <v>0</v>
      </c>
      <c r="AC22" s="218">
        <v>0</v>
      </c>
      <c r="AD22" s="219">
        <v>0</v>
      </c>
      <c r="AE22" s="240">
        <v>0</v>
      </c>
      <c r="AF22" s="241">
        <v>0</v>
      </c>
      <c r="AG22" s="217">
        <v>0</v>
      </c>
      <c r="AH22" s="219">
        <v>0</v>
      </c>
      <c r="AI22" s="219">
        <v>0</v>
      </c>
      <c r="AJ22" s="220">
        <v>0</v>
      </c>
      <c r="AK22" s="218">
        <v>0</v>
      </c>
      <c r="AL22" s="218">
        <v>0</v>
      </c>
      <c r="AM22" s="218">
        <v>0</v>
      </c>
      <c r="AN22" s="219">
        <v>0</v>
      </c>
      <c r="AO22" s="240">
        <v>0</v>
      </c>
      <c r="AP22" s="242">
        <v>0</v>
      </c>
      <c r="AQ22" s="239"/>
    </row>
    <row r="23" spans="2:43" ht="21" customHeight="1" x14ac:dyDescent="0.2">
      <c r="B23" s="106" t="s">
        <v>21</v>
      </c>
      <c r="C23" s="217">
        <v>0</v>
      </c>
      <c r="D23" s="219">
        <v>0</v>
      </c>
      <c r="E23" s="219">
        <v>0</v>
      </c>
      <c r="F23" s="220">
        <v>0</v>
      </c>
      <c r="G23" s="218">
        <v>0</v>
      </c>
      <c r="H23" s="218">
        <v>6</v>
      </c>
      <c r="I23" s="218">
        <v>5</v>
      </c>
      <c r="J23" s="219">
        <v>9</v>
      </c>
      <c r="K23" s="240">
        <v>20</v>
      </c>
      <c r="L23" s="241">
        <v>20</v>
      </c>
      <c r="M23" s="217">
        <v>0</v>
      </c>
      <c r="N23" s="219">
        <v>0</v>
      </c>
      <c r="O23" s="240">
        <v>0</v>
      </c>
      <c r="P23" s="222">
        <v>0</v>
      </c>
      <c r="Q23" s="218">
        <v>0</v>
      </c>
      <c r="R23" s="218">
        <v>3</v>
      </c>
      <c r="S23" s="218">
        <v>0</v>
      </c>
      <c r="T23" s="219">
        <v>0</v>
      </c>
      <c r="U23" s="240">
        <v>3</v>
      </c>
      <c r="V23" s="221">
        <v>3</v>
      </c>
      <c r="W23" s="222">
        <v>0</v>
      </c>
      <c r="X23" s="219">
        <v>0</v>
      </c>
      <c r="Y23" s="219">
        <v>0</v>
      </c>
      <c r="Z23" s="220">
        <v>0</v>
      </c>
      <c r="AA23" s="218">
        <v>0</v>
      </c>
      <c r="AB23" s="218">
        <v>0</v>
      </c>
      <c r="AC23" s="218">
        <v>0</v>
      </c>
      <c r="AD23" s="219">
        <v>0</v>
      </c>
      <c r="AE23" s="240">
        <v>0</v>
      </c>
      <c r="AF23" s="241">
        <v>0</v>
      </c>
      <c r="AG23" s="217">
        <v>0</v>
      </c>
      <c r="AH23" s="219">
        <v>0</v>
      </c>
      <c r="AI23" s="219">
        <v>0</v>
      </c>
      <c r="AJ23" s="220">
        <v>0</v>
      </c>
      <c r="AK23" s="218">
        <v>0</v>
      </c>
      <c r="AL23" s="218">
        <v>0</v>
      </c>
      <c r="AM23" s="218">
        <v>0</v>
      </c>
      <c r="AN23" s="219">
        <v>0</v>
      </c>
      <c r="AO23" s="240">
        <v>0</v>
      </c>
      <c r="AP23" s="242">
        <v>0</v>
      </c>
      <c r="AQ23" s="239"/>
    </row>
    <row r="24" spans="2:43" ht="21" customHeight="1" x14ac:dyDescent="0.2">
      <c r="B24" s="106" t="s">
        <v>22</v>
      </c>
      <c r="C24" s="217">
        <v>0</v>
      </c>
      <c r="D24" s="219">
        <v>0</v>
      </c>
      <c r="E24" s="219">
        <v>0</v>
      </c>
      <c r="F24" s="220">
        <v>0</v>
      </c>
      <c r="G24" s="218">
        <v>0</v>
      </c>
      <c r="H24" s="218">
        <v>4</v>
      </c>
      <c r="I24" s="218">
        <v>3</v>
      </c>
      <c r="J24" s="219">
        <v>3</v>
      </c>
      <c r="K24" s="240">
        <v>10</v>
      </c>
      <c r="L24" s="241">
        <v>10</v>
      </c>
      <c r="M24" s="217">
        <v>0</v>
      </c>
      <c r="N24" s="219">
        <v>0</v>
      </c>
      <c r="O24" s="240">
        <v>0</v>
      </c>
      <c r="P24" s="222">
        <v>0</v>
      </c>
      <c r="Q24" s="218">
        <v>3</v>
      </c>
      <c r="R24" s="218">
        <v>2</v>
      </c>
      <c r="S24" s="218">
        <v>1</v>
      </c>
      <c r="T24" s="219">
        <v>1</v>
      </c>
      <c r="U24" s="240">
        <v>7</v>
      </c>
      <c r="V24" s="221">
        <v>7</v>
      </c>
      <c r="W24" s="222">
        <v>0</v>
      </c>
      <c r="X24" s="219">
        <v>0</v>
      </c>
      <c r="Y24" s="219">
        <v>0</v>
      </c>
      <c r="Z24" s="220">
        <v>0</v>
      </c>
      <c r="AA24" s="218">
        <v>0</v>
      </c>
      <c r="AB24" s="218">
        <v>0</v>
      </c>
      <c r="AC24" s="218">
        <v>0</v>
      </c>
      <c r="AD24" s="219">
        <v>0</v>
      </c>
      <c r="AE24" s="240">
        <v>0</v>
      </c>
      <c r="AF24" s="241">
        <v>0</v>
      </c>
      <c r="AG24" s="217">
        <v>0</v>
      </c>
      <c r="AH24" s="219">
        <v>0</v>
      </c>
      <c r="AI24" s="219">
        <v>0</v>
      </c>
      <c r="AJ24" s="220">
        <v>0</v>
      </c>
      <c r="AK24" s="218">
        <v>0</v>
      </c>
      <c r="AL24" s="218">
        <v>0</v>
      </c>
      <c r="AM24" s="218">
        <v>1</v>
      </c>
      <c r="AN24" s="219">
        <v>0</v>
      </c>
      <c r="AO24" s="240">
        <v>1</v>
      </c>
      <c r="AP24" s="242">
        <v>1</v>
      </c>
      <c r="AQ24" s="239"/>
    </row>
    <row r="25" spans="2:43" ht="21" customHeight="1" x14ac:dyDescent="0.2">
      <c r="B25" s="106" t="s">
        <v>23</v>
      </c>
      <c r="C25" s="217">
        <v>0</v>
      </c>
      <c r="D25" s="219">
        <v>0</v>
      </c>
      <c r="E25" s="219">
        <v>0</v>
      </c>
      <c r="F25" s="220">
        <v>0</v>
      </c>
      <c r="G25" s="218">
        <v>0</v>
      </c>
      <c r="H25" s="218">
        <v>6</v>
      </c>
      <c r="I25" s="218">
        <v>7</v>
      </c>
      <c r="J25" s="219">
        <v>3</v>
      </c>
      <c r="K25" s="240">
        <v>16</v>
      </c>
      <c r="L25" s="241">
        <v>16</v>
      </c>
      <c r="M25" s="217">
        <v>0</v>
      </c>
      <c r="N25" s="219">
        <v>0</v>
      </c>
      <c r="O25" s="240">
        <v>0</v>
      </c>
      <c r="P25" s="222">
        <v>0</v>
      </c>
      <c r="Q25" s="218">
        <v>0</v>
      </c>
      <c r="R25" s="218">
        <v>2</v>
      </c>
      <c r="S25" s="218">
        <v>3</v>
      </c>
      <c r="T25" s="219">
        <v>2</v>
      </c>
      <c r="U25" s="240">
        <v>7</v>
      </c>
      <c r="V25" s="221">
        <v>7</v>
      </c>
      <c r="W25" s="222">
        <v>0</v>
      </c>
      <c r="X25" s="219">
        <v>0</v>
      </c>
      <c r="Y25" s="219">
        <v>0</v>
      </c>
      <c r="Z25" s="220">
        <v>0</v>
      </c>
      <c r="AA25" s="218">
        <v>0</v>
      </c>
      <c r="AB25" s="218">
        <v>0</v>
      </c>
      <c r="AC25" s="218">
        <v>0</v>
      </c>
      <c r="AD25" s="219">
        <v>0</v>
      </c>
      <c r="AE25" s="240">
        <v>0</v>
      </c>
      <c r="AF25" s="241">
        <v>0</v>
      </c>
      <c r="AG25" s="217">
        <v>0</v>
      </c>
      <c r="AH25" s="219">
        <v>0</v>
      </c>
      <c r="AI25" s="219">
        <v>0</v>
      </c>
      <c r="AJ25" s="220">
        <v>0</v>
      </c>
      <c r="AK25" s="218">
        <v>0</v>
      </c>
      <c r="AL25" s="218">
        <v>0</v>
      </c>
      <c r="AM25" s="218">
        <v>0</v>
      </c>
      <c r="AN25" s="219">
        <v>0</v>
      </c>
      <c r="AO25" s="240">
        <v>0</v>
      </c>
      <c r="AP25" s="242">
        <v>0</v>
      </c>
      <c r="AQ25" s="239"/>
    </row>
    <row r="26" spans="2:43" ht="21" customHeight="1" x14ac:dyDescent="0.2">
      <c r="B26" s="106" t="s">
        <v>24</v>
      </c>
      <c r="C26" s="217">
        <v>0</v>
      </c>
      <c r="D26" s="219">
        <v>0</v>
      </c>
      <c r="E26" s="219">
        <v>0</v>
      </c>
      <c r="F26" s="220">
        <v>0</v>
      </c>
      <c r="G26" s="218">
        <v>0</v>
      </c>
      <c r="H26" s="218">
        <v>1</v>
      </c>
      <c r="I26" s="218">
        <v>5</v>
      </c>
      <c r="J26" s="219">
        <v>4</v>
      </c>
      <c r="K26" s="240">
        <v>10</v>
      </c>
      <c r="L26" s="241">
        <v>10</v>
      </c>
      <c r="M26" s="217">
        <v>0</v>
      </c>
      <c r="N26" s="219">
        <v>0</v>
      </c>
      <c r="O26" s="240">
        <v>0</v>
      </c>
      <c r="P26" s="222">
        <v>1</v>
      </c>
      <c r="Q26" s="218">
        <v>1</v>
      </c>
      <c r="R26" s="218">
        <v>4</v>
      </c>
      <c r="S26" s="218">
        <v>3</v>
      </c>
      <c r="T26" s="219">
        <v>0</v>
      </c>
      <c r="U26" s="240">
        <v>9</v>
      </c>
      <c r="V26" s="221">
        <v>9</v>
      </c>
      <c r="W26" s="222">
        <v>0</v>
      </c>
      <c r="X26" s="219">
        <v>0</v>
      </c>
      <c r="Y26" s="219">
        <v>0</v>
      </c>
      <c r="Z26" s="220">
        <v>0</v>
      </c>
      <c r="AA26" s="218">
        <v>0</v>
      </c>
      <c r="AB26" s="218">
        <v>0</v>
      </c>
      <c r="AC26" s="218">
        <v>0</v>
      </c>
      <c r="AD26" s="219">
        <v>0</v>
      </c>
      <c r="AE26" s="240">
        <v>0</v>
      </c>
      <c r="AF26" s="241">
        <v>0</v>
      </c>
      <c r="AG26" s="217">
        <v>0</v>
      </c>
      <c r="AH26" s="219">
        <v>0</v>
      </c>
      <c r="AI26" s="219">
        <v>0</v>
      </c>
      <c r="AJ26" s="220">
        <v>0</v>
      </c>
      <c r="AK26" s="218">
        <v>0</v>
      </c>
      <c r="AL26" s="218">
        <v>0</v>
      </c>
      <c r="AM26" s="218">
        <v>0</v>
      </c>
      <c r="AN26" s="219">
        <v>0</v>
      </c>
      <c r="AO26" s="240">
        <v>0</v>
      </c>
      <c r="AP26" s="242">
        <v>0</v>
      </c>
      <c r="AQ26" s="239"/>
    </row>
    <row r="27" spans="2:43" ht="21" customHeight="1" x14ac:dyDescent="0.2">
      <c r="B27" s="106" t="s">
        <v>25</v>
      </c>
      <c r="C27" s="217">
        <v>0</v>
      </c>
      <c r="D27" s="219">
        <v>0</v>
      </c>
      <c r="E27" s="219">
        <v>0</v>
      </c>
      <c r="F27" s="220">
        <v>1</v>
      </c>
      <c r="G27" s="218">
        <v>0</v>
      </c>
      <c r="H27" s="218">
        <v>2</v>
      </c>
      <c r="I27" s="218">
        <v>1</v>
      </c>
      <c r="J27" s="219">
        <v>2</v>
      </c>
      <c r="K27" s="240">
        <v>6</v>
      </c>
      <c r="L27" s="241">
        <v>6</v>
      </c>
      <c r="M27" s="217">
        <v>0</v>
      </c>
      <c r="N27" s="219">
        <v>0</v>
      </c>
      <c r="O27" s="240">
        <v>0</v>
      </c>
      <c r="P27" s="222">
        <v>1</v>
      </c>
      <c r="Q27" s="218">
        <v>1</v>
      </c>
      <c r="R27" s="218">
        <v>1</v>
      </c>
      <c r="S27" s="218">
        <v>1</v>
      </c>
      <c r="T27" s="219">
        <v>1</v>
      </c>
      <c r="U27" s="240">
        <v>5</v>
      </c>
      <c r="V27" s="221">
        <v>5</v>
      </c>
      <c r="W27" s="222">
        <v>0</v>
      </c>
      <c r="X27" s="219">
        <v>0</v>
      </c>
      <c r="Y27" s="219">
        <v>0</v>
      </c>
      <c r="Z27" s="220">
        <v>0</v>
      </c>
      <c r="AA27" s="218">
        <v>0</v>
      </c>
      <c r="AB27" s="218">
        <v>0</v>
      </c>
      <c r="AC27" s="218">
        <v>0</v>
      </c>
      <c r="AD27" s="219">
        <v>0</v>
      </c>
      <c r="AE27" s="240">
        <v>0</v>
      </c>
      <c r="AF27" s="241">
        <v>0</v>
      </c>
      <c r="AG27" s="217">
        <v>0</v>
      </c>
      <c r="AH27" s="219">
        <v>0</v>
      </c>
      <c r="AI27" s="219">
        <v>0</v>
      </c>
      <c r="AJ27" s="220">
        <v>0</v>
      </c>
      <c r="AK27" s="218">
        <v>0</v>
      </c>
      <c r="AL27" s="218">
        <v>0</v>
      </c>
      <c r="AM27" s="218">
        <v>0</v>
      </c>
      <c r="AN27" s="219">
        <v>0</v>
      </c>
      <c r="AO27" s="240">
        <v>0</v>
      </c>
      <c r="AP27" s="242">
        <v>0</v>
      </c>
      <c r="AQ27" s="239"/>
    </row>
    <row r="28" spans="2:43" ht="21" customHeight="1" x14ac:dyDescent="0.2">
      <c r="B28" s="106" t="s">
        <v>26</v>
      </c>
      <c r="C28" s="217">
        <v>0</v>
      </c>
      <c r="D28" s="219">
        <v>0</v>
      </c>
      <c r="E28" s="219">
        <v>0</v>
      </c>
      <c r="F28" s="220">
        <v>0</v>
      </c>
      <c r="G28" s="218">
        <v>0</v>
      </c>
      <c r="H28" s="218">
        <v>2</v>
      </c>
      <c r="I28" s="218">
        <v>1</v>
      </c>
      <c r="J28" s="219">
        <v>2</v>
      </c>
      <c r="K28" s="240">
        <v>5</v>
      </c>
      <c r="L28" s="241">
        <v>5</v>
      </c>
      <c r="M28" s="217">
        <v>0</v>
      </c>
      <c r="N28" s="219">
        <v>0</v>
      </c>
      <c r="O28" s="240">
        <v>0</v>
      </c>
      <c r="P28" s="222">
        <v>0</v>
      </c>
      <c r="Q28" s="218">
        <v>0</v>
      </c>
      <c r="R28" s="218">
        <v>2</v>
      </c>
      <c r="S28" s="218">
        <v>1</v>
      </c>
      <c r="T28" s="219">
        <v>1</v>
      </c>
      <c r="U28" s="240">
        <v>4</v>
      </c>
      <c r="V28" s="221">
        <v>4</v>
      </c>
      <c r="W28" s="222">
        <v>0</v>
      </c>
      <c r="X28" s="219">
        <v>0</v>
      </c>
      <c r="Y28" s="219">
        <v>0</v>
      </c>
      <c r="Z28" s="220">
        <v>0</v>
      </c>
      <c r="AA28" s="218">
        <v>0</v>
      </c>
      <c r="AB28" s="218">
        <v>0</v>
      </c>
      <c r="AC28" s="218">
        <v>0</v>
      </c>
      <c r="AD28" s="219">
        <v>0</v>
      </c>
      <c r="AE28" s="240">
        <v>0</v>
      </c>
      <c r="AF28" s="241">
        <v>0</v>
      </c>
      <c r="AG28" s="217">
        <v>0</v>
      </c>
      <c r="AH28" s="219">
        <v>0</v>
      </c>
      <c r="AI28" s="219">
        <v>0</v>
      </c>
      <c r="AJ28" s="220">
        <v>0</v>
      </c>
      <c r="AK28" s="218">
        <v>0</v>
      </c>
      <c r="AL28" s="218">
        <v>0</v>
      </c>
      <c r="AM28" s="218">
        <v>0</v>
      </c>
      <c r="AN28" s="219">
        <v>0</v>
      </c>
      <c r="AO28" s="240">
        <v>0</v>
      </c>
      <c r="AP28" s="242">
        <v>0</v>
      </c>
      <c r="AQ28" s="239"/>
    </row>
    <row r="29" spans="2:43" ht="21" customHeight="1" x14ac:dyDescent="0.2">
      <c r="B29" s="106" t="s">
        <v>27</v>
      </c>
      <c r="C29" s="217">
        <v>0</v>
      </c>
      <c r="D29" s="219">
        <v>0</v>
      </c>
      <c r="E29" s="219">
        <v>0</v>
      </c>
      <c r="F29" s="220">
        <v>0</v>
      </c>
      <c r="G29" s="218">
        <v>1</v>
      </c>
      <c r="H29" s="218">
        <v>0</v>
      </c>
      <c r="I29" s="218">
        <v>3</v>
      </c>
      <c r="J29" s="219">
        <v>1</v>
      </c>
      <c r="K29" s="240">
        <v>5</v>
      </c>
      <c r="L29" s="241">
        <v>5</v>
      </c>
      <c r="M29" s="217">
        <v>0</v>
      </c>
      <c r="N29" s="219">
        <v>0</v>
      </c>
      <c r="O29" s="240">
        <v>0</v>
      </c>
      <c r="P29" s="222">
        <v>0</v>
      </c>
      <c r="Q29" s="218">
        <v>2</v>
      </c>
      <c r="R29" s="218">
        <v>2</v>
      </c>
      <c r="S29" s="218">
        <v>4</v>
      </c>
      <c r="T29" s="219">
        <v>0</v>
      </c>
      <c r="U29" s="240">
        <v>8</v>
      </c>
      <c r="V29" s="221">
        <v>8</v>
      </c>
      <c r="W29" s="222">
        <v>0</v>
      </c>
      <c r="X29" s="219">
        <v>0</v>
      </c>
      <c r="Y29" s="219">
        <v>0</v>
      </c>
      <c r="Z29" s="220">
        <v>0</v>
      </c>
      <c r="AA29" s="218">
        <v>0</v>
      </c>
      <c r="AB29" s="218">
        <v>0</v>
      </c>
      <c r="AC29" s="218">
        <v>0</v>
      </c>
      <c r="AD29" s="219">
        <v>0</v>
      </c>
      <c r="AE29" s="240">
        <v>0</v>
      </c>
      <c r="AF29" s="241">
        <v>0</v>
      </c>
      <c r="AG29" s="217">
        <v>0</v>
      </c>
      <c r="AH29" s="219">
        <v>0</v>
      </c>
      <c r="AI29" s="219">
        <v>0</v>
      </c>
      <c r="AJ29" s="220">
        <v>0</v>
      </c>
      <c r="AK29" s="218">
        <v>0</v>
      </c>
      <c r="AL29" s="218">
        <v>0</v>
      </c>
      <c r="AM29" s="218">
        <v>0</v>
      </c>
      <c r="AN29" s="219">
        <v>1</v>
      </c>
      <c r="AO29" s="240">
        <v>1</v>
      </c>
      <c r="AP29" s="242">
        <v>1</v>
      </c>
      <c r="AQ29" s="239"/>
    </row>
    <row r="30" spans="2:43" ht="21" customHeight="1" x14ac:dyDescent="0.2">
      <c r="B30" s="106" t="s">
        <v>28</v>
      </c>
      <c r="C30" s="217">
        <v>0</v>
      </c>
      <c r="D30" s="219">
        <v>0</v>
      </c>
      <c r="E30" s="219">
        <v>0</v>
      </c>
      <c r="F30" s="220">
        <v>0</v>
      </c>
      <c r="G30" s="218">
        <v>0</v>
      </c>
      <c r="H30" s="218">
        <v>0</v>
      </c>
      <c r="I30" s="218">
        <v>1</v>
      </c>
      <c r="J30" s="219">
        <v>1</v>
      </c>
      <c r="K30" s="240">
        <v>2</v>
      </c>
      <c r="L30" s="241">
        <v>2</v>
      </c>
      <c r="M30" s="217">
        <v>0</v>
      </c>
      <c r="N30" s="219">
        <v>0</v>
      </c>
      <c r="O30" s="240">
        <v>0</v>
      </c>
      <c r="P30" s="222">
        <v>0</v>
      </c>
      <c r="Q30" s="218">
        <v>0</v>
      </c>
      <c r="R30" s="218">
        <v>0</v>
      </c>
      <c r="S30" s="218">
        <v>0</v>
      </c>
      <c r="T30" s="219">
        <v>0</v>
      </c>
      <c r="U30" s="240">
        <v>0</v>
      </c>
      <c r="V30" s="221">
        <v>0</v>
      </c>
      <c r="W30" s="222">
        <v>0</v>
      </c>
      <c r="X30" s="219">
        <v>0</v>
      </c>
      <c r="Y30" s="219">
        <v>0</v>
      </c>
      <c r="Z30" s="220">
        <v>0</v>
      </c>
      <c r="AA30" s="218">
        <v>0</v>
      </c>
      <c r="AB30" s="218">
        <v>0</v>
      </c>
      <c r="AC30" s="218">
        <v>0</v>
      </c>
      <c r="AD30" s="219">
        <v>0</v>
      </c>
      <c r="AE30" s="240">
        <v>0</v>
      </c>
      <c r="AF30" s="241">
        <v>0</v>
      </c>
      <c r="AG30" s="217">
        <v>0</v>
      </c>
      <c r="AH30" s="219">
        <v>0</v>
      </c>
      <c r="AI30" s="219">
        <v>0</v>
      </c>
      <c r="AJ30" s="220">
        <v>0</v>
      </c>
      <c r="AK30" s="218">
        <v>0</v>
      </c>
      <c r="AL30" s="218">
        <v>0</v>
      </c>
      <c r="AM30" s="218">
        <v>0</v>
      </c>
      <c r="AN30" s="219">
        <v>0</v>
      </c>
      <c r="AO30" s="240">
        <v>0</v>
      </c>
      <c r="AP30" s="242">
        <v>0</v>
      </c>
      <c r="AQ30" s="239"/>
    </row>
    <row r="31" spans="2:43" ht="21" customHeight="1" x14ac:dyDescent="0.2">
      <c r="B31" s="106" t="s">
        <v>29</v>
      </c>
      <c r="C31" s="217">
        <v>0</v>
      </c>
      <c r="D31" s="219">
        <v>0</v>
      </c>
      <c r="E31" s="219">
        <v>0</v>
      </c>
      <c r="F31" s="220">
        <v>0</v>
      </c>
      <c r="G31" s="218">
        <v>0</v>
      </c>
      <c r="H31" s="218">
        <v>0</v>
      </c>
      <c r="I31" s="218">
        <v>0</v>
      </c>
      <c r="J31" s="219">
        <v>1</v>
      </c>
      <c r="K31" s="240">
        <v>1</v>
      </c>
      <c r="L31" s="241">
        <v>1</v>
      </c>
      <c r="M31" s="217">
        <v>0</v>
      </c>
      <c r="N31" s="219">
        <v>0</v>
      </c>
      <c r="O31" s="240">
        <v>0</v>
      </c>
      <c r="P31" s="222">
        <v>0</v>
      </c>
      <c r="Q31" s="218">
        <v>0</v>
      </c>
      <c r="R31" s="218">
        <v>0</v>
      </c>
      <c r="S31" s="218">
        <v>0</v>
      </c>
      <c r="T31" s="219">
        <v>2</v>
      </c>
      <c r="U31" s="240">
        <v>2</v>
      </c>
      <c r="V31" s="221">
        <v>2</v>
      </c>
      <c r="W31" s="222">
        <v>0</v>
      </c>
      <c r="X31" s="219">
        <v>0</v>
      </c>
      <c r="Y31" s="219">
        <v>0</v>
      </c>
      <c r="Z31" s="220">
        <v>0</v>
      </c>
      <c r="AA31" s="218">
        <v>0</v>
      </c>
      <c r="AB31" s="218">
        <v>0</v>
      </c>
      <c r="AC31" s="218">
        <v>0</v>
      </c>
      <c r="AD31" s="219">
        <v>0</v>
      </c>
      <c r="AE31" s="240">
        <v>0</v>
      </c>
      <c r="AF31" s="241">
        <v>0</v>
      </c>
      <c r="AG31" s="217">
        <v>0</v>
      </c>
      <c r="AH31" s="219">
        <v>0</v>
      </c>
      <c r="AI31" s="219">
        <v>0</v>
      </c>
      <c r="AJ31" s="220">
        <v>0</v>
      </c>
      <c r="AK31" s="218">
        <v>0</v>
      </c>
      <c r="AL31" s="218">
        <v>0</v>
      </c>
      <c r="AM31" s="218">
        <v>0</v>
      </c>
      <c r="AN31" s="219">
        <v>0</v>
      </c>
      <c r="AO31" s="240">
        <v>0</v>
      </c>
      <c r="AP31" s="242">
        <v>0</v>
      </c>
      <c r="AQ31" s="239"/>
    </row>
    <row r="32" spans="2:43" ht="21" customHeight="1" x14ac:dyDescent="0.2">
      <c r="B32" s="106" t="s">
        <v>30</v>
      </c>
      <c r="C32" s="217">
        <v>0</v>
      </c>
      <c r="D32" s="219">
        <v>0</v>
      </c>
      <c r="E32" s="219">
        <v>0</v>
      </c>
      <c r="F32" s="220">
        <v>0</v>
      </c>
      <c r="G32" s="218">
        <v>0</v>
      </c>
      <c r="H32" s="218">
        <v>1</v>
      </c>
      <c r="I32" s="218">
        <v>1</v>
      </c>
      <c r="J32" s="219">
        <v>1</v>
      </c>
      <c r="K32" s="240">
        <v>3</v>
      </c>
      <c r="L32" s="241">
        <v>3</v>
      </c>
      <c r="M32" s="217">
        <v>0</v>
      </c>
      <c r="N32" s="219">
        <v>0</v>
      </c>
      <c r="O32" s="240">
        <v>0</v>
      </c>
      <c r="P32" s="222">
        <v>1</v>
      </c>
      <c r="Q32" s="218">
        <v>1</v>
      </c>
      <c r="R32" s="218">
        <v>0</v>
      </c>
      <c r="S32" s="218">
        <v>2</v>
      </c>
      <c r="T32" s="219">
        <v>0</v>
      </c>
      <c r="U32" s="240">
        <v>4</v>
      </c>
      <c r="V32" s="221">
        <v>4</v>
      </c>
      <c r="W32" s="222">
        <v>0</v>
      </c>
      <c r="X32" s="219">
        <v>0</v>
      </c>
      <c r="Y32" s="219">
        <v>0</v>
      </c>
      <c r="Z32" s="220">
        <v>0</v>
      </c>
      <c r="AA32" s="218">
        <v>0</v>
      </c>
      <c r="AB32" s="218">
        <v>0</v>
      </c>
      <c r="AC32" s="218">
        <v>0</v>
      </c>
      <c r="AD32" s="219">
        <v>0</v>
      </c>
      <c r="AE32" s="240">
        <v>0</v>
      </c>
      <c r="AF32" s="241">
        <v>0</v>
      </c>
      <c r="AG32" s="217">
        <v>0</v>
      </c>
      <c r="AH32" s="219">
        <v>0</v>
      </c>
      <c r="AI32" s="219">
        <v>0</v>
      </c>
      <c r="AJ32" s="220">
        <v>0</v>
      </c>
      <c r="AK32" s="218">
        <v>0</v>
      </c>
      <c r="AL32" s="218">
        <v>0</v>
      </c>
      <c r="AM32" s="218">
        <v>1</v>
      </c>
      <c r="AN32" s="219">
        <v>0</v>
      </c>
      <c r="AO32" s="240">
        <v>1</v>
      </c>
      <c r="AP32" s="242">
        <v>1</v>
      </c>
      <c r="AQ32" s="239"/>
    </row>
    <row r="33" spans="2:43" ht="21" customHeight="1" x14ac:dyDescent="0.2">
      <c r="B33" s="106" t="s">
        <v>31</v>
      </c>
      <c r="C33" s="217">
        <v>0</v>
      </c>
      <c r="D33" s="219">
        <v>0</v>
      </c>
      <c r="E33" s="219">
        <v>0</v>
      </c>
      <c r="F33" s="220">
        <v>0</v>
      </c>
      <c r="G33" s="218">
        <v>0</v>
      </c>
      <c r="H33" s="218">
        <v>3</v>
      </c>
      <c r="I33" s="218">
        <v>1</v>
      </c>
      <c r="J33" s="219">
        <v>0</v>
      </c>
      <c r="K33" s="240">
        <v>4</v>
      </c>
      <c r="L33" s="241">
        <v>4</v>
      </c>
      <c r="M33" s="217">
        <v>0</v>
      </c>
      <c r="N33" s="219">
        <v>0</v>
      </c>
      <c r="O33" s="240">
        <v>0</v>
      </c>
      <c r="P33" s="222">
        <v>0</v>
      </c>
      <c r="Q33" s="218">
        <v>0</v>
      </c>
      <c r="R33" s="218">
        <v>0</v>
      </c>
      <c r="S33" s="218">
        <v>0</v>
      </c>
      <c r="T33" s="219">
        <v>0</v>
      </c>
      <c r="U33" s="240">
        <v>0</v>
      </c>
      <c r="V33" s="221">
        <v>0</v>
      </c>
      <c r="W33" s="222">
        <v>0</v>
      </c>
      <c r="X33" s="219">
        <v>0</v>
      </c>
      <c r="Y33" s="219">
        <v>0</v>
      </c>
      <c r="Z33" s="220">
        <v>0</v>
      </c>
      <c r="AA33" s="218">
        <v>0</v>
      </c>
      <c r="AB33" s="218">
        <v>0</v>
      </c>
      <c r="AC33" s="218">
        <v>0</v>
      </c>
      <c r="AD33" s="219">
        <v>0</v>
      </c>
      <c r="AE33" s="240">
        <v>0</v>
      </c>
      <c r="AF33" s="241">
        <v>0</v>
      </c>
      <c r="AG33" s="217">
        <v>0</v>
      </c>
      <c r="AH33" s="219">
        <v>0</v>
      </c>
      <c r="AI33" s="219">
        <v>0</v>
      </c>
      <c r="AJ33" s="220">
        <v>0</v>
      </c>
      <c r="AK33" s="218">
        <v>0</v>
      </c>
      <c r="AL33" s="218">
        <v>0</v>
      </c>
      <c r="AM33" s="218">
        <v>0</v>
      </c>
      <c r="AN33" s="219">
        <v>0</v>
      </c>
      <c r="AO33" s="240">
        <v>0</v>
      </c>
      <c r="AP33" s="242">
        <v>0</v>
      </c>
      <c r="AQ33" s="239"/>
    </row>
    <row r="34" spans="2:43" ht="21" customHeight="1" x14ac:dyDescent="0.2">
      <c r="B34" s="106" t="s">
        <v>32</v>
      </c>
      <c r="C34" s="217">
        <v>0</v>
      </c>
      <c r="D34" s="219">
        <v>0</v>
      </c>
      <c r="E34" s="219">
        <v>0</v>
      </c>
      <c r="F34" s="220">
        <v>0</v>
      </c>
      <c r="G34" s="218">
        <v>0</v>
      </c>
      <c r="H34" s="218">
        <v>0</v>
      </c>
      <c r="I34" s="218">
        <v>3</v>
      </c>
      <c r="J34" s="219">
        <v>1</v>
      </c>
      <c r="K34" s="240">
        <v>4</v>
      </c>
      <c r="L34" s="241">
        <v>4</v>
      </c>
      <c r="M34" s="217">
        <v>0</v>
      </c>
      <c r="N34" s="219">
        <v>0</v>
      </c>
      <c r="O34" s="240">
        <v>0</v>
      </c>
      <c r="P34" s="222">
        <v>0</v>
      </c>
      <c r="Q34" s="218">
        <v>0</v>
      </c>
      <c r="R34" s="218">
        <v>0</v>
      </c>
      <c r="S34" s="218">
        <v>0</v>
      </c>
      <c r="T34" s="219">
        <v>1</v>
      </c>
      <c r="U34" s="240">
        <v>1</v>
      </c>
      <c r="V34" s="221">
        <v>1</v>
      </c>
      <c r="W34" s="222">
        <v>0</v>
      </c>
      <c r="X34" s="219">
        <v>0</v>
      </c>
      <c r="Y34" s="219">
        <v>0</v>
      </c>
      <c r="Z34" s="220">
        <v>0</v>
      </c>
      <c r="AA34" s="218">
        <v>0</v>
      </c>
      <c r="AB34" s="218">
        <v>0</v>
      </c>
      <c r="AC34" s="218">
        <v>0</v>
      </c>
      <c r="AD34" s="219">
        <v>0</v>
      </c>
      <c r="AE34" s="240">
        <v>0</v>
      </c>
      <c r="AF34" s="241">
        <v>0</v>
      </c>
      <c r="AG34" s="217">
        <v>0</v>
      </c>
      <c r="AH34" s="219">
        <v>0</v>
      </c>
      <c r="AI34" s="219">
        <v>0</v>
      </c>
      <c r="AJ34" s="220">
        <v>0</v>
      </c>
      <c r="AK34" s="218">
        <v>0</v>
      </c>
      <c r="AL34" s="218">
        <v>0</v>
      </c>
      <c r="AM34" s="218">
        <v>0</v>
      </c>
      <c r="AN34" s="219">
        <v>0</v>
      </c>
      <c r="AO34" s="240">
        <v>0</v>
      </c>
      <c r="AP34" s="242">
        <v>0</v>
      </c>
      <c r="AQ34" s="239"/>
    </row>
    <row r="35" spans="2:43" ht="21" customHeight="1" x14ac:dyDescent="0.2">
      <c r="B35" s="106" t="s">
        <v>33</v>
      </c>
      <c r="C35" s="217">
        <v>0</v>
      </c>
      <c r="D35" s="219">
        <v>0</v>
      </c>
      <c r="E35" s="219">
        <v>0</v>
      </c>
      <c r="F35" s="220">
        <v>0</v>
      </c>
      <c r="G35" s="218">
        <v>0</v>
      </c>
      <c r="H35" s="218">
        <v>0</v>
      </c>
      <c r="I35" s="218">
        <v>0</v>
      </c>
      <c r="J35" s="219">
        <v>0</v>
      </c>
      <c r="K35" s="240">
        <v>0</v>
      </c>
      <c r="L35" s="241">
        <v>0</v>
      </c>
      <c r="M35" s="217">
        <v>0</v>
      </c>
      <c r="N35" s="219">
        <v>0</v>
      </c>
      <c r="O35" s="240">
        <v>0</v>
      </c>
      <c r="P35" s="222">
        <v>0</v>
      </c>
      <c r="Q35" s="218">
        <v>0</v>
      </c>
      <c r="R35" s="218">
        <v>0</v>
      </c>
      <c r="S35" s="218">
        <v>0</v>
      </c>
      <c r="T35" s="219">
        <v>0</v>
      </c>
      <c r="U35" s="240">
        <v>0</v>
      </c>
      <c r="V35" s="221">
        <v>0</v>
      </c>
      <c r="W35" s="222">
        <v>0</v>
      </c>
      <c r="X35" s="219">
        <v>0</v>
      </c>
      <c r="Y35" s="219">
        <v>0</v>
      </c>
      <c r="Z35" s="220">
        <v>0</v>
      </c>
      <c r="AA35" s="218">
        <v>0</v>
      </c>
      <c r="AB35" s="218">
        <v>0</v>
      </c>
      <c r="AC35" s="218">
        <v>0</v>
      </c>
      <c r="AD35" s="219">
        <v>0</v>
      </c>
      <c r="AE35" s="240">
        <v>0</v>
      </c>
      <c r="AF35" s="241">
        <v>0</v>
      </c>
      <c r="AG35" s="217">
        <v>0</v>
      </c>
      <c r="AH35" s="219">
        <v>0</v>
      </c>
      <c r="AI35" s="219">
        <v>0</v>
      </c>
      <c r="AJ35" s="220">
        <v>0</v>
      </c>
      <c r="AK35" s="218">
        <v>1</v>
      </c>
      <c r="AL35" s="218">
        <v>0</v>
      </c>
      <c r="AM35" s="218">
        <v>0</v>
      </c>
      <c r="AN35" s="219">
        <v>0</v>
      </c>
      <c r="AO35" s="240">
        <v>1</v>
      </c>
      <c r="AP35" s="242">
        <v>1</v>
      </c>
      <c r="AQ35" s="239"/>
    </row>
    <row r="36" spans="2:43" ht="21" customHeight="1" x14ac:dyDescent="0.2">
      <c r="B36" s="106" t="s">
        <v>34</v>
      </c>
      <c r="C36" s="217">
        <v>0</v>
      </c>
      <c r="D36" s="219">
        <v>0</v>
      </c>
      <c r="E36" s="219">
        <v>0</v>
      </c>
      <c r="F36" s="220">
        <v>0</v>
      </c>
      <c r="G36" s="218">
        <v>0</v>
      </c>
      <c r="H36" s="218">
        <v>0</v>
      </c>
      <c r="I36" s="218">
        <v>1</v>
      </c>
      <c r="J36" s="219">
        <v>0</v>
      </c>
      <c r="K36" s="240">
        <v>1</v>
      </c>
      <c r="L36" s="241">
        <v>1</v>
      </c>
      <c r="M36" s="217">
        <v>0</v>
      </c>
      <c r="N36" s="219">
        <v>0</v>
      </c>
      <c r="O36" s="240">
        <v>0</v>
      </c>
      <c r="P36" s="222">
        <v>0</v>
      </c>
      <c r="Q36" s="218">
        <v>0</v>
      </c>
      <c r="R36" s="218">
        <v>1</v>
      </c>
      <c r="S36" s="218">
        <v>0</v>
      </c>
      <c r="T36" s="219">
        <v>0</v>
      </c>
      <c r="U36" s="240">
        <v>1</v>
      </c>
      <c r="V36" s="221">
        <v>1</v>
      </c>
      <c r="W36" s="222">
        <v>0</v>
      </c>
      <c r="X36" s="219">
        <v>0</v>
      </c>
      <c r="Y36" s="219">
        <v>0</v>
      </c>
      <c r="Z36" s="220">
        <v>0</v>
      </c>
      <c r="AA36" s="218">
        <v>0</v>
      </c>
      <c r="AB36" s="218">
        <v>0</v>
      </c>
      <c r="AC36" s="218">
        <v>0</v>
      </c>
      <c r="AD36" s="219">
        <v>0</v>
      </c>
      <c r="AE36" s="240">
        <v>0</v>
      </c>
      <c r="AF36" s="241">
        <v>0</v>
      </c>
      <c r="AG36" s="217">
        <v>0</v>
      </c>
      <c r="AH36" s="219">
        <v>0</v>
      </c>
      <c r="AI36" s="219">
        <v>0</v>
      </c>
      <c r="AJ36" s="220">
        <v>0</v>
      </c>
      <c r="AK36" s="218">
        <v>0</v>
      </c>
      <c r="AL36" s="218">
        <v>0</v>
      </c>
      <c r="AM36" s="218">
        <v>0</v>
      </c>
      <c r="AN36" s="219">
        <v>0</v>
      </c>
      <c r="AO36" s="240">
        <v>0</v>
      </c>
      <c r="AP36" s="242">
        <v>0</v>
      </c>
      <c r="AQ36" s="239"/>
    </row>
    <row r="37" spans="2:43" ht="21" customHeight="1" x14ac:dyDescent="0.2">
      <c r="B37" s="106" t="s">
        <v>35</v>
      </c>
      <c r="C37" s="217">
        <v>0</v>
      </c>
      <c r="D37" s="219">
        <v>0</v>
      </c>
      <c r="E37" s="219">
        <v>0</v>
      </c>
      <c r="F37" s="220">
        <v>0</v>
      </c>
      <c r="G37" s="218">
        <v>0</v>
      </c>
      <c r="H37" s="218">
        <v>0</v>
      </c>
      <c r="I37" s="218">
        <v>1</v>
      </c>
      <c r="J37" s="219">
        <v>1</v>
      </c>
      <c r="K37" s="240">
        <v>2</v>
      </c>
      <c r="L37" s="241">
        <v>2</v>
      </c>
      <c r="M37" s="217">
        <v>0</v>
      </c>
      <c r="N37" s="219">
        <v>0</v>
      </c>
      <c r="O37" s="240">
        <v>0</v>
      </c>
      <c r="P37" s="222">
        <v>1</v>
      </c>
      <c r="Q37" s="218">
        <v>1</v>
      </c>
      <c r="R37" s="218">
        <v>3</v>
      </c>
      <c r="S37" s="218">
        <v>0</v>
      </c>
      <c r="T37" s="219">
        <v>1</v>
      </c>
      <c r="U37" s="240">
        <v>6</v>
      </c>
      <c r="V37" s="221">
        <v>6</v>
      </c>
      <c r="W37" s="222">
        <v>0</v>
      </c>
      <c r="X37" s="219">
        <v>0</v>
      </c>
      <c r="Y37" s="219">
        <v>0</v>
      </c>
      <c r="Z37" s="220">
        <v>0</v>
      </c>
      <c r="AA37" s="218">
        <v>0</v>
      </c>
      <c r="AB37" s="218">
        <v>0</v>
      </c>
      <c r="AC37" s="218">
        <v>0</v>
      </c>
      <c r="AD37" s="219">
        <v>0</v>
      </c>
      <c r="AE37" s="240">
        <v>0</v>
      </c>
      <c r="AF37" s="241">
        <v>0</v>
      </c>
      <c r="AG37" s="217">
        <v>0</v>
      </c>
      <c r="AH37" s="219">
        <v>0</v>
      </c>
      <c r="AI37" s="219">
        <v>0</v>
      </c>
      <c r="AJ37" s="220">
        <v>0</v>
      </c>
      <c r="AK37" s="218">
        <v>0</v>
      </c>
      <c r="AL37" s="218">
        <v>0</v>
      </c>
      <c r="AM37" s="218">
        <v>0</v>
      </c>
      <c r="AN37" s="219">
        <v>0</v>
      </c>
      <c r="AO37" s="240">
        <v>0</v>
      </c>
      <c r="AP37" s="242">
        <v>0</v>
      </c>
      <c r="AQ37" s="239"/>
    </row>
    <row r="38" spans="2:43" ht="21" customHeight="1" x14ac:dyDescent="0.2">
      <c r="B38" s="106" t="s">
        <v>36</v>
      </c>
      <c r="C38" s="217">
        <v>0</v>
      </c>
      <c r="D38" s="219">
        <v>0</v>
      </c>
      <c r="E38" s="219">
        <v>0</v>
      </c>
      <c r="F38" s="220">
        <v>0</v>
      </c>
      <c r="G38" s="218">
        <v>0</v>
      </c>
      <c r="H38" s="218">
        <v>0</v>
      </c>
      <c r="I38" s="218">
        <v>1</v>
      </c>
      <c r="J38" s="219">
        <v>0</v>
      </c>
      <c r="K38" s="240">
        <v>1</v>
      </c>
      <c r="L38" s="241">
        <v>1</v>
      </c>
      <c r="M38" s="217">
        <v>0</v>
      </c>
      <c r="N38" s="219">
        <v>0</v>
      </c>
      <c r="O38" s="240">
        <v>0</v>
      </c>
      <c r="P38" s="222">
        <v>0</v>
      </c>
      <c r="Q38" s="218">
        <v>0</v>
      </c>
      <c r="R38" s="218">
        <v>0</v>
      </c>
      <c r="S38" s="218">
        <v>1</v>
      </c>
      <c r="T38" s="219">
        <v>2</v>
      </c>
      <c r="U38" s="240">
        <v>3</v>
      </c>
      <c r="V38" s="221">
        <v>3</v>
      </c>
      <c r="W38" s="222">
        <v>0</v>
      </c>
      <c r="X38" s="219">
        <v>0</v>
      </c>
      <c r="Y38" s="219">
        <v>0</v>
      </c>
      <c r="Z38" s="220">
        <v>0</v>
      </c>
      <c r="AA38" s="218">
        <v>0</v>
      </c>
      <c r="AB38" s="218">
        <v>0</v>
      </c>
      <c r="AC38" s="218">
        <v>0</v>
      </c>
      <c r="AD38" s="219">
        <v>0</v>
      </c>
      <c r="AE38" s="240">
        <v>0</v>
      </c>
      <c r="AF38" s="241">
        <v>0</v>
      </c>
      <c r="AG38" s="217">
        <v>0</v>
      </c>
      <c r="AH38" s="219">
        <v>0</v>
      </c>
      <c r="AI38" s="219">
        <v>0</v>
      </c>
      <c r="AJ38" s="220">
        <v>0</v>
      </c>
      <c r="AK38" s="218">
        <v>0</v>
      </c>
      <c r="AL38" s="218">
        <v>0</v>
      </c>
      <c r="AM38" s="218">
        <v>1</v>
      </c>
      <c r="AN38" s="219">
        <v>0</v>
      </c>
      <c r="AO38" s="240">
        <v>1</v>
      </c>
      <c r="AP38" s="242">
        <v>1</v>
      </c>
      <c r="AQ38" s="239"/>
    </row>
    <row r="39" spans="2:43" ht="21" customHeight="1" thickBot="1" x14ac:dyDescent="0.25">
      <c r="B39" s="108" t="s">
        <v>37</v>
      </c>
      <c r="C39" s="223">
        <v>0</v>
      </c>
      <c r="D39" s="225">
        <v>0</v>
      </c>
      <c r="E39" s="225">
        <v>0</v>
      </c>
      <c r="F39" s="226">
        <v>0</v>
      </c>
      <c r="G39" s="224">
        <v>0</v>
      </c>
      <c r="H39" s="224">
        <v>1</v>
      </c>
      <c r="I39" s="224">
        <v>0</v>
      </c>
      <c r="J39" s="225">
        <v>0</v>
      </c>
      <c r="K39" s="243">
        <v>1</v>
      </c>
      <c r="L39" s="244">
        <v>1</v>
      </c>
      <c r="M39" s="223">
        <v>0</v>
      </c>
      <c r="N39" s="225">
        <v>0</v>
      </c>
      <c r="O39" s="243">
        <v>0</v>
      </c>
      <c r="P39" s="228">
        <v>0</v>
      </c>
      <c r="Q39" s="224">
        <v>0</v>
      </c>
      <c r="R39" s="224">
        <v>0</v>
      </c>
      <c r="S39" s="224">
        <v>0</v>
      </c>
      <c r="T39" s="225">
        <v>0</v>
      </c>
      <c r="U39" s="243">
        <v>0</v>
      </c>
      <c r="V39" s="227">
        <v>0</v>
      </c>
      <c r="W39" s="228">
        <v>0</v>
      </c>
      <c r="X39" s="225">
        <v>0</v>
      </c>
      <c r="Y39" s="225">
        <v>0</v>
      </c>
      <c r="Z39" s="226">
        <v>0</v>
      </c>
      <c r="AA39" s="224">
        <v>0</v>
      </c>
      <c r="AB39" s="224">
        <v>0</v>
      </c>
      <c r="AC39" s="224">
        <v>0</v>
      </c>
      <c r="AD39" s="225">
        <v>0</v>
      </c>
      <c r="AE39" s="243">
        <v>0</v>
      </c>
      <c r="AF39" s="244">
        <v>0</v>
      </c>
      <c r="AG39" s="223">
        <v>0</v>
      </c>
      <c r="AH39" s="225">
        <v>0</v>
      </c>
      <c r="AI39" s="225">
        <v>0</v>
      </c>
      <c r="AJ39" s="226">
        <v>0</v>
      </c>
      <c r="AK39" s="224">
        <v>0</v>
      </c>
      <c r="AL39" s="224">
        <v>0</v>
      </c>
      <c r="AM39" s="224">
        <v>0</v>
      </c>
      <c r="AN39" s="225">
        <v>0</v>
      </c>
      <c r="AO39" s="243">
        <v>0</v>
      </c>
      <c r="AP39" s="245">
        <v>0</v>
      </c>
      <c r="AQ39" s="239"/>
    </row>
    <row r="40" spans="2:43" x14ac:dyDescent="0.2">
      <c r="C40" s="246"/>
      <c r="D40" s="246"/>
      <c r="E40" s="246"/>
      <c r="F40" s="246"/>
      <c r="G40" s="246"/>
      <c r="H40" s="246"/>
      <c r="I40" s="246"/>
      <c r="J40" s="246"/>
      <c r="K40" s="246"/>
      <c r="L40" s="246"/>
      <c r="M40" s="239"/>
      <c r="N40" s="239"/>
      <c r="O40" s="239"/>
      <c r="P40" s="239"/>
      <c r="Q40" s="239"/>
      <c r="R40" s="239"/>
      <c r="S40" s="239"/>
      <c r="T40" s="239"/>
      <c r="U40" s="239"/>
      <c r="V40" s="239"/>
      <c r="W40" s="239"/>
      <c r="X40" s="239"/>
      <c r="Y40" s="239"/>
      <c r="Z40" s="239"/>
      <c r="AA40" s="239"/>
      <c r="AB40" s="239"/>
      <c r="AC40" s="239"/>
      <c r="AD40" s="239"/>
      <c r="AE40" s="239"/>
      <c r="AF40" s="239"/>
      <c r="AG40" s="239"/>
      <c r="AH40" s="239"/>
      <c r="AI40" s="239"/>
      <c r="AJ40" s="239"/>
      <c r="AK40" s="239"/>
      <c r="AL40" s="239"/>
      <c r="AM40" s="239"/>
      <c r="AN40" s="239"/>
      <c r="AO40" s="239"/>
      <c r="AP40" s="239"/>
      <c r="AQ40" s="239"/>
    </row>
    <row r="41" spans="2:43" x14ac:dyDescent="0.2">
      <c r="C41" s="246"/>
      <c r="D41" s="246"/>
      <c r="E41" s="246"/>
      <c r="F41" s="246"/>
      <c r="G41" s="246"/>
      <c r="H41" s="246"/>
      <c r="I41" s="246"/>
      <c r="J41" s="246"/>
      <c r="K41" s="246"/>
      <c r="L41" s="246"/>
      <c r="M41" s="239"/>
      <c r="N41" s="239"/>
      <c r="O41" s="239"/>
      <c r="P41" s="239"/>
      <c r="Q41" s="239"/>
      <c r="R41" s="239"/>
      <c r="S41" s="239"/>
      <c r="T41" s="239"/>
      <c r="U41" s="239"/>
      <c r="V41" s="239"/>
      <c r="W41" s="239"/>
      <c r="X41" s="239"/>
      <c r="Y41" s="239"/>
      <c r="Z41" s="239"/>
      <c r="AA41" s="239"/>
      <c r="AB41" s="239"/>
      <c r="AC41" s="239"/>
      <c r="AD41" s="239"/>
      <c r="AE41" s="239"/>
      <c r="AF41" s="239"/>
      <c r="AG41" s="239"/>
      <c r="AH41" s="239"/>
      <c r="AI41" s="239"/>
      <c r="AJ41" s="239"/>
      <c r="AK41" s="239"/>
      <c r="AL41" s="239"/>
      <c r="AM41" s="239"/>
      <c r="AN41" s="239"/>
      <c r="AO41" s="239"/>
      <c r="AP41" s="239"/>
      <c r="AQ41" s="239"/>
    </row>
    <row r="42" spans="2:43" x14ac:dyDescent="0.2">
      <c r="C42" s="246"/>
      <c r="D42" s="246"/>
      <c r="E42" s="246"/>
      <c r="F42" s="246"/>
      <c r="G42" s="246"/>
      <c r="H42" s="246"/>
      <c r="I42" s="246"/>
      <c r="J42" s="246"/>
      <c r="K42" s="246"/>
      <c r="L42" s="246"/>
      <c r="M42" s="239"/>
      <c r="N42" s="239"/>
      <c r="O42" s="239"/>
      <c r="P42" s="239"/>
      <c r="Q42" s="239"/>
      <c r="R42" s="239"/>
      <c r="S42" s="239"/>
      <c r="T42" s="239"/>
      <c r="U42" s="239"/>
      <c r="V42" s="239"/>
      <c r="W42" s="239"/>
      <c r="X42" s="239"/>
      <c r="Y42" s="239"/>
      <c r="Z42" s="239"/>
      <c r="AA42" s="239"/>
      <c r="AB42" s="239"/>
      <c r="AC42" s="239"/>
      <c r="AD42" s="239"/>
      <c r="AE42" s="239"/>
      <c r="AF42" s="239"/>
      <c r="AG42" s="239"/>
      <c r="AH42" s="239"/>
      <c r="AI42" s="239"/>
      <c r="AJ42" s="239"/>
      <c r="AK42" s="239"/>
      <c r="AL42" s="239"/>
      <c r="AM42" s="239"/>
      <c r="AN42" s="239"/>
      <c r="AO42" s="239"/>
      <c r="AP42" s="239"/>
      <c r="AQ42" s="239"/>
    </row>
    <row r="43" spans="2:43" x14ac:dyDescent="0.2">
      <c r="C43" s="246"/>
      <c r="D43" s="246"/>
      <c r="E43" s="246"/>
      <c r="F43" s="246"/>
      <c r="G43" s="246"/>
      <c r="H43" s="246"/>
      <c r="I43" s="246"/>
      <c r="J43" s="246"/>
      <c r="K43" s="246"/>
      <c r="L43" s="246"/>
      <c r="M43" s="239"/>
      <c r="N43" s="239"/>
      <c r="O43" s="239"/>
      <c r="P43" s="239"/>
      <c r="Q43" s="239"/>
      <c r="R43" s="239"/>
      <c r="S43" s="239"/>
      <c r="T43" s="239"/>
      <c r="U43" s="239"/>
      <c r="V43" s="239"/>
      <c r="W43" s="239"/>
      <c r="X43" s="239"/>
      <c r="Y43" s="239"/>
      <c r="Z43" s="239"/>
      <c r="AA43" s="239"/>
      <c r="AB43" s="239"/>
      <c r="AC43" s="239"/>
      <c r="AD43" s="239"/>
      <c r="AE43" s="239"/>
      <c r="AF43" s="239"/>
      <c r="AG43" s="239"/>
      <c r="AH43" s="239"/>
      <c r="AI43" s="239"/>
      <c r="AJ43" s="239"/>
      <c r="AK43" s="239"/>
      <c r="AL43" s="239"/>
      <c r="AM43" s="239"/>
      <c r="AN43" s="239"/>
      <c r="AO43" s="239"/>
      <c r="AP43" s="239"/>
      <c r="AQ43" s="239"/>
    </row>
    <row r="44" spans="2:43" x14ac:dyDescent="0.2">
      <c r="C44" s="246"/>
      <c r="D44" s="246"/>
      <c r="E44" s="246"/>
      <c r="F44" s="246"/>
      <c r="G44" s="246"/>
      <c r="H44" s="246"/>
      <c r="I44" s="246"/>
      <c r="J44" s="246"/>
      <c r="K44" s="246"/>
      <c r="L44" s="246"/>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AP44" s="239"/>
      <c r="AQ44" s="239"/>
    </row>
    <row r="45" spans="2:43" x14ac:dyDescent="0.2">
      <c r="C45" s="70"/>
      <c r="D45" s="70"/>
      <c r="E45" s="70"/>
      <c r="F45" s="70"/>
      <c r="G45" s="70"/>
      <c r="H45" s="70"/>
      <c r="I45" s="70"/>
      <c r="J45" s="70"/>
      <c r="K45" s="70"/>
      <c r="L45" s="70"/>
    </row>
    <row r="46" spans="2:43" x14ac:dyDescent="0.2">
      <c r="C46" s="70"/>
      <c r="D46" s="70"/>
      <c r="E46" s="70"/>
      <c r="F46" s="70"/>
      <c r="G46" s="70"/>
      <c r="H46" s="70"/>
      <c r="I46" s="70"/>
      <c r="J46" s="70"/>
      <c r="K46" s="70"/>
      <c r="L46" s="70"/>
    </row>
    <row r="47" spans="2:43" x14ac:dyDescent="0.2">
      <c r="C47" s="70"/>
      <c r="D47" s="70"/>
      <c r="E47" s="70"/>
      <c r="F47" s="70"/>
      <c r="G47" s="70"/>
      <c r="H47" s="70"/>
      <c r="I47" s="70"/>
      <c r="J47" s="70"/>
      <c r="K47" s="70"/>
      <c r="L47" s="70"/>
    </row>
    <row r="48" spans="2:43" x14ac:dyDescent="0.2">
      <c r="C48" s="70"/>
      <c r="D48" s="70"/>
      <c r="E48" s="70"/>
      <c r="F48" s="70"/>
      <c r="G48" s="70"/>
      <c r="H48" s="70"/>
      <c r="I48" s="70"/>
      <c r="J48" s="70"/>
      <c r="K48" s="70"/>
      <c r="L48" s="70"/>
    </row>
    <row r="49" spans="3:12" x14ac:dyDescent="0.2">
      <c r="C49" s="70"/>
      <c r="D49" s="70"/>
      <c r="E49" s="70"/>
      <c r="F49" s="70"/>
      <c r="G49" s="70"/>
      <c r="H49" s="70"/>
      <c r="I49" s="70"/>
      <c r="J49" s="70"/>
      <c r="K49" s="70"/>
      <c r="L49" s="70"/>
    </row>
    <row r="50" spans="3:12" x14ac:dyDescent="0.2">
      <c r="C50" s="70"/>
      <c r="D50" s="70"/>
      <c r="E50" s="70"/>
      <c r="F50" s="70"/>
      <c r="G50" s="70"/>
      <c r="H50" s="70"/>
      <c r="I50" s="70"/>
      <c r="J50" s="70"/>
      <c r="K50" s="70"/>
      <c r="L50" s="70"/>
    </row>
    <row r="51" spans="3:12" x14ac:dyDescent="0.2">
      <c r="C51" s="70"/>
      <c r="D51" s="70"/>
      <c r="E51" s="70"/>
      <c r="F51" s="70"/>
      <c r="G51" s="70"/>
      <c r="H51" s="70"/>
      <c r="I51" s="70"/>
      <c r="J51" s="70"/>
      <c r="K51" s="70"/>
      <c r="L51" s="70"/>
    </row>
    <row r="52" spans="3:12" x14ac:dyDescent="0.2">
      <c r="C52" s="70"/>
      <c r="D52" s="70"/>
      <c r="E52" s="70"/>
      <c r="F52" s="70"/>
      <c r="G52" s="70"/>
      <c r="H52" s="70"/>
      <c r="I52" s="70"/>
      <c r="J52" s="70"/>
      <c r="K52" s="70"/>
      <c r="L52" s="70"/>
    </row>
    <row r="53" spans="3:12" x14ac:dyDescent="0.2">
      <c r="C53" s="70"/>
      <c r="D53" s="70"/>
      <c r="E53" s="70"/>
      <c r="F53" s="70"/>
      <c r="G53" s="70"/>
      <c r="H53" s="70"/>
      <c r="I53" s="70"/>
      <c r="J53" s="70"/>
      <c r="K53" s="70"/>
      <c r="L53" s="70"/>
    </row>
    <row r="54" spans="3:12" x14ac:dyDescent="0.2">
      <c r="C54" s="70"/>
      <c r="D54" s="70"/>
      <c r="E54" s="70"/>
      <c r="F54" s="70"/>
      <c r="G54" s="70"/>
      <c r="H54" s="70"/>
      <c r="I54" s="70"/>
      <c r="J54" s="70"/>
      <c r="K54" s="70"/>
      <c r="L54" s="70"/>
    </row>
    <row r="55" spans="3:12" x14ac:dyDescent="0.2">
      <c r="C55" s="70"/>
      <c r="D55" s="70"/>
      <c r="E55" s="70"/>
      <c r="F55" s="70"/>
      <c r="G55" s="70"/>
      <c r="H55" s="70"/>
      <c r="I55" s="70"/>
      <c r="J55" s="70"/>
      <c r="K55" s="70"/>
      <c r="L55" s="70"/>
    </row>
    <row r="56" spans="3:12" x14ac:dyDescent="0.2">
      <c r="C56" s="70"/>
      <c r="D56" s="70"/>
      <c r="E56" s="70"/>
      <c r="F56" s="70"/>
      <c r="G56" s="70"/>
      <c r="H56" s="70"/>
      <c r="I56" s="70"/>
      <c r="J56" s="70"/>
      <c r="K56" s="70"/>
      <c r="L56" s="70"/>
    </row>
    <row r="57" spans="3:12" x14ac:dyDescent="0.2">
      <c r="C57" s="70"/>
      <c r="D57" s="70"/>
      <c r="E57" s="70"/>
      <c r="F57" s="70"/>
      <c r="G57" s="70"/>
      <c r="H57" s="70"/>
      <c r="I57" s="70"/>
      <c r="J57" s="70"/>
      <c r="K57" s="70"/>
      <c r="L57" s="70"/>
    </row>
    <row r="58" spans="3:12" x14ac:dyDescent="0.2">
      <c r="C58" s="70"/>
      <c r="D58" s="70"/>
      <c r="E58" s="70"/>
      <c r="F58" s="70"/>
      <c r="G58" s="70"/>
      <c r="H58" s="70"/>
      <c r="I58" s="70"/>
      <c r="J58" s="70"/>
      <c r="K58" s="70"/>
      <c r="L58" s="70"/>
    </row>
    <row r="59" spans="3:12" x14ac:dyDescent="0.2">
      <c r="C59" s="70"/>
      <c r="D59" s="70"/>
      <c r="E59" s="70"/>
      <c r="F59" s="70"/>
      <c r="G59" s="70"/>
      <c r="H59" s="70"/>
      <c r="I59" s="70"/>
      <c r="J59" s="70"/>
      <c r="K59" s="70"/>
      <c r="L59" s="70"/>
    </row>
    <row r="60" spans="3:12" x14ac:dyDescent="0.2">
      <c r="C60" s="70"/>
      <c r="D60" s="70"/>
      <c r="E60" s="70"/>
      <c r="F60" s="70"/>
      <c r="G60" s="70"/>
      <c r="H60" s="70"/>
      <c r="I60" s="70"/>
      <c r="J60" s="70"/>
      <c r="K60" s="70"/>
      <c r="L60" s="70"/>
    </row>
    <row r="61" spans="3:12" x14ac:dyDescent="0.2">
      <c r="C61" s="70"/>
      <c r="D61" s="70"/>
      <c r="E61" s="70"/>
      <c r="F61" s="70"/>
      <c r="G61" s="70"/>
      <c r="H61" s="70"/>
      <c r="I61" s="70"/>
      <c r="J61" s="70"/>
      <c r="K61" s="70"/>
      <c r="L61" s="70"/>
    </row>
    <row r="62" spans="3:12" x14ac:dyDescent="0.2">
      <c r="C62" s="70"/>
      <c r="D62" s="70"/>
      <c r="E62" s="70"/>
      <c r="F62" s="70"/>
      <c r="G62" s="70"/>
      <c r="H62" s="70"/>
      <c r="I62" s="70"/>
      <c r="J62" s="70"/>
      <c r="K62" s="70"/>
      <c r="L62" s="70"/>
    </row>
    <row r="63" spans="3:12" x14ac:dyDescent="0.2">
      <c r="C63" s="70"/>
      <c r="D63" s="70"/>
      <c r="E63" s="70"/>
      <c r="F63" s="70"/>
      <c r="G63" s="70"/>
      <c r="H63" s="70"/>
      <c r="I63" s="70"/>
      <c r="J63" s="70"/>
      <c r="K63" s="70"/>
      <c r="L63" s="70"/>
    </row>
    <row r="64" spans="3:12" x14ac:dyDescent="0.2">
      <c r="C64" s="70"/>
      <c r="D64" s="70"/>
      <c r="E64" s="70"/>
      <c r="F64" s="70"/>
      <c r="G64" s="70"/>
      <c r="H64" s="70"/>
      <c r="I64" s="70"/>
      <c r="J64" s="70"/>
      <c r="K64" s="70"/>
      <c r="L64" s="70"/>
    </row>
    <row r="65" spans="3:12" x14ac:dyDescent="0.2">
      <c r="C65" s="70"/>
      <c r="D65" s="70"/>
      <c r="E65" s="70"/>
      <c r="F65" s="70"/>
      <c r="G65" s="70"/>
      <c r="H65" s="70"/>
      <c r="I65" s="70"/>
      <c r="J65" s="70"/>
      <c r="K65" s="70"/>
      <c r="L65" s="70"/>
    </row>
    <row r="66" spans="3:12" x14ac:dyDescent="0.2">
      <c r="C66" s="70"/>
      <c r="D66" s="70"/>
      <c r="E66" s="70"/>
      <c r="F66" s="70"/>
      <c r="G66" s="70"/>
      <c r="H66" s="70"/>
      <c r="I66" s="70"/>
      <c r="J66" s="70"/>
      <c r="K66" s="70"/>
      <c r="L66" s="70"/>
    </row>
    <row r="67" spans="3:12" x14ac:dyDescent="0.2">
      <c r="C67" s="70"/>
      <c r="D67" s="70"/>
      <c r="E67" s="70"/>
      <c r="F67" s="70"/>
      <c r="G67" s="70"/>
      <c r="H67" s="70"/>
      <c r="I67" s="70"/>
      <c r="J67" s="70"/>
      <c r="K67" s="70"/>
      <c r="L67" s="70"/>
    </row>
    <row r="68" spans="3:12" x14ac:dyDescent="0.2">
      <c r="C68" s="70"/>
      <c r="D68" s="70"/>
      <c r="E68" s="70"/>
      <c r="F68" s="70"/>
      <c r="G68" s="70"/>
      <c r="H68" s="70"/>
      <c r="I68" s="70"/>
      <c r="J68" s="70"/>
      <c r="K68" s="70"/>
      <c r="L68" s="70"/>
    </row>
    <row r="69" spans="3:12" x14ac:dyDescent="0.2">
      <c r="C69" s="70"/>
      <c r="D69" s="70"/>
      <c r="E69" s="70"/>
      <c r="F69" s="70"/>
      <c r="G69" s="70"/>
      <c r="H69" s="70"/>
      <c r="I69" s="70"/>
      <c r="J69" s="70"/>
      <c r="K69" s="70"/>
      <c r="L69" s="70"/>
    </row>
    <row r="70" spans="3:12" x14ac:dyDescent="0.2">
      <c r="C70" s="70"/>
      <c r="D70" s="70"/>
      <c r="E70" s="70"/>
      <c r="F70" s="70"/>
      <c r="G70" s="70"/>
      <c r="H70" s="70"/>
      <c r="I70" s="70"/>
      <c r="J70" s="70"/>
      <c r="K70" s="70"/>
      <c r="L70" s="70"/>
    </row>
    <row r="71" spans="3:12" x14ac:dyDescent="0.2">
      <c r="C71" s="70"/>
      <c r="D71" s="70"/>
      <c r="E71" s="70"/>
      <c r="F71" s="70"/>
      <c r="G71" s="70"/>
      <c r="H71" s="70"/>
      <c r="I71" s="70"/>
      <c r="J71" s="70"/>
      <c r="K71" s="70"/>
      <c r="L71" s="70"/>
    </row>
    <row r="72" spans="3:12" x14ac:dyDescent="0.2">
      <c r="C72" s="70"/>
      <c r="D72" s="70"/>
      <c r="E72" s="70"/>
      <c r="F72" s="70"/>
      <c r="G72" s="70"/>
      <c r="H72" s="70"/>
      <c r="I72" s="70"/>
      <c r="J72" s="70"/>
      <c r="K72" s="70"/>
      <c r="L72" s="70"/>
    </row>
    <row r="73" spans="3:12" x14ac:dyDescent="0.2">
      <c r="C73" s="70"/>
      <c r="D73" s="70"/>
      <c r="E73" s="70"/>
      <c r="F73" s="70"/>
      <c r="G73" s="70"/>
      <c r="H73" s="70"/>
      <c r="I73" s="70"/>
      <c r="J73" s="70"/>
      <c r="K73" s="70"/>
      <c r="L73" s="70"/>
    </row>
    <row r="74" spans="3:12" x14ac:dyDescent="0.2">
      <c r="C74" s="70"/>
      <c r="D74" s="70"/>
      <c r="E74" s="70"/>
      <c r="F74" s="70"/>
      <c r="G74" s="70"/>
      <c r="H74" s="70"/>
      <c r="I74" s="70"/>
      <c r="J74" s="70"/>
      <c r="K74" s="70"/>
      <c r="L74" s="70"/>
    </row>
    <row r="75" spans="3:12" x14ac:dyDescent="0.2">
      <c r="C75" s="70"/>
      <c r="D75" s="70"/>
      <c r="E75" s="70"/>
      <c r="F75" s="70"/>
      <c r="G75" s="70"/>
      <c r="H75" s="70"/>
      <c r="I75" s="70"/>
      <c r="J75" s="70"/>
      <c r="K75" s="70"/>
      <c r="L75" s="70"/>
    </row>
    <row r="76" spans="3:12" x14ac:dyDescent="0.2">
      <c r="C76" s="70"/>
      <c r="D76" s="70"/>
      <c r="E76" s="70"/>
      <c r="F76" s="70"/>
      <c r="G76" s="70"/>
      <c r="H76" s="70"/>
      <c r="I76" s="70"/>
      <c r="J76" s="70"/>
      <c r="K76" s="70"/>
      <c r="L76" s="70"/>
    </row>
    <row r="77" spans="3:12" x14ac:dyDescent="0.2">
      <c r="C77" s="70"/>
      <c r="D77" s="70"/>
      <c r="E77" s="70"/>
      <c r="F77" s="70"/>
      <c r="G77" s="70"/>
      <c r="H77" s="70"/>
      <c r="I77" s="70"/>
      <c r="J77" s="70"/>
      <c r="K77" s="70"/>
      <c r="L77" s="70"/>
    </row>
    <row r="78" spans="3:12" x14ac:dyDescent="0.2">
      <c r="C78" s="70"/>
      <c r="D78" s="70"/>
      <c r="E78" s="70"/>
      <c r="F78" s="70"/>
      <c r="G78" s="70"/>
      <c r="H78" s="70"/>
      <c r="I78" s="70"/>
      <c r="J78" s="70"/>
      <c r="K78" s="70"/>
      <c r="L78" s="70"/>
    </row>
    <row r="79" spans="3:12" x14ac:dyDescent="0.2">
      <c r="C79" s="70"/>
      <c r="D79" s="70"/>
      <c r="E79" s="70"/>
      <c r="F79" s="70"/>
      <c r="G79" s="70"/>
      <c r="H79" s="70"/>
      <c r="I79" s="70"/>
      <c r="J79" s="70"/>
      <c r="K79" s="70"/>
      <c r="L79" s="70"/>
    </row>
    <row r="80" spans="3:12" x14ac:dyDescent="0.2">
      <c r="C80" s="70"/>
      <c r="D80" s="70"/>
      <c r="E80" s="70"/>
      <c r="F80" s="70"/>
      <c r="G80" s="70"/>
      <c r="H80" s="70"/>
      <c r="I80" s="70"/>
      <c r="J80" s="70"/>
      <c r="K80" s="70"/>
      <c r="L80" s="70"/>
    </row>
    <row r="81" spans="3:12" x14ac:dyDescent="0.2">
      <c r="C81" s="70"/>
      <c r="D81" s="70"/>
      <c r="E81" s="70"/>
      <c r="F81" s="70"/>
      <c r="G81" s="70"/>
      <c r="H81" s="70"/>
      <c r="I81" s="70"/>
      <c r="J81" s="70"/>
      <c r="K81" s="70"/>
      <c r="L81" s="70"/>
    </row>
    <row r="82" spans="3:12" x14ac:dyDescent="0.2">
      <c r="C82" s="70"/>
      <c r="D82" s="70"/>
      <c r="E82" s="70"/>
      <c r="F82" s="70"/>
      <c r="G82" s="70"/>
      <c r="H82" s="70"/>
      <c r="I82" s="70"/>
      <c r="J82" s="70"/>
      <c r="K82" s="70"/>
      <c r="L82" s="70"/>
    </row>
    <row r="83" spans="3:12" x14ac:dyDescent="0.2">
      <c r="C83" s="70"/>
      <c r="D83" s="70"/>
      <c r="E83" s="70"/>
      <c r="F83" s="70"/>
      <c r="G83" s="70"/>
      <c r="H83" s="70"/>
      <c r="I83" s="70"/>
      <c r="J83" s="70"/>
      <c r="K83" s="70"/>
      <c r="L83" s="70"/>
    </row>
    <row r="84" spans="3:12" x14ac:dyDescent="0.2">
      <c r="C84" s="70"/>
      <c r="D84" s="70"/>
      <c r="E84" s="70"/>
      <c r="F84" s="70"/>
      <c r="G84" s="70"/>
      <c r="H84" s="70"/>
      <c r="I84" s="70"/>
      <c r="J84" s="70"/>
      <c r="K84" s="70"/>
      <c r="L84" s="70"/>
    </row>
    <row r="85" spans="3:12" x14ac:dyDescent="0.2">
      <c r="C85" s="70"/>
      <c r="D85" s="70"/>
      <c r="E85" s="70"/>
      <c r="F85" s="70"/>
      <c r="G85" s="70"/>
      <c r="H85" s="70"/>
      <c r="I85" s="70"/>
      <c r="J85" s="70"/>
      <c r="K85" s="70"/>
      <c r="L85" s="70"/>
    </row>
    <row r="86" spans="3:12" x14ac:dyDescent="0.2">
      <c r="C86" s="70"/>
      <c r="D86" s="70"/>
      <c r="E86" s="70"/>
      <c r="F86" s="70"/>
      <c r="G86" s="70"/>
      <c r="H86" s="70"/>
      <c r="I86" s="70"/>
      <c r="J86" s="70"/>
      <c r="K86" s="70"/>
      <c r="L86" s="70"/>
    </row>
    <row r="87" spans="3:12" x14ac:dyDescent="0.2">
      <c r="C87" s="70"/>
      <c r="D87" s="70"/>
      <c r="E87" s="70"/>
      <c r="F87" s="70"/>
      <c r="G87" s="70"/>
      <c r="H87" s="70"/>
      <c r="I87" s="70"/>
      <c r="J87" s="70"/>
      <c r="K87" s="70"/>
      <c r="L87" s="70"/>
    </row>
    <row r="88" spans="3:12" x14ac:dyDescent="0.2">
      <c r="C88" s="70"/>
      <c r="D88" s="70"/>
      <c r="E88" s="70"/>
      <c r="F88" s="70"/>
      <c r="G88" s="70"/>
      <c r="H88" s="70"/>
      <c r="I88" s="70"/>
      <c r="J88" s="70"/>
      <c r="K88" s="70"/>
      <c r="L88" s="70"/>
    </row>
    <row r="89" spans="3:12" x14ac:dyDescent="0.2">
      <c r="C89" s="70"/>
      <c r="D89" s="70"/>
      <c r="E89" s="70"/>
      <c r="F89" s="70"/>
      <c r="G89" s="70"/>
      <c r="H89" s="70"/>
      <c r="I89" s="70"/>
      <c r="J89" s="70"/>
      <c r="K89" s="70"/>
      <c r="L89" s="70"/>
    </row>
    <row r="90" spans="3:12" x14ac:dyDescent="0.2">
      <c r="C90" s="70"/>
      <c r="D90" s="70"/>
      <c r="E90" s="70"/>
      <c r="F90" s="70"/>
      <c r="G90" s="70"/>
      <c r="H90" s="70"/>
      <c r="I90" s="70"/>
      <c r="J90" s="70"/>
      <c r="K90" s="70"/>
      <c r="L90" s="70"/>
    </row>
    <row r="91" spans="3:12" x14ac:dyDescent="0.2">
      <c r="C91" s="70"/>
      <c r="D91" s="70"/>
      <c r="E91" s="70"/>
      <c r="F91" s="70"/>
      <c r="G91" s="70"/>
      <c r="H91" s="70"/>
      <c r="I91" s="70"/>
      <c r="J91" s="70"/>
      <c r="K91" s="70"/>
      <c r="L91" s="70"/>
    </row>
    <row r="92" spans="3:12" x14ac:dyDescent="0.2">
      <c r="C92" s="70"/>
      <c r="D92" s="70"/>
      <c r="E92" s="70"/>
      <c r="F92" s="70"/>
      <c r="G92" s="70"/>
      <c r="H92" s="70"/>
      <c r="I92" s="70"/>
      <c r="J92" s="70"/>
      <c r="K92" s="70"/>
      <c r="L92" s="70"/>
    </row>
    <row r="93" spans="3:12" x14ac:dyDescent="0.2">
      <c r="C93" s="70"/>
      <c r="D93" s="70"/>
      <c r="E93" s="70"/>
      <c r="F93" s="70"/>
      <c r="G93" s="70"/>
      <c r="H93" s="70"/>
      <c r="I93" s="70"/>
      <c r="J93" s="70"/>
      <c r="K93" s="70"/>
      <c r="L93" s="70"/>
    </row>
    <row r="94" spans="3:12" x14ac:dyDescent="0.2">
      <c r="C94" s="70"/>
      <c r="D94" s="70"/>
      <c r="E94" s="70"/>
      <c r="F94" s="70"/>
      <c r="G94" s="70"/>
      <c r="H94" s="70"/>
      <c r="I94" s="70"/>
      <c r="J94" s="70"/>
      <c r="K94" s="70"/>
      <c r="L94" s="70"/>
    </row>
    <row r="95" spans="3:12" x14ac:dyDescent="0.2">
      <c r="C95" s="70"/>
      <c r="D95" s="70"/>
      <c r="E95" s="70"/>
      <c r="F95" s="70"/>
      <c r="G95" s="70"/>
      <c r="H95" s="70"/>
      <c r="I95" s="70"/>
      <c r="J95" s="70"/>
      <c r="K95" s="70"/>
      <c r="L95" s="70"/>
    </row>
    <row r="96" spans="3:12" x14ac:dyDescent="0.2">
      <c r="C96" s="70"/>
      <c r="D96" s="70"/>
      <c r="E96" s="70"/>
      <c r="F96" s="70"/>
      <c r="G96" s="70"/>
      <c r="H96" s="70"/>
      <c r="I96" s="70"/>
      <c r="J96" s="70"/>
      <c r="K96" s="70"/>
      <c r="L96" s="70"/>
    </row>
    <row r="97" spans="3:12" x14ac:dyDescent="0.2">
      <c r="C97" s="70"/>
      <c r="D97" s="70"/>
      <c r="E97" s="70"/>
      <c r="F97" s="70"/>
      <c r="G97" s="70"/>
      <c r="H97" s="70"/>
      <c r="I97" s="70"/>
      <c r="J97" s="70"/>
      <c r="K97" s="70"/>
      <c r="L97" s="70"/>
    </row>
    <row r="98" spans="3:12" x14ac:dyDescent="0.2">
      <c r="C98" s="70"/>
      <c r="D98" s="70"/>
      <c r="E98" s="70"/>
      <c r="F98" s="70"/>
      <c r="G98" s="70"/>
      <c r="H98" s="70"/>
      <c r="I98" s="70"/>
      <c r="J98" s="70"/>
      <c r="K98" s="70"/>
      <c r="L98" s="70"/>
    </row>
    <row r="99" spans="3:12" x14ac:dyDescent="0.2">
      <c r="C99" s="70"/>
      <c r="D99" s="70"/>
      <c r="E99" s="70"/>
      <c r="F99" s="70"/>
      <c r="G99" s="70"/>
      <c r="H99" s="70"/>
      <c r="I99" s="70"/>
      <c r="J99" s="70"/>
      <c r="K99" s="70"/>
      <c r="L99" s="70"/>
    </row>
    <row r="100" spans="3:12" x14ac:dyDescent="0.2">
      <c r="C100" s="70"/>
      <c r="D100" s="70"/>
      <c r="E100" s="70"/>
      <c r="F100" s="70"/>
      <c r="G100" s="70"/>
      <c r="H100" s="70"/>
      <c r="I100" s="70"/>
      <c r="J100" s="70"/>
      <c r="K100" s="70"/>
      <c r="L100" s="70"/>
    </row>
    <row r="101" spans="3:12" x14ac:dyDescent="0.2">
      <c r="C101" s="70"/>
      <c r="D101" s="70"/>
      <c r="E101" s="70"/>
      <c r="F101" s="70"/>
      <c r="G101" s="70"/>
      <c r="H101" s="70"/>
      <c r="I101" s="70"/>
      <c r="J101" s="70"/>
      <c r="K101" s="70"/>
      <c r="L101" s="70"/>
    </row>
    <row r="102" spans="3:12" x14ac:dyDescent="0.2">
      <c r="C102" s="70"/>
      <c r="D102" s="70"/>
      <c r="E102" s="70"/>
      <c r="F102" s="70"/>
      <c r="G102" s="70"/>
      <c r="H102" s="70"/>
      <c r="I102" s="70"/>
      <c r="J102" s="70"/>
      <c r="K102" s="70"/>
      <c r="L102" s="70"/>
    </row>
    <row r="103" spans="3:12" x14ac:dyDescent="0.2">
      <c r="C103" s="70"/>
      <c r="D103" s="70"/>
      <c r="E103" s="70"/>
      <c r="F103" s="70"/>
      <c r="G103" s="70"/>
      <c r="H103" s="70"/>
      <c r="I103" s="70"/>
      <c r="J103" s="70"/>
      <c r="K103" s="70"/>
      <c r="L103" s="70"/>
    </row>
    <row r="104" spans="3:12" x14ac:dyDescent="0.2">
      <c r="C104" s="70"/>
      <c r="D104" s="70"/>
      <c r="E104" s="70"/>
      <c r="F104" s="70"/>
      <c r="G104" s="70"/>
      <c r="H104" s="70"/>
      <c r="I104" s="70"/>
      <c r="J104" s="70"/>
      <c r="K104" s="70"/>
      <c r="L104" s="70"/>
    </row>
    <row r="105" spans="3:12" x14ac:dyDescent="0.2">
      <c r="C105" s="70"/>
      <c r="D105" s="70"/>
      <c r="E105" s="70"/>
      <c r="F105" s="70"/>
      <c r="G105" s="70"/>
      <c r="H105" s="70"/>
      <c r="I105" s="70"/>
      <c r="J105" s="70"/>
      <c r="K105" s="70"/>
      <c r="L105" s="70"/>
    </row>
    <row r="106" spans="3:12" x14ac:dyDescent="0.2">
      <c r="C106" s="70"/>
      <c r="D106" s="70"/>
      <c r="E106" s="70"/>
      <c r="F106" s="70"/>
      <c r="G106" s="70"/>
      <c r="H106" s="70"/>
      <c r="I106" s="70"/>
      <c r="J106" s="70"/>
      <c r="K106" s="70"/>
      <c r="L106" s="70"/>
    </row>
    <row r="107" spans="3:12" x14ac:dyDescent="0.2">
      <c r="C107" s="70"/>
      <c r="D107" s="70"/>
      <c r="E107" s="70"/>
      <c r="F107" s="70"/>
      <c r="G107" s="70"/>
      <c r="H107" s="70"/>
      <c r="I107" s="70"/>
      <c r="J107" s="70"/>
      <c r="K107" s="70"/>
      <c r="L107" s="70"/>
    </row>
    <row r="108" spans="3:12" x14ac:dyDescent="0.2">
      <c r="C108" s="70"/>
      <c r="D108" s="70"/>
      <c r="E108" s="70"/>
      <c r="F108" s="70"/>
      <c r="G108" s="70"/>
      <c r="H108" s="70"/>
      <c r="I108" s="70"/>
      <c r="J108" s="70"/>
      <c r="K108" s="70"/>
      <c r="L108" s="70"/>
    </row>
    <row r="109" spans="3:12" x14ac:dyDescent="0.2">
      <c r="C109" s="70"/>
      <c r="D109" s="70"/>
      <c r="E109" s="70"/>
      <c r="F109" s="70"/>
      <c r="G109" s="70"/>
      <c r="H109" s="70"/>
      <c r="I109" s="70"/>
      <c r="J109" s="70"/>
      <c r="K109" s="70"/>
      <c r="L109" s="70"/>
    </row>
    <row r="110" spans="3:12" x14ac:dyDescent="0.2">
      <c r="C110" s="70"/>
      <c r="D110" s="70"/>
      <c r="E110" s="70"/>
      <c r="F110" s="70"/>
      <c r="G110" s="70"/>
      <c r="H110" s="70"/>
      <c r="I110" s="70"/>
      <c r="J110" s="70"/>
      <c r="K110" s="70"/>
      <c r="L110" s="70"/>
    </row>
    <row r="111" spans="3:12" x14ac:dyDescent="0.2">
      <c r="C111" s="70"/>
      <c r="D111" s="70"/>
      <c r="E111" s="70"/>
      <c r="F111" s="70"/>
      <c r="G111" s="70"/>
      <c r="H111" s="70"/>
      <c r="I111" s="70"/>
      <c r="J111" s="70"/>
      <c r="K111" s="70"/>
      <c r="L111" s="70"/>
    </row>
    <row r="112" spans="3:12" x14ac:dyDescent="0.2">
      <c r="C112" s="70"/>
      <c r="D112" s="70"/>
      <c r="E112" s="70"/>
      <c r="F112" s="70"/>
      <c r="G112" s="70"/>
      <c r="H112" s="70"/>
      <c r="I112" s="70"/>
      <c r="J112" s="70"/>
      <c r="K112" s="70"/>
      <c r="L112" s="70"/>
    </row>
    <row r="113" spans="3:12" x14ac:dyDescent="0.2">
      <c r="C113" s="70"/>
      <c r="D113" s="70"/>
      <c r="E113" s="70"/>
      <c r="F113" s="70"/>
      <c r="G113" s="70"/>
      <c r="H113" s="70"/>
      <c r="I113" s="70"/>
      <c r="J113" s="70"/>
      <c r="K113" s="70"/>
      <c r="L113" s="70"/>
    </row>
    <row r="114" spans="3:12" x14ac:dyDescent="0.2">
      <c r="C114" s="70"/>
      <c r="D114" s="70"/>
      <c r="E114" s="70"/>
      <c r="F114" s="70"/>
      <c r="G114" s="70"/>
      <c r="H114" s="70"/>
      <c r="I114" s="70"/>
      <c r="J114" s="70"/>
      <c r="K114" s="70"/>
      <c r="L114" s="70"/>
    </row>
    <row r="115" spans="3:12" x14ac:dyDescent="0.2">
      <c r="C115" s="70"/>
      <c r="D115" s="70"/>
      <c r="E115" s="70"/>
      <c r="F115" s="70"/>
      <c r="G115" s="70"/>
      <c r="H115" s="70"/>
      <c r="I115" s="70"/>
      <c r="J115" s="70"/>
      <c r="K115" s="70"/>
      <c r="L115" s="70"/>
    </row>
    <row r="116" spans="3:12" x14ac:dyDescent="0.2">
      <c r="C116" s="70"/>
      <c r="D116" s="70"/>
      <c r="E116" s="70"/>
      <c r="F116" s="70"/>
      <c r="G116" s="70"/>
      <c r="H116" s="70"/>
      <c r="I116" s="70"/>
      <c r="J116" s="70"/>
      <c r="K116" s="70"/>
      <c r="L116" s="70"/>
    </row>
    <row r="117" spans="3:12" x14ac:dyDescent="0.2">
      <c r="C117" s="70"/>
      <c r="D117" s="70"/>
      <c r="E117" s="70"/>
      <c r="F117" s="70"/>
      <c r="G117" s="70"/>
      <c r="H117" s="70"/>
      <c r="I117" s="70"/>
      <c r="J117" s="70"/>
      <c r="K117" s="70"/>
      <c r="L117" s="70"/>
    </row>
    <row r="118" spans="3:12" x14ac:dyDescent="0.2">
      <c r="C118" s="70"/>
      <c r="D118" s="70"/>
      <c r="E118" s="70"/>
      <c r="F118" s="70"/>
      <c r="G118" s="70"/>
      <c r="H118" s="70"/>
      <c r="I118" s="70"/>
      <c r="J118" s="70"/>
      <c r="K118" s="70"/>
      <c r="L118" s="70"/>
    </row>
    <row r="119" spans="3:12" x14ac:dyDescent="0.2">
      <c r="C119" s="70"/>
      <c r="D119" s="70"/>
      <c r="E119" s="70"/>
      <c r="F119" s="70"/>
      <c r="G119" s="70"/>
      <c r="H119" s="70"/>
      <c r="I119" s="70"/>
      <c r="J119" s="70"/>
      <c r="K119" s="70"/>
      <c r="L119" s="70"/>
    </row>
    <row r="120" spans="3:12" x14ac:dyDescent="0.2">
      <c r="C120" s="70"/>
      <c r="D120" s="70"/>
      <c r="E120" s="70"/>
      <c r="F120" s="70"/>
      <c r="G120" s="70"/>
      <c r="H120" s="70"/>
      <c r="I120" s="70"/>
      <c r="J120" s="70"/>
      <c r="K120" s="70"/>
      <c r="L120" s="70"/>
    </row>
    <row r="121" spans="3:12" x14ac:dyDescent="0.2">
      <c r="C121" s="70"/>
      <c r="D121" s="70"/>
      <c r="E121" s="70"/>
      <c r="F121" s="70"/>
      <c r="G121" s="70"/>
      <c r="H121" s="70"/>
      <c r="I121" s="70"/>
      <c r="J121" s="70"/>
      <c r="K121" s="70"/>
      <c r="L121" s="70"/>
    </row>
    <row r="122" spans="3:12" x14ac:dyDescent="0.2">
      <c r="C122" s="70"/>
      <c r="D122" s="70"/>
      <c r="E122" s="70"/>
      <c r="F122" s="70"/>
      <c r="G122" s="70"/>
      <c r="H122" s="70"/>
      <c r="I122" s="70"/>
      <c r="J122" s="70"/>
      <c r="K122" s="70"/>
      <c r="L122" s="70"/>
    </row>
    <row r="123" spans="3:12" x14ac:dyDescent="0.2">
      <c r="C123" s="70"/>
      <c r="D123" s="70"/>
      <c r="E123" s="70"/>
      <c r="F123" s="70"/>
      <c r="G123" s="70"/>
      <c r="H123" s="70"/>
      <c r="I123" s="70"/>
      <c r="J123" s="70"/>
      <c r="K123" s="70"/>
      <c r="L123" s="70"/>
    </row>
    <row r="124" spans="3:12" x14ac:dyDescent="0.2">
      <c r="C124" s="70"/>
      <c r="D124" s="70"/>
      <c r="E124" s="70"/>
      <c r="F124" s="70"/>
      <c r="G124" s="70"/>
      <c r="H124" s="70"/>
      <c r="I124" s="70"/>
      <c r="J124" s="70"/>
      <c r="K124" s="70"/>
      <c r="L124" s="70"/>
    </row>
    <row r="125" spans="3:12" x14ac:dyDescent="0.2">
      <c r="C125" s="70"/>
      <c r="D125" s="70"/>
      <c r="E125" s="70"/>
      <c r="F125" s="70"/>
      <c r="G125" s="70"/>
      <c r="H125" s="70"/>
      <c r="I125" s="70"/>
      <c r="J125" s="70"/>
      <c r="K125" s="70"/>
      <c r="L125" s="70"/>
    </row>
    <row r="126" spans="3:12" x14ac:dyDescent="0.2">
      <c r="C126" s="70"/>
      <c r="D126" s="70"/>
      <c r="E126" s="70"/>
      <c r="F126" s="70"/>
      <c r="G126" s="70"/>
      <c r="H126" s="70"/>
      <c r="I126" s="70"/>
      <c r="J126" s="70"/>
      <c r="K126" s="70"/>
      <c r="L126" s="70"/>
    </row>
    <row r="127" spans="3:12" x14ac:dyDescent="0.2">
      <c r="C127" s="70"/>
      <c r="D127" s="70"/>
      <c r="E127" s="70"/>
      <c r="F127" s="70"/>
      <c r="G127" s="70"/>
      <c r="H127" s="70"/>
      <c r="I127" s="70"/>
      <c r="J127" s="70"/>
      <c r="K127" s="70"/>
      <c r="L127" s="70"/>
    </row>
    <row r="128" spans="3:12" x14ac:dyDescent="0.2">
      <c r="C128" s="70"/>
      <c r="D128" s="70"/>
      <c r="E128" s="70"/>
      <c r="F128" s="70"/>
      <c r="G128" s="70"/>
      <c r="H128" s="70"/>
      <c r="I128" s="70"/>
      <c r="J128" s="70"/>
      <c r="K128" s="70"/>
      <c r="L128" s="70"/>
    </row>
    <row r="129" spans="3:12" x14ac:dyDescent="0.2">
      <c r="C129" s="70"/>
      <c r="D129" s="70"/>
      <c r="E129" s="70"/>
      <c r="F129" s="70"/>
      <c r="G129" s="70"/>
      <c r="H129" s="70"/>
      <c r="I129" s="70"/>
      <c r="J129" s="70"/>
      <c r="K129" s="70"/>
      <c r="L129" s="70"/>
    </row>
    <row r="130" spans="3:12" x14ac:dyDescent="0.2">
      <c r="C130" s="70"/>
      <c r="D130" s="70"/>
      <c r="E130" s="70"/>
      <c r="F130" s="70"/>
      <c r="G130" s="70"/>
      <c r="H130" s="70"/>
      <c r="I130" s="70"/>
      <c r="J130" s="70"/>
      <c r="K130" s="70"/>
      <c r="L130" s="70"/>
    </row>
    <row r="131" spans="3:12" x14ac:dyDescent="0.2">
      <c r="C131" s="70"/>
      <c r="D131" s="70"/>
      <c r="E131" s="70"/>
      <c r="F131" s="70"/>
      <c r="G131" s="70"/>
      <c r="H131" s="70"/>
      <c r="I131" s="70"/>
      <c r="J131" s="70"/>
      <c r="K131" s="70"/>
      <c r="L131" s="70"/>
    </row>
    <row r="132" spans="3:12" x14ac:dyDescent="0.2">
      <c r="C132" s="70"/>
      <c r="D132" s="70"/>
      <c r="E132" s="70"/>
      <c r="F132" s="70"/>
      <c r="G132" s="70"/>
      <c r="H132" s="70"/>
      <c r="I132" s="70"/>
      <c r="J132" s="70"/>
      <c r="K132" s="70"/>
      <c r="L132" s="70"/>
    </row>
    <row r="133" spans="3:12" x14ac:dyDescent="0.2">
      <c r="C133" s="70"/>
      <c r="D133" s="70"/>
      <c r="E133" s="70"/>
      <c r="F133" s="70"/>
      <c r="G133" s="70"/>
      <c r="H133" s="70"/>
      <c r="I133" s="70"/>
      <c r="J133" s="70"/>
      <c r="K133" s="70"/>
      <c r="L133" s="70"/>
    </row>
    <row r="134" spans="3:12" x14ac:dyDescent="0.2">
      <c r="C134" s="70"/>
      <c r="D134" s="70"/>
      <c r="E134" s="70"/>
      <c r="F134" s="70"/>
      <c r="G134" s="70"/>
      <c r="H134" s="70"/>
      <c r="I134" s="70"/>
      <c r="J134" s="70"/>
      <c r="K134" s="70"/>
      <c r="L134" s="70"/>
    </row>
    <row r="135" spans="3:12" x14ac:dyDescent="0.2">
      <c r="C135" s="70"/>
      <c r="D135" s="70"/>
      <c r="E135" s="70"/>
      <c r="F135" s="70"/>
      <c r="G135" s="70"/>
      <c r="H135" s="70"/>
      <c r="I135" s="70"/>
      <c r="J135" s="70"/>
      <c r="K135" s="70"/>
      <c r="L135" s="70"/>
    </row>
    <row r="136" spans="3:12" x14ac:dyDescent="0.2">
      <c r="C136" s="70"/>
      <c r="D136" s="70"/>
      <c r="E136" s="70"/>
      <c r="F136" s="70"/>
      <c r="G136" s="70"/>
      <c r="H136" s="70"/>
      <c r="I136" s="70"/>
      <c r="J136" s="70"/>
      <c r="K136" s="70"/>
      <c r="L136" s="70"/>
    </row>
    <row r="137" spans="3:12" x14ac:dyDescent="0.2">
      <c r="C137" s="70"/>
      <c r="D137" s="70"/>
      <c r="E137" s="70"/>
      <c r="F137" s="70"/>
      <c r="G137" s="70"/>
      <c r="H137" s="70"/>
      <c r="I137" s="70"/>
      <c r="J137" s="70"/>
      <c r="K137" s="70"/>
      <c r="L137" s="70"/>
    </row>
    <row r="138" spans="3:12" x14ac:dyDescent="0.2">
      <c r="C138" s="70"/>
      <c r="D138" s="70"/>
      <c r="E138" s="70"/>
      <c r="F138" s="70"/>
      <c r="G138" s="70"/>
      <c r="H138" s="70"/>
      <c r="I138" s="70"/>
      <c r="J138" s="70"/>
      <c r="K138" s="70"/>
      <c r="L138" s="70"/>
    </row>
    <row r="139" spans="3:12" x14ac:dyDescent="0.2">
      <c r="C139" s="70"/>
      <c r="D139" s="70"/>
      <c r="E139" s="70"/>
      <c r="F139" s="70"/>
      <c r="G139" s="70"/>
      <c r="H139" s="70"/>
      <c r="I139" s="70"/>
      <c r="J139" s="70"/>
      <c r="K139" s="70"/>
      <c r="L139" s="70"/>
    </row>
    <row r="140" spans="3:12" x14ac:dyDescent="0.2">
      <c r="C140" s="70"/>
      <c r="D140" s="70"/>
      <c r="E140" s="70"/>
      <c r="F140" s="70"/>
      <c r="G140" s="70"/>
      <c r="H140" s="70"/>
      <c r="I140" s="70"/>
      <c r="J140" s="70"/>
      <c r="K140" s="70"/>
      <c r="L140" s="70"/>
    </row>
    <row r="141" spans="3:12" x14ac:dyDescent="0.2">
      <c r="C141" s="70"/>
      <c r="D141" s="70"/>
      <c r="E141" s="70"/>
      <c r="F141" s="70"/>
      <c r="G141" s="70"/>
      <c r="H141" s="70"/>
      <c r="I141" s="70"/>
      <c r="J141" s="70"/>
      <c r="K141" s="70"/>
      <c r="L141" s="70"/>
    </row>
    <row r="142" spans="3:12" x14ac:dyDescent="0.2">
      <c r="C142" s="70"/>
      <c r="D142" s="70"/>
      <c r="E142" s="70"/>
      <c r="F142" s="70"/>
      <c r="G142" s="70"/>
      <c r="H142" s="70"/>
      <c r="I142" s="70"/>
      <c r="J142" s="70"/>
      <c r="K142" s="70"/>
      <c r="L142" s="70"/>
    </row>
    <row r="143" spans="3:12" x14ac:dyDescent="0.2">
      <c r="C143" s="70"/>
      <c r="D143" s="70"/>
      <c r="E143" s="70"/>
      <c r="F143" s="70"/>
      <c r="G143" s="70"/>
      <c r="H143" s="70"/>
      <c r="I143" s="70"/>
      <c r="J143" s="70"/>
      <c r="K143" s="70"/>
      <c r="L143" s="70"/>
    </row>
    <row r="144" spans="3:12" x14ac:dyDescent="0.2">
      <c r="C144" s="70"/>
      <c r="D144" s="70"/>
      <c r="E144" s="70"/>
      <c r="F144" s="70"/>
      <c r="G144" s="70"/>
      <c r="H144" s="70"/>
      <c r="I144" s="70"/>
      <c r="J144" s="70"/>
      <c r="K144" s="70"/>
      <c r="L144" s="70"/>
    </row>
    <row r="145" spans="3:12" x14ac:dyDescent="0.2">
      <c r="C145" s="70"/>
      <c r="D145" s="70"/>
      <c r="E145" s="70"/>
      <c r="F145" s="70"/>
      <c r="G145" s="70"/>
      <c r="H145" s="70"/>
      <c r="I145" s="70"/>
      <c r="J145" s="70"/>
      <c r="K145" s="70"/>
      <c r="L145" s="70"/>
    </row>
    <row r="146" spans="3:12" x14ac:dyDescent="0.2">
      <c r="C146" s="70"/>
      <c r="D146" s="70"/>
      <c r="E146" s="70"/>
      <c r="F146" s="70"/>
      <c r="G146" s="70"/>
      <c r="H146" s="70"/>
      <c r="I146" s="70"/>
      <c r="J146" s="70"/>
      <c r="K146" s="70"/>
      <c r="L146" s="70"/>
    </row>
    <row r="147" spans="3:12" x14ac:dyDescent="0.2">
      <c r="C147" s="70"/>
      <c r="D147" s="70"/>
      <c r="E147" s="70"/>
      <c r="F147" s="70"/>
      <c r="G147" s="70"/>
      <c r="H147" s="70"/>
      <c r="I147" s="70"/>
      <c r="J147" s="70"/>
      <c r="K147" s="70"/>
      <c r="L147" s="70"/>
    </row>
    <row r="148" spans="3:12" x14ac:dyDescent="0.2">
      <c r="C148" s="70"/>
      <c r="D148" s="70"/>
      <c r="E148" s="70"/>
      <c r="F148" s="70"/>
      <c r="G148" s="70"/>
      <c r="H148" s="70"/>
      <c r="I148" s="70"/>
      <c r="J148" s="70"/>
      <c r="K148" s="70"/>
      <c r="L148" s="70"/>
    </row>
    <row r="149" spans="3:12" x14ac:dyDescent="0.2">
      <c r="C149" s="70"/>
      <c r="D149" s="70"/>
      <c r="E149" s="70"/>
      <c r="F149" s="70"/>
      <c r="G149" s="70"/>
      <c r="H149" s="70"/>
      <c r="I149" s="70"/>
      <c r="J149" s="70"/>
      <c r="K149" s="70"/>
      <c r="L149" s="70"/>
    </row>
    <row r="150" spans="3:12" x14ac:dyDescent="0.2">
      <c r="C150" s="70"/>
      <c r="D150" s="70"/>
      <c r="E150" s="70"/>
      <c r="F150" s="70"/>
      <c r="G150" s="70"/>
      <c r="H150" s="70"/>
      <c r="I150" s="70"/>
      <c r="J150" s="70"/>
      <c r="K150" s="70"/>
      <c r="L150" s="70"/>
    </row>
    <row r="151" spans="3:12" x14ac:dyDescent="0.2">
      <c r="C151" s="70"/>
      <c r="D151" s="70"/>
      <c r="E151" s="70"/>
      <c r="F151" s="70"/>
      <c r="G151" s="70"/>
      <c r="H151" s="70"/>
      <c r="I151" s="70"/>
      <c r="J151" s="70"/>
      <c r="K151" s="70"/>
      <c r="L151" s="70"/>
    </row>
    <row r="152" spans="3:12" x14ac:dyDescent="0.2">
      <c r="C152" s="70"/>
      <c r="D152" s="70"/>
      <c r="E152" s="70"/>
      <c r="F152" s="70"/>
      <c r="G152" s="70"/>
      <c r="H152" s="70"/>
      <c r="I152" s="70"/>
      <c r="J152" s="70"/>
      <c r="K152" s="70"/>
      <c r="L152" s="70"/>
    </row>
    <row r="153" spans="3:12" x14ac:dyDescent="0.2">
      <c r="C153" s="70"/>
      <c r="D153" s="70"/>
      <c r="E153" s="70"/>
      <c r="F153" s="70"/>
      <c r="G153" s="70"/>
      <c r="H153" s="70"/>
      <c r="I153" s="70"/>
      <c r="J153" s="70"/>
      <c r="K153" s="70"/>
      <c r="L153" s="70"/>
    </row>
    <row r="154" spans="3:12" x14ac:dyDescent="0.2">
      <c r="C154" s="70"/>
      <c r="D154" s="70"/>
      <c r="E154" s="70"/>
      <c r="F154" s="70"/>
      <c r="G154" s="70"/>
      <c r="H154" s="70"/>
      <c r="I154" s="70"/>
      <c r="J154" s="70"/>
      <c r="K154" s="70"/>
      <c r="L154" s="70"/>
    </row>
    <row r="155" spans="3:12" x14ac:dyDescent="0.2">
      <c r="C155" s="70"/>
      <c r="D155" s="70"/>
      <c r="E155" s="70"/>
      <c r="F155" s="70"/>
      <c r="G155" s="70"/>
      <c r="H155" s="70"/>
      <c r="I155" s="70"/>
      <c r="J155" s="70"/>
      <c r="K155" s="70"/>
      <c r="L155" s="70"/>
    </row>
    <row r="156" spans="3:12" x14ac:dyDescent="0.2">
      <c r="C156" s="70"/>
      <c r="D156" s="70"/>
      <c r="E156" s="70"/>
      <c r="F156" s="70"/>
      <c r="G156" s="70"/>
      <c r="H156" s="70"/>
      <c r="I156" s="70"/>
      <c r="J156" s="70"/>
      <c r="K156" s="70"/>
      <c r="L156" s="70"/>
    </row>
    <row r="157" spans="3:12" x14ac:dyDescent="0.2">
      <c r="C157" s="70"/>
      <c r="D157" s="70"/>
      <c r="E157" s="70"/>
      <c r="F157" s="70"/>
      <c r="G157" s="70"/>
      <c r="H157" s="70"/>
      <c r="I157" s="70"/>
      <c r="J157" s="70"/>
      <c r="K157" s="70"/>
      <c r="L157" s="70"/>
    </row>
    <row r="158" spans="3:12" x14ac:dyDescent="0.2">
      <c r="C158" s="70"/>
      <c r="D158" s="70"/>
      <c r="E158" s="70"/>
      <c r="F158" s="70"/>
      <c r="G158" s="70"/>
      <c r="H158" s="70"/>
      <c r="I158" s="70"/>
      <c r="J158" s="70"/>
      <c r="K158" s="70"/>
      <c r="L158" s="70"/>
    </row>
    <row r="159" spans="3:12" x14ac:dyDescent="0.2">
      <c r="C159" s="70"/>
      <c r="D159" s="70"/>
      <c r="E159" s="70"/>
      <c r="F159" s="70"/>
      <c r="G159" s="70"/>
      <c r="H159" s="70"/>
      <c r="I159" s="70"/>
      <c r="J159" s="70"/>
      <c r="K159" s="70"/>
      <c r="L159" s="70"/>
    </row>
    <row r="160" spans="3:12" x14ac:dyDescent="0.2">
      <c r="C160" s="70"/>
      <c r="D160" s="70"/>
      <c r="E160" s="70"/>
      <c r="F160" s="70"/>
      <c r="G160" s="70"/>
      <c r="H160" s="70"/>
      <c r="I160" s="70"/>
      <c r="J160" s="70"/>
      <c r="K160" s="70"/>
      <c r="L160" s="70"/>
    </row>
    <row r="161" spans="3:12" x14ac:dyDescent="0.2">
      <c r="C161" s="70"/>
      <c r="D161" s="70"/>
      <c r="E161" s="70"/>
      <c r="F161" s="70"/>
      <c r="G161" s="70"/>
      <c r="H161" s="70"/>
      <c r="I161" s="70"/>
      <c r="J161" s="70"/>
      <c r="K161" s="70"/>
      <c r="L161" s="70"/>
    </row>
    <row r="162" spans="3:12" x14ac:dyDescent="0.2">
      <c r="C162" s="70"/>
      <c r="D162" s="70"/>
      <c r="E162" s="70"/>
      <c r="F162" s="70"/>
      <c r="G162" s="70"/>
      <c r="H162" s="70"/>
      <c r="I162" s="70"/>
      <c r="J162" s="70"/>
      <c r="K162" s="70"/>
      <c r="L162" s="70"/>
    </row>
    <row r="163" spans="3:12" x14ac:dyDescent="0.2">
      <c r="C163" s="70"/>
      <c r="D163" s="70"/>
      <c r="E163" s="70"/>
      <c r="F163" s="70"/>
      <c r="G163" s="70"/>
      <c r="H163" s="70"/>
      <c r="I163" s="70"/>
      <c r="J163" s="70"/>
      <c r="K163" s="70"/>
      <c r="L163" s="70"/>
    </row>
    <row r="164" spans="3:12" x14ac:dyDescent="0.2">
      <c r="C164" s="70"/>
      <c r="D164" s="70"/>
      <c r="E164" s="70"/>
      <c r="F164" s="70"/>
      <c r="G164" s="70"/>
      <c r="H164" s="70"/>
      <c r="I164" s="70"/>
      <c r="J164" s="70"/>
      <c r="K164" s="70"/>
      <c r="L164" s="70"/>
    </row>
    <row r="165" spans="3:12" x14ac:dyDescent="0.2">
      <c r="C165" s="70"/>
      <c r="D165" s="70"/>
      <c r="E165" s="70"/>
      <c r="F165" s="70"/>
      <c r="G165" s="70"/>
      <c r="H165" s="70"/>
      <c r="I165" s="70"/>
      <c r="J165" s="70"/>
      <c r="K165" s="70"/>
      <c r="L165" s="70"/>
    </row>
    <row r="166" spans="3:12" x14ac:dyDescent="0.2">
      <c r="C166" s="70"/>
      <c r="D166" s="70"/>
      <c r="E166" s="70"/>
      <c r="F166" s="70"/>
      <c r="G166" s="70"/>
      <c r="H166" s="70"/>
      <c r="I166" s="70"/>
      <c r="J166" s="70"/>
      <c r="K166" s="70"/>
      <c r="L166" s="70"/>
    </row>
    <row r="167" spans="3:12" x14ac:dyDescent="0.2">
      <c r="C167" s="70"/>
      <c r="D167" s="70"/>
      <c r="E167" s="70"/>
      <c r="F167" s="70"/>
      <c r="G167" s="70"/>
      <c r="H167" s="70"/>
      <c r="I167" s="70"/>
      <c r="J167" s="70"/>
      <c r="K167" s="70"/>
      <c r="L167" s="70"/>
    </row>
    <row r="168" spans="3:12" x14ac:dyDescent="0.2">
      <c r="C168" s="70"/>
      <c r="D168" s="70"/>
      <c r="E168" s="70"/>
      <c r="F168" s="70"/>
      <c r="G168" s="70"/>
      <c r="H168" s="70"/>
      <c r="I168" s="70"/>
      <c r="J168" s="70"/>
      <c r="K168" s="70"/>
      <c r="L168" s="70"/>
    </row>
    <row r="169" spans="3:12" x14ac:dyDescent="0.2">
      <c r="C169" s="70"/>
      <c r="D169" s="70"/>
      <c r="E169" s="70"/>
      <c r="F169" s="70"/>
      <c r="G169" s="70"/>
      <c r="H169" s="70"/>
      <c r="I169" s="70"/>
      <c r="J169" s="70"/>
      <c r="K169" s="70"/>
      <c r="L169" s="70"/>
    </row>
    <row r="170" spans="3:12" x14ac:dyDescent="0.2">
      <c r="C170" s="70"/>
      <c r="D170" s="70"/>
      <c r="E170" s="70"/>
      <c r="F170" s="70"/>
      <c r="G170" s="70"/>
      <c r="H170" s="70"/>
      <c r="I170" s="70"/>
      <c r="J170" s="70"/>
      <c r="K170" s="70"/>
      <c r="L170" s="70"/>
    </row>
    <row r="171" spans="3:12" x14ac:dyDescent="0.2">
      <c r="C171" s="70"/>
      <c r="D171" s="70"/>
      <c r="E171" s="70"/>
      <c r="F171" s="70"/>
      <c r="G171" s="70"/>
      <c r="H171" s="70"/>
      <c r="I171" s="70"/>
      <c r="J171" s="70"/>
      <c r="K171" s="70"/>
      <c r="L171" s="70"/>
    </row>
    <row r="172" spans="3:12" x14ac:dyDescent="0.2">
      <c r="C172" s="70"/>
      <c r="D172" s="70"/>
      <c r="E172" s="70"/>
      <c r="F172" s="70"/>
      <c r="G172" s="70"/>
      <c r="H172" s="70"/>
      <c r="I172" s="70"/>
      <c r="J172" s="70"/>
      <c r="K172" s="70"/>
      <c r="L172" s="70"/>
    </row>
    <row r="173" spans="3:12" x14ac:dyDescent="0.2">
      <c r="C173" s="70"/>
      <c r="D173" s="70"/>
      <c r="E173" s="70"/>
      <c r="F173" s="70"/>
      <c r="G173" s="70"/>
      <c r="H173" s="70"/>
      <c r="I173" s="70"/>
      <c r="J173" s="70"/>
      <c r="K173" s="70"/>
      <c r="L173" s="70"/>
    </row>
    <row r="174" spans="3:12" x14ac:dyDescent="0.2">
      <c r="C174" s="70"/>
      <c r="D174" s="70"/>
      <c r="E174" s="70"/>
      <c r="F174" s="70"/>
      <c r="G174" s="70"/>
      <c r="H174" s="70"/>
      <c r="I174" s="70"/>
      <c r="J174" s="70"/>
      <c r="K174" s="70"/>
      <c r="L174" s="70"/>
    </row>
    <row r="175" spans="3:12" x14ac:dyDescent="0.2">
      <c r="C175" s="70"/>
      <c r="D175" s="70"/>
      <c r="E175" s="70"/>
      <c r="F175" s="70"/>
      <c r="G175" s="70"/>
      <c r="H175" s="70"/>
      <c r="I175" s="70"/>
      <c r="J175" s="70"/>
      <c r="K175" s="70"/>
      <c r="L175" s="70"/>
    </row>
    <row r="176" spans="3:12" x14ac:dyDescent="0.2">
      <c r="C176" s="70"/>
      <c r="D176" s="70"/>
      <c r="E176" s="70"/>
      <c r="F176" s="70"/>
      <c r="G176" s="70"/>
      <c r="H176" s="70"/>
      <c r="I176" s="70"/>
      <c r="J176" s="70"/>
      <c r="K176" s="70"/>
      <c r="L176" s="70"/>
    </row>
    <row r="177" spans="3:12" x14ac:dyDescent="0.2">
      <c r="C177" s="70"/>
      <c r="D177" s="70"/>
      <c r="E177" s="70"/>
      <c r="F177" s="70"/>
      <c r="G177" s="70"/>
      <c r="H177" s="70"/>
      <c r="I177" s="70"/>
      <c r="J177" s="70"/>
      <c r="K177" s="70"/>
      <c r="L177" s="70"/>
    </row>
    <row r="178" spans="3:12" x14ac:dyDescent="0.2">
      <c r="C178" s="70"/>
      <c r="D178" s="70"/>
      <c r="E178" s="70"/>
      <c r="F178" s="70"/>
      <c r="G178" s="70"/>
      <c r="H178" s="70"/>
      <c r="I178" s="70"/>
      <c r="J178" s="70"/>
      <c r="K178" s="70"/>
      <c r="L178" s="70"/>
    </row>
    <row r="179" spans="3:12" x14ac:dyDescent="0.2">
      <c r="C179" s="70"/>
      <c r="D179" s="70"/>
      <c r="E179" s="70"/>
      <c r="F179" s="70"/>
      <c r="G179" s="70"/>
      <c r="H179" s="70"/>
      <c r="I179" s="70"/>
      <c r="J179" s="70"/>
      <c r="K179" s="70"/>
      <c r="L179" s="70"/>
    </row>
    <row r="180" spans="3:12" x14ac:dyDescent="0.2">
      <c r="C180" s="70"/>
      <c r="D180" s="70"/>
      <c r="E180" s="70"/>
      <c r="F180" s="70"/>
      <c r="G180" s="70"/>
      <c r="H180" s="70"/>
      <c r="I180" s="70"/>
      <c r="J180" s="70"/>
      <c r="K180" s="70"/>
      <c r="L180" s="70"/>
    </row>
    <row r="181" spans="3:12" x14ac:dyDescent="0.2">
      <c r="C181" s="70"/>
      <c r="D181" s="70"/>
      <c r="E181" s="70"/>
      <c r="F181" s="70"/>
      <c r="G181" s="70"/>
      <c r="H181" s="70"/>
      <c r="I181" s="70"/>
      <c r="J181" s="70"/>
      <c r="K181" s="70"/>
      <c r="L181" s="70"/>
    </row>
    <row r="182" spans="3:12" x14ac:dyDescent="0.2">
      <c r="C182" s="70"/>
      <c r="D182" s="70"/>
      <c r="E182" s="70"/>
      <c r="F182" s="70"/>
      <c r="G182" s="70"/>
      <c r="H182" s="70"/>
      <c r="I182" s="70"/>
      <c r="J182" s="70"/>
      <c r="K182" s="70"/>
      <c r="L182" s="70"/>
    </row>
    <row r="183" spans="3:12" x14ac:dyDescent="0.2">
      <c r="C183" s="70"/>
      <c r="D183" s="70"/>
      <c r="E183" s="70"/>
      <c r="F183" s="70"/>
      <c r="G183" s="70"/>
      <c r="H183" s="70"/>
      <c r="I183" s="70"/>
      <c r="J183" s="70"/>
      <c r="K183" s="70"/>
      <c r="L183" s="70"/>
    </row>
    <row r="184" spans="3:12" x14ac:dyDescent="0.2">
      <c r="C184" s="70"/>
      <c r="D184" s="70"/>
      <c r="E184" s="70"/>
      <c r="F184" s="70"/>
      <c r="G184" s="70"/>
      <c r="H184" s="70"/>
      <c r="I184" s="70"/>
      <c r="J184" s="70"/>
      <c r="K184" s="70"/>
      <c r="L184" s="70"/>
    </row>
    <row r="185" spans="3:12" x14ac:dyDescent="0.2">
      <c r="C185" s="70"/>
      <c r="D185" s="70"/>
      <c r="E185" s="70"/>
      <c r="F185" s="70"/>
      <c r="G185" s="70"/>
      <c r="H185" s="70"/>
      <c r="I185" s="70"/>
      <c r="J185" s="70"/>
      <c r="K185" s="70"/>
      <c r="L185" s="70"/>
    </row>
    <row r="186" spans="3:12" x14ac:dyDescent="0.2">
      <c r="C186" s="70"/>
      <c r="D186" s="70"/>
      <c r="E186" s="70"/>
      <c r="F186" s="70"/>
      <c r="G186" s="70"/>
      <c r="H186" s="70"/>
      <c r="I186" s="70"/>
      <c r="J186" s="70"/>
      <c r="K186" s="70"/>
      <c r="L186" s="70"/>
    </row>
    <row r="187" spans="3:12" x14ac:dyDescent="0.2">
      <c r="C187" s="70"/>
      <c r="D187" s="70"/>
      <c r="E187" s="70"/>
      <c r="F187" s="70"/>
      <c r="G187" s="70"/>
      <c r="H187" s="70"/>
      <c r="I187" s="70"/>
      <c r="J187" s="70"/>
      <c r="K187" s="70"/>
      <c r="L187" s="70"/>
    </row>
    <row r="188" spans="3:12" x14ac:dyDescent="0.2">
      <c r="C188" s="70"/>
      <c r="D188" s="70"/>
      <c r="E188" s="70"/>
      <c r="F188" s="70"/>
      <c r="G188" s="70"/>
      <c r="H188" s="70"/>
      <c r="I188" s="70"/>
      <c r="J188" s="70"/>
      <c r="K188" s="70"/>
      <c r="L188" s="70"/>
    </row>
    <row r="189" spans="3:12" x14ac:dyDescent="0.2">
      <c r="C189" s="70"/>
      <c r="D189" s="70"/>
      <c r="E189" s="70"/>
      <c r="F189" s="70"/>
      <c r="G189" s="70"/>
      <c r="H189" s="70"/>
      <c r="I189" s="70"/>
      <c r="J189" s="70"/>
      <c r="K189" s="70"/>
      <c r="L189" s="70"/>
    </row>
    <row r="190" spans="3:12" x14ac:dyDescent="0.2">
      <c r="C190" s="70"/>
      <c r="D190" s="70"/>
      <c r="E190" s="70"/>
      <c r="F190" s="70"/>
      <c r="G190" s="70"/>
      <c r="H190" s="70"/>
      <c r="I190" s="70"/>
      <c r="J190" s="70"/>
      <c r="K190" s="70"/>
      <c r="L190" s="70"/>
    </row>
    <row r="191" spans="3:12" x14ac:dyDescent="0.2">
      <c r="C191" s="70"/>
      <c r="D191" s="70"/>
      <c r="E191" s="70"/>
      <c r="F191" s="70"/>
      <c r="G191" s="70"/>
      <c r="H191" s="70"/>
      <c r="I191" s="70"/>
      <c r="J191" s="70"/>
      <c r="K191" s="70"/>
      <c r="L191" s="70"/>
    </row>
    <row r="192" spans="3:12" x14ac:dyDescent="0.2">
      <c r="C192" s="70"/>
      <c r="D192" s="70"/>
      <c r="E192" s="70"/>
      <c r="F192" s="70"/>
      <c r="G192" s="70"/>
      <c r="H192" s="70"/>
      <c r="I192" s="70"/>
      <c r="J192" s="70"/>
      <c r="K192" s="70"/>
      <c r="L192" s="70"/>
    </row>
    <row r="193" spans="3:12" x14ac:dyDescent="0.2">
      <c r="C193" s="70"/>
      <c r="D193" s="70"/>
      <c r="E193" s="70"/>
      <c r="F193" s="70"/>
      <c r="G193" s="70"/>
      <c r="H193" s="70"/>
      <c r="I193" s="70"/>
      <c r="J193" s="70"/>
      <c r="K193" s="70"/>
      <c r="L193" s="70"/>
    </row>
    <row r="194" spans="3:12" x14ac:dyDescent="0.2">
      <c r="C194" s="70"/>
      <c r="D194" s="70"/>
      <c r="E194" s="70"/>
      <c r="F194" s="70"/>
      <c r="G194" s="70"/>
      <c r="H194" s="70"/>
      <c r="I194" s="70"/>
      <c r="J194" s="70"/>
      <c r="K194" s="70"/>
      <c r="L194" s="70"/>
    </row>
    <row r="195" spans="3:12" x14ac:dyDescent="0.2">
      <c r="C195" s="70"/>
      <c r="D195" s="70"/>
      <c r="E195" s="70"/>
      <c r="F195" s="70"/>
      <c r="G195" s="70"/>
      <c r="H195" s="70"/>
      <c r="I195" s="70"/>
      <c r="J195" s="70"/>
      <c r="K195" s="70"/>
      <c r="L195" s="70"/>
    </row>
    <row r="196" spans="3:12" x14ac:dyDescent="0.2">
      <c r="C196" s="70"/>
      <c r="D196" s="70"/>
      <c r="E196" s="70"/>
      <c r="F196" s="70"/>
      <c r="G196" s="70"/>
      <c r="H196" s="70"/>
      <c r="I196" s="70"/>
      <c r="J196" s="70"/>
      <c r="K196" s="70"/>
      <c r="L196" s="70"/>
    </row>
    <row r="197" spans="3:12" x14ac:dyDescent="0.2">
      <c r="C197" s="70"/>
      <c r="D197" s="70"/>
      <c r="E197" s="70"/>
      <c r="F197" s="70"/>
      <c r="G197" s="70"/>
      <c r="H197" s="70"/>
      <c r="I197" s="70"/>
      <c r="J197" s="70"/>
      <c r="K197" s="70"/>
      <c r="L197" s="70"/>
    </row>
    <row r="198" spans="3:12" x14ac:dyDescent="0.2">
      <c r="C198" s="70"/>
      <c r="D198" s="70"/>
      <c r="E198" s="70"/>
      <c r="F198" s="70"/>
      <c r="G198" s="70"/>
      <c r="H198" s="70"/>
      <c r="I198" s="70"/>
      <c r="J198" s="70"/>
      <c r="K198" s="70"/>
      <c r="L198" s="70"/>
    </row>
    <row r="199" spans="3:12" x14ac:dyDescent="0.2">
      <c r="C199" s="70"/>
      <c r="D199" s="70"/>
      <c r="E199" s="70"/>
      <c r="F199" s="70"/>
      <c r="G199" s="70"/>
      <c r="H199" s="70"/>
      <c r="I199" s="70"/>
      <c r="J199" s="70"/>
      <c r="K199" s="70"/>
      <c r="L199" s="70"/>
    </row>
    <row r="200" spans="3:12" x14ac:dyDescent="0.2">
      <c r="C200" s="70"/>
      <c r="D200" s="70"/>
      <c r="E200" s="70"/>
      <c r="F200" s="70"/>
      <c r="G200" s="70"/>
      <c r="H200" s="70"/>
      <c r="I200" s="70"/>
      <c r="J200" s="70"/>
      <c r="K200" s="70"/>
      <c r="L200" s="70"/>
    </row>
    <row r="201" spans="3:12" x14ac:dyDescent="0.2">
      <c r="C201" s="70"/>
      <c r="D201" s="70"/>
      <c r="E201" s="70"/>
      <c r="F201" s="70"/>
      <c r="G201" s="70"/>
      <c r="H201" s="70"/>
      <c r="I201" s="70"/>
      <c r="J201" s="70"/>
      <c r="K201" s="70"/>
      <c r="L201" s="70"/>
    </row>
    <row r="202" spans="3:12" x14ac:dyDescent="0.2">
      <c r="C202" s="70"/>
      <c r="D202" s="70"/>
      <c r="E202" s="70"/>
      <c r="F202" s="70"/>
      <c r="G202" s="70"/>
      <c r="H202" s="70"/>
      <c r="I202" s="70"/>
      <c r="J202" s="70"/>
      <c r="K202" s="70"/>
      <c r="L202" s="70"/>
    </row>
    <row r="203" spans="3:12" x14ac:dyDescent="0.2">
      <c r="C203" s="70"/>
      <c r="D203" s="70"/>
      <c r="E203" s="70"/>
      <c r="F203" s="70"/>
      <c r="G203" s="70"/>
      <c r="H203" s="70"/>
      <c r="I203" s="70"/>
      <c r="J203" s="70"/>
      <c r="K203" s="70"/>
      <c r="L203" s="70"/>
    </row>
    <row r="204" spans="3:12" x14ac:dyDescent="0.2">
      <c r="C204" s="70"/>
      <c r="D204" s="70"/>
      <c r="E204" s="70"/>
      <c r="F204" s="70"/>
      <c r="G204" s="70"/>
      <c r="H204" s="70"/>
      <c r="I204" s="70"/>
      <c r="J204" s="70"/>
      <c r="K204" s="70"/>
      <c r="L204" s="70"/>
    </row>
    <row r="205" spans="3:12" x14ac:dyDescent="0.2">
      <c r="C205" s="70"/>
      <c r="D205" s="70"/>
      <c r="E205" s="70"/>
      <c r="F205" s="70"/>
      <c r="G205" s="70"/>
      <c r="H205" s="70"/>
      <c r="I205" s="70"/>
      <c r="J205" s="70"/>
      <c r="K205" s="70"/>
      <c r="L205" s="70"/>
    </row>
    <row r="206" spans="3:12" x14ac:dyDescent="0.2">
      <c r="C206" s="70"/>
      <c r="D206" s="70"/>
      <c r="E206" s="70"/>
      <c r="F206" s="70"/>
      <c r="G206" s="70"/>
      <c r="H206" s="70"/>
      <c r="I206" s="70"/>
      <c r="J206" s="70"/>
      <c r="K206" s="70"/>
      <c r="L206" s="70"/>
    </row>
    <row r="207" spans="3:12" x14ac:dyDescent="0.2">
      <c r="C207" s="70"/>
      <c r="D207" s="70"/>
      <c r="E207" s="70"/>
      <c r="F207" s="70"/>
      <c r="G207" s="70"/>
      <c r="H207" s="70"/>
      <c r="I207" s="70"/>
      <c r="J207" s="70"/>
      <c r="K207" s="70"/>
      <c r="L207" s="70"/>
    </row>
    <row r="208" spans="3:12" x14ac:dyDescent="0.2">
      <c r="C208" s="70"/>
      <c r="D208" s="70"/>
      <c r="E208" s="70"/>
      <c r="F208" s="70"/>
      <c r="G208" s="70"/>
      <c r="H208" s="70"/>
      <c r="I208" s="70"/>
      <c r="J208" s="70"/>
      <c r="K208" s="70"/>
      <c r="L208" s="70"/>
    </row>
    <row r="209" spans="3:12" x14ac:dyDescent="0.2">
      <c r="C209" s="70"/>
      <c r="D209" s="70"/>
      <c r="E209" s="70"/>
      <c r="F209" s="70"/>
      <c r="G209" s="70"/>
      <c r="H209" s="70"/>
      <c r="I209" s="70"/>
      <c r="J209" s="70"/>
      <c r="K209" s="70"/>
      <c r="L209" s="70"/>
    </row>
    <row r="210" spans="3:12" x14ac:dyDescent="0.2">
      <c r="C210" s="70"/>
      <c r="D210" s="70"/>
      <c r="E210" s="70"/>
      <c r="F210" s="70"/>
      <c r="G210" s="70"/>
      <c r="H210" s="70"/>
      <c r="I210" s="70"/>
      <c r="J210" s="70"/>
      <c r="K210" s="70"/>
      <c r="L210" s="70"/>
    </row>
    <row r="211" spans="3:12" x14ac:dyDescent="0.2">
      <c r="C211" s="70"/>
      <c r="D211" s="70"/>
      <c r="E211" s="70"/>
      <c r="F211" s="70"/>
      <c r="G211" s="70"/>
      <c r="H211" s="70"/>
      <c r="I211" s="70"/>
      <c r="J211" s="70"/>
      <c r="K211" s="70"/>
      <c r="L211" s="70"/>
    </row>
    <row r="212" spans="3:12" x14ac:dyDescent="0.2">
      <c r="C212" s="70"/>
      <c r="D212" s="70"/>
      <c r="E212" s="70"/>
      <c r="F212" s="70"/>
      <c r="G212" s="70"/>
      <c r="H212" s="70"/>
      <c r="I212" s="70"/>
      <c r="J212" s="70"/>
      <c r="K212" s="70"/>
      <c r="L212" s="70"/>
    </row>
    <row r="213" spans="3:12" x14ac:dyDescent="0.2">
      <c r="C213" s="70"/>
      <c r="D213" s="70"/>
      <c r="E213" s="70"/>
      <c r="F213" s="70"/>
      <c r="G213" s="70"/>
      <c r="H213" s="70"/>
      <c r="I213" s="70"/>
      <c r="J213" s="70"/>
      <c r="K213" s="70"/>
      <c r="L213" s="70"/>
    </row>
    <row r="214" spans="3:12" x14ac:dyDescent="0.2">
      <c r="C214" s="70"/>
      <c r="D214" s="70"/>
      <c r="E214" s="70"/>
      <c r="F214" s="70"/>
      <c r="G214" s="70"/>
      <c r="H214" s="70"/>
      <c r="I214" s="70"/>
      <c r="J214" s="70"/>
      <c r="K214" s="70"/>
      <c r="L214" s="70"/>
    </row>
    <row r="215" spans="3:12" x14ac:dyDescent="0.2">
      <c r="C215" s="70"/>
      <c r="D215" s="70"/>
      <c r="E215" s="70"/>
      <c r="F215" s="70"/>
      <c r="G215" s="70"/>
      <c r="H215" s="70"/>
      <c r="I215" s="70"/>
      <c r="J215" s="70"/>
      <c r="K215" s="70"/>
      <c r="L215" s="70"/>
    </row>
    <row r="216" spans="3:12" x14ac:dyDescent="0.2">
      <c r="C216" s="70"/>
      <c r="D216" s="70"/>
      <c r="E216" s="70"/>
      <c r="F216" s="70"/>
      <c r="G216" s="70"/>
      <c r="H216" s="70"/>
      <c r="I216" s="70"/>
      <c r="J216" s="70"/>
      <c r="K216" s="70"/>
      <c r="L216" s="70"/>
    </row>
    <row r="217" spans="3:12" x14ac:dyDescent="0.2">
      <c r="C217" s="70"/>
      <c r="D217" s="70"/>
      <c r="E217" s="70"/>
      <c r="F217" s="70"/>
      <c r="G217" s="70"/>
      <c r="H217" s="70"/>
      <c r="I217" s="70"/>
      <c r="J217" s="70"/>
      <c r="K217" s="70"/>
      <c r="L217" s="70"/>
    </row>
    <row r="218" spans="3:12" x14ac:dyDescent="0.2">
      <c r="C218" s="70"/>
      <c r="D218" s="70"/>
      <c r="E218" s="70"/>
      <c r="F218" s="70"/>
      <c r="G218" s="70"/>
      <c r="H218" s="70"/>
      <c r="I218" s="70"/>
      <c r="J218" s="70"/>
      <c r="K218" s="70"/>
      <c r="L218" s="70"/>
    </row>
  </sheetData>
  <mergeCells count="18">
    <mergeCell ref="B3:B4"/>
    <mergeCell ref="C3:L3"/>
    <mergeCell ref="M3:V3"/>
    <mergeCell ref="C4:E4"/>
    <mergeCell ref="F4:K4"/>
    <mergeCell ref="L4:L5"/>
    <mergeCell ref="H1:I1"/>
    <mergeCell ref="W3:AF3"/>
    <mergeCell ref="AG3:AP3"/>
    <mergeCell ref="M4:O4"/>
    <mergeCell ref="P4:U4"/>
    <mergeCell ref="V4:V5"/>
    <mergeCell ref="W4:Y4"/>
    <mergeCell ref="Z4:AE4"/>
    <mergeCell ref="AF4:AF5"/>
    <mergeCell ref="AG4:AI4"/>
    <mergeCell ref="AJ4:AO4"/>
    <mergeCell ref="AP4:AP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3" width="8.88671875" style="71" customWidth="1"/>
    <col min="4" max="4" width="8.109375" style="71" customWidth="1"/>
    <col min="5" max="5" width="10.109375" style="71" bestFit="1" customWidth="1"/>
    <col min="6" max="6" width="9.6640625" style="71" bestFit="1" customWidth="1"/>
    <col min="7" max="7" width="9.109375" style="71" bestFit="1" customWidth="1"/>
    <col min="8" max="11" width="9" style="71"/>
    <col min="12" max="12" width="9.6640625" style="71" customWidth="1"/>
    <col min="13" max="22" width="8.77734375" style="71" customWidth="1"/>
    <col min="23" max="42" width="9.6640625" style="71" customWidth="1"/>
    <col min="43" max="16384" width="9" style="71"/>
  </cols>
  <sheetData>
    <row r="1" spans="2:43" ht="24" customHeight="1" x14ac:dyDescent="0.2">
      <c r="B1" s="10" t="s">
        <v>56</v>
      </c>
      <c r="F1" s="63">
        <f>第１表!F2</f>
        <v>6</v>
      </c>
      <c r="G1" s="16">
        <f>第１表!G2</f>
        <v>9</v>
      </c>
      <c r="H1" s="528">
        <f>IF(G1&lt;3,G1-2+12,G1-2)</f>
        <v>7</v>
      </c>
      <c r="I1" s="528"/>
    </row>
    <row r="2" spans="2:43" ht="24" customHeight="1" thickBot="1" x14ac:dyDescent="0.25">
      <c r="B2" s="10" t="s">
        <v>156</v>
      </c>
      <c r="F2" s="10" t="s">
        <v>137</v>
      </c>
    </row>
    <row r="3" spans="2:43" ht="21" customHeight="1" x14ac:dyDescent="0.2">
      <c r="B3" s="522"/>
      <c r="C3" s="519" t="s">
        <v>57</v>
      </c>
      <c r="D3" s="520"/>
      <c r="E3" s="520"/>
      <c r="F3" s="520"/>
      <c r="G3" s="520"/>
      <c r="H3" s="520"/>
      <c r="I3" s="520"/>
      <c r="J3" s="520"/>
      <c r="K3" s="520"/>
      <c r="L3" s="520"/>
      <c r="M3" s="519" t="s">
        <v>58</v>
      </c>
      <c r="N3" s="525"/>
      <c r="O3" s="525"/>
      <c r="P3" s="525"/>
      <c r="Q3" s="525"/>
      <c r="R3" s="525"/>
      <c r="S3" s="525"/>
      <c r="T3" s="525"/>
      <c r="U3" s="525"/>
      <c r="V3" s="525"/>
      <c r="W3" s="519" t="s">
        <v>59</v>
      </c>
      <c r="X3" s="520"/>
      <c r="Y3" s="520"/>
      <c r="Z3" s="520"/>
      <c r="AA3" s="520"/>
      <c r="AB3" s="520"/>
      <c r="AC3" s="520"/>
      <c r="AD3" s="520"/>
      <c r="AE3" s="520"/>
      <c r="AF3" s="520"/>
      <c r="AG3" s="519" t="s">
        <v>148</v>
      </c>
      <c r="AH3" s="520"/>
      <c r="AI3" s="520"/>
      <c r="AJ3" s="520"/>
      <c r="AK3" s="520"/>
      <c r="AL3" s="520"/>
      <c r="AM3" s="520"/>
      <c r="AN3" s="520"/>
      <c r="AO3" s="520"/>
      <c r="AP3" s="521"/>
    </row>
    <row r="4" spans="2:43" ht="21" customHeight="1" x14ac:dyDescent="0.2">
      <c r="B4" s="524"/>
      <c r="C4" s="502" t="s">
        <v>61</v>
      </c>
      <c r="D4" s="503"/>
      <c r="E4" s="504"/>
      <c r="F4" s="505" t="s">
        <v>62</v>
      </c>
      <c r="G4" s="506"/>
      <c r="H4" s="506"/>
      <c r="I4" s="506"/>
      <c r="J4" s="506"/>
      <c r="K4" s="507"/>
      <c r="L4" s="516" t="s">
        <v>52</v>
      </c>
      <c r="M4" s="502" t="s">
        <v>61</v>
      </c>
      <c r="N4" s="503"/>
      <c r="O4" s="504"/>
      <c r="P4" s="505" t="s">
        <v>62</v>
      </c>
      <c r="Q4" s="506"/>
      <c r="R4" s="506"/>
      <c r="S4" s="506"/>
      <c r="T4" s="506"/>
      <c r="U4" s="507"/>
      <c r="V4" s="508" t="s">
        <v>52</v>
      </c>
      <c r="W4" s="502" t="s">
        <v>61</v>
      </c>
      <c r="X4" s="503"/>
      <c r="Y4" s="504"/>
      <c r="Z4" s="505" t="s">
        <v>62</v>
      </c>
      <c r="AA4" s="506"/>
      <c r="AB4" s="506"/>
      <c r="AC4" s="506"/>
      <c r="AD4" s="506"/>
      <c r="AE4" s="507"/>
      <c r="AF4" s="516" t="s">
        <v>52</v>
      </c>
      <c r="AG4" s="502" t="s">
        <v>61</v>
      </c>
      <c r="AH4" s="503"/>
      <c r="AI4" s="504"/>
      <c r="AJ4" s="505" t="s">
        <v>62</v>
      </c>
      <c r="AK4" s="506"/>
      <c r="AL4" s="506"/>
      <c r="AM4" s="506"/>
      <c r="AN4" s="506"/>
      <c r="AO4" s="507"/>
      <c r="AP4" s="508" t="s">
        <v>52</v>
      </c>
    </row>
    <row r="5" spans="2:43" ht="30" customHeight="1" thickBot="1" x14ac:dyDescent="0.25">
      <c r="B5" s="72" t="s">
        <v>42</v>
      </c>
      <c r="C5" s="229" t="s">
        <v>43</v>
      </c>
      <c r="D5" s="230" t="s">
        <v>44</v>
      </c>
      <c r="E5" s="230" t="s">
        <v>45</v>
      </c>
      <c r="F5" s="231" t="s">
        <v>47</v>
      </c>
      <c r="G5" s="232" t="s">
        <v>48</v>
      </c>
      <c r="H5" s="232" t="s">
        <v>49</v>
      </c>
      <c r="I5" s="233" t="s">
        <v>50</v>
      </c>
      <c r="J5" s="230" t="s">
        <v>51</v>
      </c>
      <c r="K5" s="234" t="s">
        <v>95</v>
      </c>
      <c r="L5" s="517"/>
      <c r="M5" s="229" t="s">
        <v>43</v>
      </c>
      <c r="N5" s="230" t="s">
        <v>44</v>
      </c>
      <c r="O5" s="234" t="s">
        <v>45</v>
      </c>
      <c r="P5" s="235" t="s">
        <v>47</v>
      </c>
      <c r="Q5" s="232" t="s">
        <v>48</v>
      </c>
      <c r="R5" s="232" t="s">
        <v>49</v>
      </c>
      <c r="S5" s="233" t="s">
        <v>50</v>
      </c>
      <c r="T5" s="230" t="s">
        <v>51</v>
      </c>
      <c r="U5" s="234" t="s">
        <v>45</v>
      </c>
      <c r="V5" s="509"/>
      <c r="W5" s="229" t="s">
        <v>43</v>
      </c>
      <c r="X5" s="230" t="s">
        <v>44</v>
      </c>
      <c r="Y5" s="230" t="s">
        <v>45</v>
      </c>
      <c r="Z5" s="231" t="s">
        <v>47</v>
      </c>
      <c r="AA5" s="232" t="s">
        <v>48</v>
      </c>
      <c r="AB5" s="232" t="s">
        <v>49</v>
      </c>
      <c r="AC5" s="233" t="s">
        <v>50</v>
      </c>
      <c r="AD5" s="230" t="s">
        <v>51</v>
      </c>
      <c r="AE5" s="234" t="s">
        <v>45</v>
      </c>
      <c r="AF5" s="517"/>
      <c r="AG5" s="229" t="s">
        <v>43</v>
      </c>
      <c r="AH5" s="230" t="s">
        <v>44</v>
      </c>
      <c r="AI5" s="230" t="s">
        <v>45</v>
      </c>
      <c r="AJ5" s="231" t="s">
        <v>47</v>
      </c>
      <c r="AK5" s="232" t="s">
        <v>48</v>
      </c>
      <c r="AL5" s="232" t="s">
        <v>49</v>
      </c>
      <c r="AM5" s="233" t="s">
        <v>50</v>
      </c>
      <c r="AN5" s="230" t="s">
        <v>51</v>
      </c>
      <c r="AO5" s="234" t="s">
        <v>45</v>
      </c>
      <c r="AP5" s="509"/>
    </row>
    <row r="6" spans="2:43" ht="21" customHeight="1" x14ac:dyDescent="0.2">
      <c r="B6" s="84" t="s">
        <v>4</v>
      </c>
      <c r="C6" s="211">
        <v>0</v>
      </c>
      <c r="D6" s="213">
        <v>0</v>
      </c>
      <c r="E6" s="213">
        <v>0</v>
      </c>
      <c r="F6" s="214">
        <v>13</v>
      </c>
      <c r="G6" s="212">
        <v>42</v>
      </c>
      <c r="H6" s="212">
        <v>316</v>
      </c>
      <c r="I6" s="212">
        <v>421</v>
      </c>
      <c r="J6" s="213">
        <v>276</v>
      </c>
      <c r="K6" s="236">
        <v>1068</v>
      </c>
      <c r="L6" s="237">
        <v>1068</v>
      </c>
      <c r="M6" s="211">
        <v>0</v>
      </c>
      <c r="N6" s="213">
        <v>0</v>
      </c>
      <c r="O6" s="236">
        <v>0</v>
      </c>
      <c r="P6" s="216">
        <v>62</v>
      </c>
      <c r="Q6" s="212">
        <v>151</v>
      </c>
      <c r="R6" s="212">
        <v>213</v>
      </c>
      <c r="S6" s="212">
        <v>278</v>
      </c>
      <c r="T6" s="213">
        <v>114</v>
      </c>
      <c r="U6" s="236">
        <v>818</v>
      </c>
      <c r="V6" s="215">
        <v>818</v>
      </c>
      <c r="W6" s="216">
        <v>0</v>
      </c>
      <c r="X6" s="213">
        <v>0</v>
      </c>
      <c r="Y6" s="213">
        <v>0</v>
      </c>
      <c r="Z6" s="214">
        <v>0</v>
      </c>
      <c r="AA6" s="212">
        <v>0</v>
      </c>
      <c r="AB6" s="212">
        <v>0</v>
      </c>
      <c r="AC6" s="212">
        <v>0</v>
      </c>
      <c r="AD6" s="213">
        <v>0</v>
      </c>
      <c r="AE6" s="236">
        <v>0</v>
      </c>
      <c r="AF6" s="237">
        <v>0</v>
      </c>
      <c r="AG6" s="211">
        <v>0</v>
      </c>
      <c r="AH6" s="213">
        <v>0</v>
      </c>
      <c r="AI6" s="213">
        <v>0</v>
      </c>
      <c r="AJ6" s="214">
        <v>1</v>
      </c>
      <c r="AK6" s="212">
        <v>1</v>
      </c>
      <c r="AL6" s="212">
        <v>4</v>
      </c>
      <c r="AM6" s="212">
        <v>12</v>
      </c>
      <c r="AN6" s="213">
        <v>23</v>
      </c>
      <c r="AO6" s="236">
        <v>41</v>
      </c>
      <c r="AP6" s="238">
        <v>41</v>
      </c>
      <c r="AQ6" s="239"/>
    </row>
    <row r="7" spans="2:43" ht="21" customHeight="1" x14ac:dyDescent="0.2">
      <c r="B7" s="95" t="s">
        <v>5</v>
      </c>
      <c r="C7" s="217">
        <v>0</v>
      </c>
      <c r="D7" s="219">
        <v>0</v>
      </c>
      <c r="E7" s="219">
        <v>0</v>
      </c>
      <c r="F7" s="220">
        <v>11</v>
      </c>
      <c r="G7" s="218">
        <v>30</v>
      </c>
      <c r="H7" s="218">
        <v>159</v>
      </c>
      <c r="I7" s="218">
        <v>187</v>
      </c>
      <c r="J7" s="219">
        <v>106</v>
      </c>
      <c r="K7" s="240">
        <v>493</v>
      </c>
      <c r="L7" s="241">
        <v>493</v>
      </c>
      <c r="M7" s="217">
        <v>0</v>
      </c>
      <c r="N7" s="219">
        <v>0</v>
      </c>
      <c r="O7" s="240">
        <v>0</v>
      </c>
      <c r="P7" s="222">
        <v>33</v>
      </c>
      <c r="Q7" s="218">
        <v>74</v>
      </c>
      <c r="R7" s="218">
        <v>110</v>
      </c>
      <c r="S7" s="218">
        <v>142</v>
      </c>
      <c r="T7" s="219">
        <v>65</v>
      </c>
      <c r="U7" s="240">
        <v>424</v>
      </c>
      <c r="V7" s="221">
        <v>424</v>
      </c>
      <c r="W7" s="222">
        <v>0</v>
      </c>
      <c r="X7" s="219">
        <v>0</v>
      </c>
      <c r="Y7" s="219">
        <v>0</v>
      </c>
      <c r="Z7" s="220">
        <v>0</v>
      </c>
      <c r="AA7" s="218">
        <v>0</v>
      </c>
      <c r="AB7" s="218">
        <v>0</v>
      </c>
      <c r="AC7" s="218">
        <v>0</v>
      </c>
      <c r="AD7" s="219">
        <v>0</v>
      </c>
      <c r="AE7" s="240">
        <v>0</v>
      </c>
      <c r="AF7" s="241">
        <v>0</v>
      </c>
      <c r="AG7" s="217">
        <v>0</v>
      </c>
      <c r="AH7" s="219">
        <v>0</v>
      </c>
      <c r="AI7" s="219">
        <v>0</v>
      </c>
      <c r="AJ7" s="220">
        <v>0</v>
      </c>
      <c r="AK7" s="218">
        <v>0</v>
      </c>
      <c r="AL7" s="218">
        <v>0</v>
      </c>
      <c r="AM7" s="218">
        <v>6</v>
      </c>
      <c r="AN7" s="219">
        <v>7</v>
      </c>
      <c r="AO7" s="240">
        <v>13</v>
      </c>
      <c r="AP7" s="242">
        <v>13</v>
      </c>
      <c r="AQ7" s="239"/>
    </row>
    <row r="8" spans="2:43" ht="21" customHeight="1" x14ac:dyDescent="0.2">
      <c r="B8" s="106" t="s">
        <v>6</v>
      </c>
      <c r="C8" s="217">
        <v>0</v>
      </c>
      <c r="D8" s="219">
        <v>0</v>
      </c>
      <c r="E8" s="219">
        <v>0</v>
      </c>
      <c r="F8" s="220">
        <v>2</v>
      </c>
      <c r="G8" s="218">
        <v>5</v>
      </c>
      <c r="H8" s="218">
        <v>34</v>
      </c>
      <c r="I8" s="218">
        <v>50</v>
      </c>
      <c r="J8" s="219">
        <v>42</v>
      </c>
      <c r="K8" s="240">
        <v>133</v>
      </c>
      <c r="L8" s="241">
        <v>133</v>
      </c>
      <c r="M8" s="217">
        <v>0</v>
      </c>
      <c r="N8" s="219">
        <v>0</v>
      </c>
      <c r="O8" s="240">
        <v>0</v>
      </c>
      <c r="P8" s="222">
        <v>5</v>
      </c>
      <c r="Q8" s="218">
        <v>20</v>
      </c>
      <c r="R8" s="218">
        <v>24</v>
      </c>
      <c r="S8" s="218">
        <v>44</v>
      </c>
      <c r="T8" s="219">
        <v>15</v>
      </c>
      <c r="U8" s="240">
        <v>108</v>
      </c>
      <c r="V8" s="221">
        <v>108</v>
      </c>
      <c r="W8" s="222">
        <v>0</v>
      </c>
      <c r="X8" s="219">
        <v>0</v>
      </c>
      <c r="Y8" s="219">
        <v>0</v>
      </c>
      <c r="Z8" s="220">
        <v>0</v>
      </c>
      <c r="AA8" s="218">
        <v>0</v>
      </c>
      <c r="AB8" s="218">
        <v>0</v>
      </c>
      <c r="AC8" s="218">
        <v>0</v>
      </c>
      <c r="AD8" s="219">
        <v>0</v>
      </c>
      <c r="AE8" s="240">
        <v>0</v>
      </c>
      <c r="AF8" s="241">
        <v>0</v>
      </c>
      <c r="AG8" s="217">
        <v>0</v>
      </c>
      <c r="AH8" s="219">
        <v>0</v>
      </c>
      <c r="AI8" s="219">
        <v>0</v>
      </c>
      <c r="AJ8" s="220">
        <v>0</v>
      </c>
      <c r="AK8" s="218">
        <v>1</v>
      </c>
      <c r="AL8" s="218">
        <v>0</v>
      </c>
      <c r="AM8" s="218">
        <v>1</v>
      </c>
      <c r="AN8" s="219">
        <v>1</v>
      </c>
      <c r="AO8" s="240">
        <v>3</v>
      </c>
      <c r="AP8" s="242">
        <v>3</v>
      </c>
      <c r="AQ8" s="239"/>
    </row>
    <row r="9" spans="2:43" ht="21" customHeight="1" x14ac:dyDescent="0.2">
      <c r="B9" s="106" t="s">
        <v>14</v>
      </c>
      <c r="C9" s="217">
        <v>0</v>
      </c>
      <c r="D9" s="219">
        <v>0</v>
      </c>
      <c r="E9" s="219">
        <v>0</v>
      </c>
      <c r="F9" s="220">
        <v>0</v>
      </c>
      <c r="G9" s="218">
        <v>0</v>
      </c>
      <c r="H9" s="218">
        <v>25</v>
      </c>
      <c r="I9" s="218">
        <v>40</v>
      </c>
      <c r="J9" s="219">
        <v>22</v>
      </c>
      <c r="K9" s="240">
        <v>87</v>
      </c>
      <c r="L9" s="241">
        <v>87</v>
      </c>
      <c r="M9" s="217">
        <v>0</v>
      </c>
      <c r="N9" s="219">
        <v>0</v>
      </c>
      <c r="O9" s="240">
        <v>0</v>
      </c>
      <c r="P9" s="222">
        <v>1</v>
      </c>
      <c r="Q9" s="218">
        <v>10</v>
      </c>
      <c r="R9" s="218">
        <v>9</v>
      </c>
      <c r="S9" s="218">
        <v>15</v>
      </c>
      <c r="T9" s="219">
        <v>3</v>
      </c>
      <c r="U9" s="240">
        <v>38</v>
      </c>
      <c r="V9" s="221">
        <v>38</v>
      </c>
      <c r="W9" s="222">
        <v>0</v>
      </c>
      <c r="X9" s="219">
        <v>0</v>
      </c>
      <c r="Y9" s="219">
        <v>0</v>
      </c>
      <c r="Z9" s="220">
        <v>0</v>
      </c>
      <c r="AA9" s="218">
        <v>0</v>
      </c>
      <c r="AB9" s="218">
        <v>0</v>
      </c>
      <c r="AC9" s="218">
        <v>0</v>
      </c>
      <c r="AD9" s="219">
        <v>0</v>
      </c>
      <c r="AE9" s="240">
        <v>0</v>
      </c>
      <c r="AF9" s="241">
        <v>0</v>
      </c>
      <c r="AG9" s="217">
        <v>0</v>
      </c>
      <c r="AH9" s="219">
        <v>0</v>
      </c>
      <c r="AI9" s="219">
        <v>0</v>
      </c>
      <c r="AJ9" s="220">
        <v>0</v>
      </c>
      <c r="AK9" s="218">
        <v>0</v>
      </c>
      <c r="AL9" s="218">
        <v>2</v>
      </c>
      <c r="AM9" s="218">
        <v>1</v>
      </c>
      <c r="AN9" s="219">
        <v>3</v>
      </c>
      <c r="AO9" s="240">
        <v>6</v>
      </c>
      <c r="AP9" s="242">
        <v>6</v>
      </c>
      <c r="AQ9" s="239"/>
    </row>
    <row r="10" spans="2:43" ht="21" customHeight="1" x14ac:dyDescent="0.2">
      <c r="B10" s="106" t="s">
        <v>7</v>
      </c>
      <c r="C10" s="217">
        <v>0</v>
      </c>
      <c r="D10" s="219">
        <v>0</v>
      </c>
      <c r="E10" s="219">
        <v>0</v>
      </c>
      <c r="F10" s="220">
        <v>0</v>
      </c>
      <c r="G10" s="218">
        <v>0</v>
      </c>
      <c r="H10" s="218">
        <v>9</v>
      </c>
      <c r="I10" s="218">
        <v>15</v>
      </c>
      <c r="J10" s="219">
        <v>9</v>
      </c>
      <c r="K10" s="240">
        <v>33</v>
      </c>
      <c r="L10" s="241">
        <v>33</v>
      </c>
      <c r="M10" s="217">
        <v>0</v>
      </c>
      <c r="N10" s="219">
        <v>0</v>
      </c>
      <c r="O10" s="240">
        <v>0</v>
      </c>
      <c r="P10" s="222">
        <v>3</v>
      </c>
      <c r="Q10" s="218">
        <v>5</v>
      </c>
      <c r="R10" s="218">
        <v>6</v>
      </c>
      <c r="S10" s="218">
        <v>6</v>
      </c>
      <c r="T10" s="219">
        <v>1</v>
      </c>
      <c r="U10" s="240">
        <v>21</v>
      </c>
      <c r="V10" s="221">
        <v>21</v>
      </c>
      <c r="W10" s="222">
        <v>0</v>
      </c>
      <c r="X10" s="219">
        <v>0</v>
      </c>
      <c r="Y10" s="219">
        <v>0</v>
      </c>
      <c r="Z10" s="220">
        <v>0</v>
      </c>
      <c r="AA10" s="218">
        <v>0</v>
      </c>
      <c r="AB10" s="218">
        <v>0</v>
      </c>
      <c r="AC10" s="218">
        <v>0</v>
      </c>
      <c r="AD10" s="219">
        <v>0</v>
      </c>
      <c r="AE10" s="240">
        <v>0</v>
      </c>
      <c r="AF10" s="241">
        <v>0</v>
      </c>
      <c r="AG10" s="217">
        <v>0</v>
      </c>
      <c r="AH10" s="219">
        <v>0</v>
      </c>
      <c r="AI10" s="219">
        <v>0</v>
      </c>
      <c r="AJ10" s="220">
        <v>0</v>
      </c>
      <c r="AK10" s="218">
        <v>0</v>
      </c>
      <c r="AL10" s="218">
        <v>0</v>
      </c>
      <c r="AM10" s="218">
        <v>0</v>
      </c>
      <c r="AN10" s="219">
        <v>0</v>
      </c>
      <c r="AO10" s="240">
        <v>0</v>
      </c>
      <c r="AP10" s="242">
        <v>0</v>
      </c>
      <c r="AQ10" s="239"/>
    </row>
    <row r="11" spans="2:43" ht="21" customHeight="1" x14ac:dyDescent="0.2">
      <c r="B11" s="106" t="s">
        <v>8</v>
      </c>
      <c r="C11" s="217">
        <v>0</v>
      </c>
      <c r="D11" s="219">
        <v>0</v>
      </c>
      <c r="E11" s="219">
        <v>0</v>
      </c>
      <c r="F11" s="220">
        <v>0</v>
      </c>
      <c r="G11" s="218">
        <v>1</v>
      </c>
      <c r="H11" s="218">
        <v>8</v>
      </c>
      <c r="I11" s="218">
        <v>7</v>
      </c>
      <c r="J11" s="219">
        <v>6</v>
      </c>
      <c r="K11" s="240">
        <v>22</v>
      </c>
      <c r="L11" s="241">
        <v>22</v>
      </c>
      <c r="M11" s="217">
        <v>0</v>
      </c>
      <c r="N11" s="219">
        <v>0</v>
      </c>
      <c r="O11" s="240">
        <v>0</v>
      </c>
      <c r="P11" s="222">
        <v>2</v>
      </c>
      <c r="Q11" s="218">
        <v>3</v>
      </c>
      <c r="R11" s="218">
        <v>5</v>
      </c>
      <c r="S11" s="218">
        <v>6</v>
      </c>
      <c r="T11" s="219">
        <v>2</v>
      </c>
      <c r="U11" s="240">
        <v>18</v>
      </c>
      <c r="V11" s="221">
        <v>18</v>
      </c>
      <c r="W11" s="222">
        <v>0</v>
      </c>
      <c r="X11" s="219">
        <v>0</v>
      </c>
      <c r="Y11" s="219">
        <v>0</v>
      </c>
      <c r="Z11" s="220">
        <v>0</v>
      </c>
      <c r="AA11" s="218">
        <v>0</v>
      </c>
      <c r="AB11" s="218">
        <v>0</v>
      </c>
      <c r="AC11" s="218">
        <v>0</v>
      </c>
      <c r="AD11" s="219">
        <v>0</v>
      </c>
      <c r="AE11" s="240">
        <v>0</v>
      </c>
      <c r="AF11" s="241">
        <v>0</v>
      </c>
      <c r="AG11" s="217">
        <v>0</v>
      </c>
      <c r="AH11" s="219">
        <v>0</v>
      </c>
      <c r="AI11" s="219">
        <v>0</v>
      </c>
      <c r="AJ11" s="220">
        <v>0</v>
      </c>
      <c r="AK11" s="218">
        <v>0</v>
      </c>
      <c r="AL11" s="218">
        <v>0</v>
      </c>
      <c r="AM11" s="218">
        <v>0</v>
      </c>
      <c r="AN11" s="219">
        <v>1</v>
      </c>
      <c r="AO11" s="240">
        <v>1</v>
      </c>
      <c r="AP11" s="242">
        <v>1</v>
      </c>
      <c r="AQ11" s="239"/>
    </row>
    <row r="12" spans="2:43" ht="21" customHeight="1" x14ac:dyDescent="0.2">
      <c r="B12" s="106" t="s">
        <v>9</v>
      </c>
      <c r="C12" s="217">
        <v>0</v>
      </c>
      <c r="D12" s="219">
        <v>0</v>
      </c>
      <c r="E12" s="219">
        <v>0</v>
      </c>
      <c r="F12" s="220">
        <v>0</v>
      </c>
      <c r="G12" s="218">
        <v>0</v>
      </c>
      <c r="H12" s="218">
        <v>10</v>
      </c>
      <c r="I12" s="218">
        <v>17</v>
      </c>
      <c r="J12" s="219">
        <v>12</v>
      </c>
      <c r="K12" s="240">
        <v>39</v>
      </c>
      <c r="L12" s="241">
        <v>39</v>
      </c>
      <c r="M12" s="217">
        <v>0</v>
      </c>
      <c r="N12" s="219">
        <v>0</v>
      </c>
      <c r="O12" s="240">
        <v>0</v>
      </c>
      <c r="P12" s="222">
        <v>2</v>
      </c>
      <c r="Q12" s="218">
        <v>5</v>
      </c>
      <c r="R12" s="218">
        <v>9</v>
      </c>
      <c r="S12" s="218">
        <v>4</v>
      </c>
      <c r="T12" s="219">
        <v>6</v>
      </c>
      <c r="U12" s="240">
        <v>26</v>
      </c>
      <c r="V12" s="221">
        <v>26</v>
      </c>
      <c r="W12" s="222">
        <v>0</v>
      </c>
      <c r="X12" s="219">
        <v>0</v>
      </c>
      <c r="Y12" s="219">
        <v>0</v>
      </c>
      <c r="Z12" s="220">
        <v>0</v>
      </c>
      <c r="AA12" s="218">
        <v>0</v>
      </c>
      <c r="AB12" s="218">
        <v>0</v>
      </c>
      <c r="AC12" s="218">
        <v>0</v>
      </c>
      <c r="AD12" s="219">
        <v>0</v>
      </c>
      <c r="AE12" s="240">
        <v>0</v>
      </c>
      <c r="AF12" s="241">
        <v>0</v>
      </c>
      <c r="AG12" s="217">
        <v>0</v>
      </c>
      <c r="AH12" s="219">
        <v>0</v>
      </c>
      <c r="AI12" s="219">
        <v>0</v>
      </c>
      <c r="AJ12" s="220">
        <v>0</v>
      </c>
      <c r="AK12" s="218">
        <v>0</v>
      </c>
      <c r="AL12" s="218">
        <v>0</v>
      </c>
      <c r="AM12" s="218">
        <v>0</v>
      </c>
      <c r="AN12" s="219">
        <v>0</v>
      </c>
      <c r="AO12" s="240">
        <v>0</v>
      </c>
      <c r="AP12" s="242">
        <v>0</v>
      </c>
      <c r="AQ12" s="239"/>
    </row>
    <row r="13" spans="2:43" ht="21" customHeight="1" x14ac:dyDescent="0.2">
      <c r="B13" s="106" t="s">
        <v>10</v>
      </c>
      <c r="C13" s="217">
        <v>0</v>
      </c>
      <c r="D13" s="219">
        <v>0</v>
      </c>
      <c r="E13" s="219">
        <v>0</v>
      </c>
      <c r="F13" s="220">
        <v>0</v>
      </c>
      <c r="G13" s="218">
        <v>1</v>
      </c>
      <c r="H13" s="218">
        <v>16</v>
      </c>
      <c r="I13" s="218">
        <v>17</v>
      </c>
      <c r="J13" s="219">
        <v>17</v>
      </c>
      <c r="K13" s="240">
        <v>51</v>
      </c>
      <c r="L13" s="241">
        <v>51</v>
      </c>
      <c r="M13" s="217">
        <v>0</v>
      </c>
      <c r="N13" s="219">
        <v>0</v>
      </c>
      <c r="O13" s="240">
        <v>0</v>
      </c>
      <c r="P13" s="222">
        <v>3</v>
      </c>
      <c r="Q13" s="218">
        <v>3</v>
      </c>
      <c r="R13" s="218">
        <v>7</v>
      </c>
      <c r="S13" s="218">
        <v>15</v>
      </c>
      <c r="T13" s="219">
        <v>2</v>
      </c>
      <c r="U13" s="240">
        <v>30</v>
      </c>
      <c r="V13" s="221">
        <v>30</v>
      </c>
      <c r="W13" s="222">
        <v>0</v>
      </c>
      <c r="X13" s="219">
        <v>0</v>
      </c>
      <c r="Y13" s="219">
        <v>0</v>
      </c>
      <c r="Z13" s="220">
        <v>0</v>
      </c>
      <c r="AA13" s="218">
        <v>0</v>
      </c>
      <c r="AB13" s="218">
        <v>0</v>
      </c>
      <c r="AC13" s="218">
        <v>0</v>
      </c>
      <c r="AD13" s="219">
        <v>0</v>
      </c>
      <c r="AE13" s="240">
        <v>0</v>
      </c>
      <c r="AF13" s="241">
        <v>0</v>
      </c>
      <c r="AG13" s="217">
        <v>0</v>
      </c>
      <c r="AH13" s="219">
        <v>0</v>
      </c>
      <c r="AI13" s="219">
        <v>0</v>
      </c>
      <c r="AJ13" s="220">
        <v>0</v>
      </c>
      <c r="AK13" s="218">
        <v>0</v>
      </c>
      <c r="AL13" s="218">
        <v>1</v>
      </c>
      <c r="AM13" s="218">
        <v>0</v>
      </c>
      <c r="AN13" s="219">
        <v>1</v>
      </c>
      <c r="AO13" s="240">
        <v>2</v>
      </c>
      <c r="AP13" s="242">
        <v>2</v>
      </c>
      <c r="AQ13" s="239"/>
    </row>
    <row r="14" spans="2:43" ht="21" customHeight="1" x14ac:dyDescent="0.2">
      <c r="B14" s="106" t="s">
        <v>11</v>
      </c>
      <c r="C14" s="217">
        <v>0</v>
      </c>
      <c r="D14" s="219">
        <v>0</v>
      </c>
      <c r="E14" s="219">
        <v>0</v>
      </c>
      <c r="F14" s="220">
        <v>0</v>
      </c>
      <c r="G14" s="218">
        <v>0</v>
      </c>
      <c r="H14" s="218">
        <v>8</v>
      </c>
      <c r="I14" s="218">
        <v>8</v>
      </c>
      <c r="J14" s="219">
        <v>5</v>
      </c>
      <c r="K14" s="240">
        <v>21</v>
      </c>
      <c r="L14" s="241">
        <v>21</v>
      </c>
      <c r="M14" s="217">
        <v>0</v>
      </c>
      <c r="N14" s="219">
        <v>0</v>
      </c>
      <c r="O14" s="240">
        <v>0</v>
      </c>
      <c r="P14" s="222">
        <v>1</v>
      </c>
      <c r="Q14" s="218">
        <v>2</v>
      </c>
      <c r="R14" s="218">
        <v>5</v>
      </c>
      <c r="S14" s="218">
        <v>2</v>
      </c>
      <c r="T14" s="219">
        <v>0</v>
      </c>
      <c r="U14" s="240">
        <v>10</v>
      </c>
      <c r="V14" s="221">
        <v>10</v>
      </c>
      <c r="W14" s="222">
        <v>0</v>
      </c>
      <c r="X14" s="219">
        <v>0</v>
      </c>
      <c r="Y14" s="219">
        <v>0</v>
      </c>
      <c r="Z14" s="220">
        <v>0</v>
      </c>
      <c r="AA14" s="218">
        <v>0</v>
      </c>
      <c r="AB14" s="218">
        <v>0</v>
      </c>
      <c r="AC14" s="218">
        <v>0</v>
      </c>
      <c r="AD14" s="219">
        <v>0</v>
      </c>
      <c r="AE14" s="240">
        <v>0</v>
      </c>
      <c r="AF14" s="241">
        <v>0</v>
      </c>
      <c r="AG14" s="217">
        <v>0</v>
      </c>
      <c r="AH14" s="219">
        <v>0</v>
      </c>
      <c r="AI14" s="219">
        <v>0</v>
      </c>
      <c r="AJ14" s="220">
        <v>0</v>
      </c>
      <c r="AK14" s="218">
        <v>0</v>
      </c>
      <c r="AL14" s="218">
        <v>0</v>
      </c>
      <c r="AM14" s="218">
        <v>0</v>
      </c>
      <c r="AN14" s="219">
        <v>2</v>
      </c>
      <c r="AO14" s="240">
        <v>2</v>
      </c>
      <c r="AP14" s="242">
        <v>2</v>
      </c>
      <c r="AQ14" s="239"/>
    </row>
    <row r="15" spans="2:43" ht="21" customHeight="1" x14ac:dyDescent="0.2">
      <c r="B15" s="106" t="s">
        <v>12</v>
      </c>
      <c r="C15" s="217">
        <v>0</v>
      </c>
      <c r="D15" s="219">
        <v>0</v>
      </c>
      <c r="E15" s="219">
        <v>0</v>
      </c>
      <c r="F15" s="220">
        <v>0</v>
      </c>
      <c r="G15" s="218">
        <v>0</v>
      </c>
      <c r="H15" s="218">
        <v>2</v>
      </c>
      <c r="I15" s="218">
        <v>14</v>
      </c>
      <c r="J15" s="219">
        <v>5</v>
      </c>
      <c r="K15" s="240">
        <v>21</v>
      </c>
      <c r="L15" s="241">
        <v>21</v>
      </c>
      <c r="M15" s="217">
        <v>0</v>
      </c>
      <c r="N15" s="219">
        <v>0</v>
      </c>
      <c r="O15" s="240">
        <v>0</v>
      </c>
      <c r="P15" s="222">
        <v>2</v>
      </c>
      <c r="Q15" s="218">
        <v>4</v>
      </c>
      <c r="R15" s="218">
        <v>5</v>
      </c>
      <c r="S15" s="218">
        <v>10</v>
      </c>
      <c r="T15" s="219">
        <v>1</v>
      </c>
      <c r="U15" s="240">
        <v>22</v>
      </c>
      <c r="V15" s="221">
        <v>22</v>
      </c>
      <c r="W15" s="222">
        <v>0</v>
      </c>
      <c r="X15" s="219">
        <v>0</v>
      </c>
      <c r="Y15" s="219">
        <v>0</v>
      </c>
      <c r="Z15" s="220">
        <v>0</v>
      </c>
      <c r="AA15" s="218">
        <v>0</v>
      </c>
      <c r="AB15" s="218">
        <v>0</v>
      </c>
      <c r="AC15" s="218">
        <v>0</v>
      </c>
      <c r="AD15" s="219">
        <v>0</v>
      </c>
      <c r="AE15" s="240">
        <v>0</v>
      </c>
      <c r="AF15" s="241">
        <v>0</v>
      </c>
      <c r="AG15" s="217">
        <v>0</v>
      </c>
      <c r="AH15" s="219">
        <v>0</v>
      </c>
      <c r="AI15" s="219">
        <v>0</v>
      </c>
      <c r="AJ15" s="220">
        <v>0</v>
      </c>
      <c r="AK15" s="218">
        <v>0</v>
      </c>
      <c r="AL15" s="218">
        <v>0</v>
      </c>
      <c r="AM15" s="218">
        <v>3</v>
      </c>
      <c r="AN15" s="219">
        <v>0</v>
      </c>
      <c r="AO15" s="240">
        <v>3</v>
      </c>
      <c r="AP15" s="242">
        <v>3</v>
      </c>
      <c r="AQ15" s="239"/>
    </row>
    <row r="16" spans="2:43" ht="21" customHeight="1" x14ac:dyDescent="0.2">
      <c r="B16" s="106" t="s">
        <v>13</v>
      </c>
      <c r="C16" s="217">
        <v>0</v>
      </c>
      <c r="D16" s="219">
        <v>0</v>
      </c>
      <c r="E16" s="219">
        <v>0</v>
      </c>
      <c r="F16" s="220">
        <v>0</v>
      </c>
      <c r="G16" s="218">
        <v>0</v>
      </c>
      <c r="H16" s="218">
        <v>1</v>
      </c>
      <c r="I16" s="218">
        <v>7</v>
      </c>
      <c r="J16" s="219">
        <v>5</v>
      </c>
      <c r="K16" s="240">
        <v>13</v>
      </c>
      <c r="L16" s="241">
        <v>13</v>
      </c>
      <c r="M16" s="217">
        <v>0</v>
      </c>
      <c r="N16" s="219">
        <v>0</v>
      </c>
      <c r="O16" s="240">
        <v>0</v>
      </c>
      <c r="P16" s="222">
        <v>0</v>
      </c>
      <c r="Q16" s="218">
        <v>1</v>
      </c>
      <c r="R16" s="218">
        <v>1</v>
      </c>
      <c r="S16" s="218">
        <v>4</v>
      </c>
      <c r="T16" s="219">
        <v>1</v>
      </c>
      <c r="U16" s="240">
        <v>7</v>
      </c>
      <c r="V16" s="221">
        <v>7</v>
      </c>
      <c r="W16" s="222">
        <v>0</v>
      </c>
      <c r="X16" s="219">
        <v>0</v>
      </c>
      <c r="Y16" s="219">
        <v>0</v>
      </c>
      <c r="Z16" s="220">
        <v>0</v>
      </c>
      <c r="AA16" s="218">
        <v>0</v>
      </c>
      <c r="AB16" s="218">
        <v>0</v>
      </c>
      <c r="AC16" s="218">
        <v>0</v>
      </c>
      <c r="AD16" s="219">
        <v>0</v>
      </c>
      <c r="AE16" s="240">
        <v>0</v>
      </c>
      <c r="AF16" s="241">
        <v>0</v>
      </c>
      <c r="AG16" s="217">
        <v>0</v>
      </c>
      <c r="AH16" s="219">
        <v>0</v>
      </c>
      <c r="AI16" s="219">
        <v>0</v>
      </c>
      <c r="AJ16" s="220">
        <v>0</v>
      </c>
      <c r="AK16" s="218">
        <v>0</v>
      </c>
      <c r="AL16" s="218">
        <v>0</v>
      </c>
      <c r="AM16" s="218">
        <v>0</v>
      </c>
      <c r="AN16" s="219">
        <v>0</v>
      </c>
      <c r="AO16" s="240">
        <v>0</v>
      </c>
      <c r="AP16" s="242">
        <v>0</v>
      </c>
      <c r="AQ16" s="239"/>
    </row>
    <row r="17" spans="2:43" ht="21" customHeight="1" x14ac:dyDescent="0.2">
      <c r="B17" s="106" t="s">
        <v>15</v>
      </c>
      <c r="C17" s="217">
        <v>0</v>
      </c>
      <c r="D17" s="219">
        <v>0</v>
      </c>
      <c r="E17" s="219">
        <v>0</v>
      </c>
      <c r="F17" s="220">
        <v>0</v>
      </c>
      <c r="G17" s="218">
        <v>0</v>
      </c>
      <c r="H17" s="218">
        <v>0</v>
      </c>
      <c r="I17" s="218">
        <v>2</v>
      </c>
      <c r="J17" s="219">
        <v>1</v>
      </c>
      <c r="K17" s="240">
        <v>3</v>
      </c>
      <c r="L17" s="241">
        <v>3</v>
      </c>
      <c r="M17" s="217">
        <v>0</v>
      </c>
      <c r="N17" s="219">
        <v>0</v>
      </c>
      <c r="O17" s="240">
        <v>0</v>
      </c>
      <c r="P17" s="222">
        <v>0</v>
      </c>
      <c r="Q17" s="218">
        <v>2</v>
      </c>
      <c r="R17" s="218">
        <v>1</v>
      </c>
      <c r="S17" s="218">
        <v>1</v>
      </c>
      <c r="T17" s="219">
        <v>0</v>
      </c>
      <c r="U17" s="240">
        <v>4</v>
      </c>
      <c r="V17" s="221">
        <v>4</v>
      </c>
      <c r="W17" s="222">
        <v>0</v>
      </c>
      <c r="X17" s="219">
        <v>0</v>
      </c>
      <c r="Y17" s="219">
        <v>0</v>
      </c>
      <c r="Z17" s="220">
        <v>0</v>
      </c>
      <c r="AA17" s="218">
        <v>0</v>
      </c>
      <c r="AB17" s="218">
        <v>0</v>
      </c>
      <c r="AC17" s="218">
        <v>0</v>
      </c>
      <c r="AD17" s="219">
        <v>0</v>
      </c>
      <c r="AE17" s="240">
        <v>0</v>
      </c>
      <c r="AF17" s="241">
        <v>0</v>
      </c>
      <c r="AG17" s="217">
        <v>0</v>
      </c>
      <c r="AH17" s="219">
        <v>0</v>
      </c>
      <c r="AI17" s="219">
        <v>0</v>
      </c>
      <c r="AJ17" s="220">
        <v>0</v>
      </c>
      <c r="AK17" s="218">
        <v>0</v>
      </c>
      <c r="AL17" s="218">
        <v>0</v>
      </c>
      <c r="AM17" s="218">
        <v>0</v>
      </c>
      <c r="AN17" s="219">
        <v>0</v>
      </c>
      <c r="AO17" s="240">
        <v>0</v>
      </c>
      <c r="AP17" s="242">
        <v>0</v>
      </c>
      <c r="AQ17" s="239"/>
    </row>
    <row r="18" spans="2:43" ht="21" customHeight="1" x14ac:dyDescent="0.2">
      <c r="B18" s="106" t="s">
        <v>16</v>
      </c>
      <c r="C18" s="217">
        <v>0</v>
      </c>
      <c r="D18" s="219">
        <v>0</v>
      </c>
      <c r="E18" s="219">
        <v>0</v>
      </c>
      <c r="F18" s="220">
        <v>0</v>
      </c>
      <c r="G18" s="218">
        <v>0</v>
      </c>
      <c r="H18" s="218">
        <v>6</v>
      </c>
      <c r="I18" s="218">
        <v>8</v>
      </c>
      <c r="J18" s="219">
        <v>3</v>
      </c>
      <c r="K18" s="240">
        <v>17</v>
      </c>
      <c r="L18" s="241">
        <v>17</v>
      </c>
      <c r="M18" s="217">
        <v>0</v>
      </c>
      <c r="N18" s="219">
        <v>0</v>
      </c>
      <c r="O18" s="240">
        <v>0</v>
      </c>
      <c r="P18" s="222">
        <v>0</v>
      </c>
      <c r="Q18" s="218">
        <v>1</v>
      </c>
      <c r="R18" s="218">
        <v>3</v>
      </c>
      <c r="S18" s="218">
        <v>2</v>
      </c>
      <c r="T18" s="219">
        <v>1</v>
      </c>
      <c r="U18" s="240">
        <v>7</v>
      </c>
      <c r="V18" s="221">
        <v>7</v>
      </c>
      <c r="W18" s="222">
        <v>0</v>
      </c>
      <c r="X18" s="219">
        <v>0</v>
      </c>
      <c r="Y18" s="219">
        <v>0</v>
      </c>
      <c r="Z18" s="220">
        <v>0</v>
      </c>
      <c r="AA18" s="218">
        <v>0</v>
      </c>
      <c r="AB18" s="218">
        <v>0</v>
      </c>
      <c r="AC18" s="218">
        <v>0</v>
      </c>
      <c r="AD18" s="219">
        <v>0</v>
      </c>
      <c r="AE18" s="240">
        <v>0</v>
      </c>
      <c r="AF18" s="241">
        <v>0</v>
      </c>
      <c r="AG18" s="217">
        <v>0</v>
      </c>
      <c r="AH18" s="219">
        <v>0</v>
      </c>
      <c r="AI18" s="219">
        <v>0</v>
      </c>
      <c r="AJ18" s="220">
        <v>0</v>
      </c>
      <c r="AK18" s="218">
        <v>0</v>
      </c>
      <c r="AL18" s="218">
        <v>0</v>
      </c>
      <c r="AM18" s="218">
        <v>0</v>
      </c>
      <c r="AN18" s="219">
        <v>0</v>
      </c>
      <c r="AO18" s="240">
        <v>0</v>
      </c>
      <c r="AP18" s="242">
        <v>0</v>
      </c>
      <c r="AQ18" s="239"/>
    </row>
    <row r="19" spans="2:43" ht="21" customHeight="1" x14ac:dyDescent="0.2">
      <c r="B19" s="106" t="s">
        <v>17</v>
      </c>
      <c r="C19" s="217">
        <v>0</v>
      </c>
      <c r="D19" s="219">
        <v>0</v>
      </c>
      <c r="E19" s="219">
        <v>0</v>
      </c>
      <c r="F19" s="220">
        <v>0</v>
      </c>
      <c r="G19" s="218">
        <v>1</v>
      </c>
      <c r="H19" s="218">
        <v>7</v>
      </c>
      <c r="I19" s="218">
        <v>6</v>
      </c>
      <c r="J19" s="219">
        <v>9</v>
      </c>
      <c r="K19" s="240">
        <v>23</v>
      </c>
      <c r="L19" s="241">
        <v>23</v>
      </c>
      <c r="M19" s="217">
        <v>0</v>
      </c>
      <c r="N19" s="219">
        <v>0</v>
      </c>
      <c r="O19" s="240">
        <v>0</v>
      </c>
      <c r="P19" s="222">
        <v>2</v>
      </c>
      <c r="Q19" s="218">
        <v>8</v>
      </c>
      <c r="R19" s="218">
        <v>13</v>
      </c>
      <c r="S19" s="218">
        <v>7</v>
      </c>
      <c r="T19" s="219">
        <v>6</v>
      </c>
      <c r="U19" s="240">
        <v>36</v>
      </c>
      <c r="V19" s="221">
        <v>36</v>
      </c>
      <c r="W19" s="222">
        <v>0</v>
      </c>
      <c r="X19" s="219">
        <v>0</v>
      </c>
      <c r="Y19" s="219">
        <v>0</v>
      </c>
      <c r="Z19" s="220">
        <v>0</v>
      </c>
      <c r="AA19" s="218">
        <v>0</v>
      </c>
      <c r="AB19" s="218">
        <v>0</v>
      </c>
      <c r="AC19" s="218">
        <v>0</v>
      </c>
      <c r="AD19" s="219">
        <v>0</v>
      </c>
      <c r="AE19" s="240">
        <v>0</v>
      </c>
      <c r="AF19" s="241">
        <v>0</v>
      </c>
      <c r="AG19" s="217">
        <v>0</v>
      </c>
      <c r="AH19" s="219">
        <v>0</v>
      </c>
      <c r="AI19" s="219">
        <v>0</v>
      </c>
      <c r="AJ19" s="220">
        <v>0</v>
      </c>
      <c r="AK19" s="218">
        <v>0</v>
      </c>
      <c r="AL19" s="218">
        <v>0</v>
      </c>
      <c r="AM19" s="218">
        <v>0</v>
      </c>
      <c r="AN19" s="219">
        <v>1</v>
      </c>
      <c r="AO19" s="240">
        <v>1</v>
      </c>
      <c r="AP19" s="242">
        <v>1</v>
      </c>
      <c r="AQ19" s="239"/>
    </row>
    <row r="20" spans="2:43" ht="21" customHeight="1" x14ac:dyDescent="0.2">
      <c r="B20" s="106" t="s">
        <v>18</v>
      </c>
      <c r="C20" s="217">
        <v>0</v>
      </c>
      <c r="D20" s="219">
        <v>0</v>
      </c>
      <c r="E20" s="219">
        <v>0</v>
      </c>
      <c r="F20" s="220">
        <v>0</v>
      </c>
      <c r="G20" s="218">
        <v>1</v>
      </c>
      <c r="H20" s="218">
        <v>8</v>
      </c>
      <c r="I20" s="218">
        <v>9</v>
      </c>
      <c r="J20" s="219">
        <v>11</v>
      </c>
      <c r="K20" s="240">
        <v>29</v>
      </c>
      <c r="L20" s="241">
        <v>29</v>
      </c>
      <c r="M20" s="217">
        <v>0</v>
      </c>
      <c r="N20" s="219">
        <v>0</v>
      </c>
      <c r="O20" s="240">
        <v>0</v>
      </c>
      <c r="P20" s="222">
        <v>2</v>
      </c>
      <c r="Q20" s="218">
        <v>0</v>
      </c>
      <c r="R20" s="218">
        <v>4</v>
      </c>
      <c r="S20" s="218">
        <v>4</v>
      </c>
      <c r="T20" s="219">
        <v>3</v>
      </c>
      <c r="U20" s="240">
        <v>13</v>
      </c>
      <c r="V20" s="221">
        <v>13</v>
      </c>
      <c r="W20" s="222">
        <v>0</v>
      </c>
      <c r="X20" s="219">
        <v>0</v>
      </c>
      <c r="Y20" s="219">
        <v>0</v>
      </c>
      <c r="Z20" s="220">
        <v>0</v>
      </c>
      <c r="AA20" s="218">
        <v>0</v>
      </c>
      <c r="AB20" s="218">
        <v>0</v>
      </c>
      <c r="AC20" s="218">
        <v>0</v>
      </c>
      <c r="AD20" s="219">
        <v>0</v>
      </c>
      <c r="AE20" s="240">
        <v>0</v>
      </c>
      <c r="AF20" s="241">
        <v>0</v>
      </c>
      <c r="AG20" s="217">
        <v>0</v>
      </c>
      <c r="AH20" s="219">
        <v>0</v>
      </c>
      <c r="AI20" s="219">
        <v>0</v>
      </c>
      <c r="AJ20" s="220">
        <v>0</v>
      </c>
      <c r="AK20" s="218">
        <v>0</v>
      </c>
      <c r="AL20" s="218">
        <v>0</v>
      </c>
      <c r="AM20" s="218">
        <v>0</v>
      </c>
      <c r="AN20" s="219">
        <v>1</v>
      </c>
      <c r="AO20" s="240">
        <v>1</v>
      </c>
      <c r="AP20" s="242">
        <v>1</v>
      </c>
      <c r="AQ20" s="239"/>
    </row>
    <row r="21" spans="2:43" ht="21" customHeight="1" x14ac:dyDescent="0.2">
      <c r="B21" s="106" t="s">
        <v>19</v>
      </c>
      <c r="C21" s="217">
        <v>0</v>
      </c>
      <c r="D21" s="219">
        <v>0</v>
      </c>
      <c r="E21" s="219">
        <v>0</v>
      </c>
      <c r="F21" s="220">
        <v>0</v>
      </c>
      <c r="G21" s="218">
        <v>0</v>
      </c>
      <c r="H21" s="218">
        <v>6</v>
      </c>
      <c r="I21" s="218">
        <v>2</v>
      </c>
      <c r="J21" s="219">
        <v>2</v>
      </c>
      <c r="K21" s="240">
        <v>10</v>
      </c>
      <c r="L21" s="241">
        <v>10</v>
      </c>
      <c r="M21" s="217">
        <v>0</v>
      </c>
      <c r="N21" s="219">
        <v>0</v>
      </c>
      <c r="O21" s="240">
        <v>0</v>
      </c>
      <c r="P21" s="222">
        <v>0</v>
      </c>
      <c r="Q21" s="218">
        <v>2</v>
      </c>
      <c r="R21" s="218">
        <v>3</v>
      </c>
      <c r="S21" s="218">
        <v>2</v>
      </c>
      <c r="T21" s="219">
        <v>1</v>
      </c>
      <c r="U21" s="240">
        <v>8</v>
      </c>
      <c r="V21" s="221">
        <v>8</v>
      </c>
      <c r="W21" s="222">
        <v>0</v>
      </c>
      <c r="X21" s="219">
        <v>0</v>
      </c>
      <c r="Y21" s="219">
        <v>0</v>
      </c>
      <c r="Z21" s="220">
        <v>0</v>
      </c>
      <c r="AA21" s="218">
        <v>0</v>
      </c>
      <c r="AB21" s="218">
        <v>0</v>
      </c>
      <c r="AC21" s="218">
        <v>0</v>
      </c>
      <c r="AD21" s="219">
        <v>0</v>
      </c>
      <c r="AE21" s="240">
        <v>0</v>
      </c>
      <c r="AF21" s="241">
        <v>0</v>
      </c>
      <c r="AG21" s="217">
        <v>0</v>
      </c>
      <c r="AH21" s="219">
        <v>0</v>
      </c>
      <c r="AI21" s="219">
        <v>0</v>
      </c>
      <c r="AJ21" s="220">
        <v>0</v>
      </c>
      <c r="AK21" s="218">
        <v>0</v>
      </c>
      <c r="AL21" s="218">
        <v>0</v>
      </c>
      <c r="AM21" s="218">
        <v>0</v>
      </c>
      <c r="AN21" s="219">
        <v>1</v>
      </c>
      <c r="AO21" s="240">
        <v>1</v>
      </c>
      <c r="AP21" s="242">
        <v>1</v>
      </c>
      <c r="AQ21" s="239"/>
    </row>
    <row r="22" spans="2:43" ht="21" customHeight="1" x14ac:dyDescent="0.2">
      <c r="B22" s="106" t="s">
        <v>20</v>
      </c>
      <c r="C22" s="217">
        <v>0</v>
      </c>
      <c r="D22" s="219">
        <v>0</v>
      </c>
      <c r="E22" s="219">
        <v>0</v>
      </c>
      <c r="F22" s="220">
        <v>0</v>
      </c>
      <c r="G22" s="218">
        <v>2</v>
      </c>
      <c r="H22" s="218">
        <v>2</v>
      </c>
      <c r="I22" s="218">
        <v>7</v>
      </c>
      <c r="J22" s="219">
        <v>5</v>
      </c>
      <c r="K22" s="240">
        <v>16</v>
      </c>
      <c r="L22" s="241">
        <v>16</v>
      </c>
      <c r="M22" s="217">
        <v>0</v>
      </c>
      <c r="N22" s="219">
        <v>0</v>
      </c>
      <c r="O22" s="240">
        <v>0</v>
      </c>
      <c r="P22" s="222">
        <v>3</v>
      </c>
      <c r="Q22" s="218">
        <v>2</v>
      </c>
      <c r="R22" s="218">
        <v>1</v>
      </c>
      <c r="S22" s="218">
        <v>4</v>
      </c>
      <c r="T22" s="219">
        <v>1</v>
      </c>
      <c r="U22" s="240">
        <v>11</v>
      </c>
      <c r="V22" s="221">
        <v>11</v>
      </c>
      <c r="W22" s="222">
        <v>0</v>
      </c>
      <c r="X22" s="219">
        <v>0</v>
      </c>
      <c r="Y22" s="219">
        <v>0</v>
      </c>
      <c r="Z22" s="220">
        <v>0</v>
      </c>
      <c r="AA22" s="218">
        <v>0</v>
      </c>
      <c r="AB22" s="218">
        <v>0</v>
      </c>
      <c r="AC22" s="218">
        <v>0</v>
      </c>
      <c r="AD22" s="219">
        <v>0</v>
      </c>
      <c r="AE22" s="240">
        <v>0</v>
      </c>
      <c r="AF22" s="241">
        <v>0</v>
      </c>
      <c r="AG22" s="217">
        <v>0</v>
      </c>
      <c r="AH22" s="219">
        <v>0</v>
      </c>
      <c r="AI22" s="219">
        <v>0</v>
      </c>
      <c r="AJ22" s="220">
        <v>0</v>
      </c>
      <c r="AK22" s="218">
        <v>0</v>
      </c>
      <c r="AL22" s="218">
        <v>1</v>
      </c>
      <c r="AM22" s="218">
        <v>0</v>
      </c>
      <c r="AN22" s="219">
        <v>0</v>
      </c>
      <c r="AO22" s="240">
        <v>1</v>
      </c>
      <c r="AP22" s="242">
        <v>1</v>
      </c>
      <c r="AQ22" s="239"/>
    </row>
    <row r="23" spans="2:43" ht="21" customHeight="1" x14ac:dyDescent="0.2">
      <c r="B23" s="106" t="s">
        <v>21</v>
      </c>
      <c r="C23" s="217">
        <v>0</v>
      </c>
      <c r="D23" s="219">
        <v>0</v>
      </c>
      <c r="E23" s="219">
        <v>0</v>
      </c>
      <c r="F23" s="220">
        <v>0</v>
      </c>
      <c r="G23" s="218">
        <v>0</v>
      </c>
      <c r="H23" s="218">
        <v>2</v>
      </c>
      <c r="I23" s="218">
        <v>8</v>
      </c>
      <c r="J23" s="219">
        <v>3</v>
      </c>
      <c r="K23" s="240">
        <v>13</v>
      </c>
      <c r="L23" s="241">
        <v>13</v>
      </c>
      <c r="M23" s="217">
        <v>0</v>
      </c>
      <c r="N23" s="219">
        <v>0</v>
      </c>
      <c r="O23" s="240">
        <v>0</v>
      </c>
      <c r="P23" s="222">
        <v>0</v>
      </c>
      <c r="Q23" s="218">
        <v>4</v>
      </c>
      <c r="R23" s="218">
        <v>1</v>
      </c>
      <c r="S23" s="218">
        <v>2</v>
      </c>
      <c r="T23" s="219">
        <v>0</v>
      </c>
      <c r="U23" s="240">
        <v>7</v>
      </c>
      <c r="V23" s="221">
        <v>7</v>
      </c>
      <c r="W23" s="222">
        <v>0</v>
      </c>
      <c r="X23" s="219">
        <v>0</v>
      </c>
      <c r="Y23" s="219">
        <v>0</v>
      </c>
      <c r="Z23" s="220">
        <v>0</v>
      </c>
      <c r="AA23" s="218">
        <v>0</v>
      </c>
      <c r="AB23" s="218">
        <v>0</v>
      </c>
      <c r="AC23" s="218">
        <v>0</v>
      </c>
      <c r="AD23" s="219">
        <v>0</v>
      </c>
      <c r="AE23" s="240">
        <v>0</v>
      </c>
      <c r="AF23" s="241">
        <v>0</v>
      </c>
      <c r="AG23" s="217">
        <v>0</v>
      </c>
      <c r="AH23" s="219">
        <v>0</v>
      </c>
      <c r="AI23" s="219">
        <v>0</v>
      </c>
      <c r="AJ23" s="220">
        <v>0</v>
      </c>
      <c r="AK23" s="218">
        <v>0</v>
      </c>
      <c r="AL23" s="218">
        <v>0</v>
      </c>
      <c r="AM23" s="218">
        <v>1</v>
      </c>
      <c r="AN23" s="219">
        <v>0</v>
      </c>
      <c r="AO23" s="240">
        <v>1</v>
      </c>
      <c r="AP23" s="242">
        <v>1</v>
      </c>
      <c r="AQ23" s="239"/>
    </row>
    <row r="24" spans="2:43" ht="21" customHeight="1" x14ac:dyDescent="0.2">
      <c r="B24" s="106" t="s">
        <v>22</v>
      </c>
      <c r="C24" s="217">
        <v>0</v>
      </c>
      <c r="D24" s="219">
        <v>0</v>
      </c>
      <c r="E24" s="219">
        <v>0</v>
      </c>
      <c r="F24" s="220">
        <v>0</v>
      </c>
      <c r="G24" s="218">
        <v>1</v>
      </c>
      <c r="H24" s="218">
        <v>1</v>
      </c>
      <c r="I24" s="218">
        <v>1</v>
      </c>
      <c r="J24" s="219">
        <v>0</v>
      </c>
      <c r="K24" s="240">
        <v>3</v>
      </c>
      <c r="L24" s="241">
        <v>3</v>
      </c>
      <c r="M24" s="217">
        <v>0</v>
      </c>
      <c r="N24" s="219">
        <v>0</v>
      </c>
      <c r="O24" s="240">
        <v>0</v>
      </c>
      <c r="P24" s="222">
        <v>0</v>
      </c>
      <c r="Q24" s="218">
        <v>1</v>
      </c>
      <c r="R24" s="218">
        <v>0</v>
      </c>
      <c r="S24" s="218">
        <v>1</v>
      </c>
      <c r="T24" s="219">
        <v>0</v>
      </c>
      <c r="U24" s="240">
        <v>2</v>
      </c>
      <c r="V24" s="221">
        <v>2</v>
      </c>
      <c r="W24" s="222">
        <v>0</v>
      </c>
      <c r="X24" s="219">
        <v>0</v>
      </c>
      <c r="Y24" s="219">
        <v>0</v>
      </c>
      <c r="Z24" s="220">
        <v>0</v>
      </c>
      <c r="AA24" s="218">
        <v>0</v>
      </c>
      <c r="AB24" s="218">
        <v>0</v>
      </c>
      <c r="AC24" s="218">
        <v>0</v>
      </c>
      <c r="AD24" s="219">
        <v>0</v>
      </c>
      <c r="AE24" s="240">
        <v>0</v>
      </c>
      <c r="AF24" s="241">
        <v>0</v>
      </c>
      <c r="AG24" s="217">
        <v>0</v>
      </c>
      <c r="AH24" s="219">
        <v>0</v>
      </c>
      <c r="AI24" s="219">
        <v>0</v>
      </c>
      <c r="AJ24" s="220">
        <v>0</v>
      </c>
      <c r="AK24" s="218">
        <v>0</v>
      </c>
      <c r="AL24" s="218">
        <v>0</v>
      </c>
      <c r="AM24" s="218">
        <v>0</v>
      </c>
      <c r="AN24" s="219">
        <v>0</v>
      </c>
      <c r="AO24" s="240">
        <v>0</v>
      </c>
      <c r="AP24" s="242">
        <v>0</v>
      </c>
      <c r="AQ24" s="239"/>
    </row>
    <row r="25" spans="2:43" ht="21" customHeight="1" x14ac:dyDescent="0.2">
      <c r="B25" s="106" t="s">
        <v>23</v>
      </c>
      <c r="C25" s="217">
        <v>0</v>
      </c>
      <c r="D25" s="219">
        <v>0</v>
      </c>
      <c r="E25" s="219">
        <v>0</v>
      </c>
      <c r="F25" s="220">
        <v>0</v>
      </c>
      <c r="G25" s="218">
        <v>0</v>
      </c>
      <c r="H25" s="218">
        <v>4</v>
      </c>
      <c r="I25" s="218">
        <v>3</v>
      </c>
      <c r="J25" s="219">
        <v>3</v>
      </c>
      <c r="K25" s="240">
        <v>10</v>
      </c>
      <c r="L25" s="241">
        <v>10</v>
      </c>
      <c r="M25" s="217">
        <v>0</v>
      </c>
      <c r="N25" s="219">
        <v>0</v>
      </c>
      <c r="O25" s="240">
        <v>0</v>
      </c>
      <c r="P25" s="222">
        <v>0</v>
      </c>
      <c r="Q25" s="218">
        <v>0</v>
      </c>
      <c r="R25" s="218">
        <v>0</v>
      </c>
      <c r="S25" s="218">
        <v>0</v>
      </c>
      <c r="T25" s="219">
        <v>1</v>
      </c>
      <c r="U25" s="240">
        <v>1</v>
      </c>
      <c r="V25" s="221">
        <v>1</v>
      </c>
      <c r="W25" s="222">
        <v>0</v>
      </c>
      <c r="X25" s="219">
        <v>0</v>
      </c>
      <c r="Y25" s="219">
        <v>0</v>
      </c>
      <c r="Z25" s="220">
        <v>0</v>
      </c>
      <c r="AA25" s="218">
        <v>0</v>
      </c>
      <c r="AB25" s="218">
        <v>0</v>
      </c>
      <c r="AC25" s="218">
        <v>0</v>
      </c>
      <c r="AD25" s="219">
        <v>0</v>
      </c>
      <c r="AE25" s="240">
        <v>0</v>
      </c>
      <c r="AF25" s="241">
        <v>0</v>
      </c>
      <c r="AG25" s="217">
        <v>0</v>
      </c>
      <c r="AH25" s="219">
        <v>0</v>
      </c>
      <c r="AI25" s="219">
        <v>0</v>
      </c>
      <c r="AJ25" s="220">
        <v>0</v>
      </c>
      <c r="AK25" s="218">
        <v>0</v>
      </c>
      <c r="AL25" s="218">
        <v>0</v>
      </c>
      <c r="AM25" s="218">
        <v>0</v>
      </c>
      <c r="AN25" s="219">
        <v>1</v>
      </c>
      <c r="AO25" s="240">
        <v>1</v>
      </c>
      <c r="AP25" s="242">
        <v>1</v>
      </c>
      <c r="AQ25" s="239"/>
    </row>
    <row r="26" spans="2:43" ht="21" customHeight="1" x14ac:dyDescent="0.2">
      <c r="B26" s="106" t="s">
        <v>24</v>
      </c>
      <c r="C26" s="217">
        <v>0</v>
      </c>
      <c r="D26" s="219">
        <v>0</v>
      </c>
      <c r="E26" s="219">
        <v>0</v>
      </c>
      <c r="F26" s="220">
        <v>0</v>
      </c>
      <c r="G26" s="218">
        <v>0</v>
      </c>
      <c r="H26" s="218">
        <v>2</v>
      </c>
      <c r="I26" s="218">
        <v>4</v>
      </c>
      <c r="J26" s="219">
        <v>0</v>
      </c>
      <c r="K26" s="240">
        <v>6</v>
      </c>
      <c r="L26" s="241">
        <v>6</v>
      </c>
      <c r="M26" s="217">
        <v>0</v>
      </c>
      <c r="N26" s="219">
        <v>0</v>
      </c>
      <c r="O26" s="240">
        <v>0</v>
      </c>
      <c r="P26" s="222">
        <v>1</v>
      </c>
      <c r="Q26" s="218">
        <v>0</v>
      </c>
      <c r="R26" s="218">
        <v>1</v>
      </c>
      <c r="S26" s="218">
        <v>0</v>
      </c>
      <c r="T26" s="219">
        <v>0</v>
      </c>
      <c r="U26" s="240">
        <v>2</v>
      </c>
      <c r="V26" s="221">
        <v>2</v>
      </c>
      <c r="W26" s="222">
        <v>0</v>
      </c>
      <c r="X26" s="219">
        <v>0</v>
      </c>
      <c r="Y26" s="219">
        <v>0</v>
      </c>
      <c r="Z26" s="220">
        <v>0</v>
      </c>
      <c r="AA26" s="218">
        <v>0</v>
      </c>
      <c r="AB26" s="218">
        <v>0</v>
      </c>
      <c r="AC26" s="218">
        <v>0</v>
      </c>
      <c r="AD26" s="219">
        <v>0</v>
      </c>
      <c r="AE26" s="240">
        <v>0</v>
      </c>
      <c r="AF26" s="241">
        <v>0</v>
      </c>
      <c r="AG26" s="217">
        <v>0</v>
      </c>
      <c r="AH26" s="219">
        <v>0</v>
      </c>
      <c r="AI26" s="219">
        <v>0</v>
      </c>
      <c r="AJ26" s="220">
        <v>0</v>
      </c>
      <c r="AK26" s="218">
        <v>0</v>
      </c>
      <c r="AL26" s="218">
        <v>0</v>
      </c>
      <c r="AM26" s="218">
        <v>0</v>
      </c>
      <c r="AN26" s="219">
        <v>0</v>
      </c>
      <c r="AO26" s="240">
        <v>0</v>
      </c>
      <c r="AP26" s="242">
        <v>0</v>
      </c>
      <c r="AQ26" s="239"/>
    </row>
    <row r="27" spans="2:43" ht="21" customHeight="1" x14ac:dyDescent="0.2">
      <c r="B27" s="106" t="s">
        <v>25</v>
      </c>
      <c r="C27" s="217">
        <v>0</v>
      </c>
      <c r="D27" s="219">
        <v>0</v>
      </c>
      <c r="E27" s="219">
        <v>0</v>
      </c>
      <c r="F27" s="220">
        <v>0</v>
      </c>
      <c r="G27" s="218">
        <v>0</v>
      </c>
      <c r="H27" s="218">
        <v>3</v>
      </c>
      <c r="I27" s="218">
        <v>2</v>
      </c>
      <c r="J27" s="219">
        <v>3</v>
      </c>
      <c r="K27" s="240">
        <v>8</v>
      </c>
      <c r="L27" s="241">
        <v>8</v>
      </c>
      <c r="M27" s="217">
        <v>0</v>
      </c>
      <c r="N27" s="219">
        <v>0</v>
      </c>
      <c r="O27" s="240">
        <v>0</v>
      </c>
      <c r="P27" s="222">
        <v>1</v>
      </c>
      <c r="Q27" s="218">
        <v>4</v>
      </c>
      <c r="R27" s="218">
        <v>1</v>
      </c>
      <c r="S27" s="218">
        <v>1</v>
      </c>
      <c r="T27" s="219">
        <v>2</v>
      </c>
      <c r="U27" s="240">
        <v>9</v>
      </c>
      <c r="V27" s="221">
        <v>9</v>
      </c>
      <c r="W27" s="222">
        <v>0</v>
      </c>
      <c r="X27" s="219">
        <v>0</v>
      </c>
      <c r="Y27" s="219">
        <v>0</v>
      </c>
      <c r="Z27" s="220">
        <v>0</v>
      </c>
      <c r="AA27" s="218">
        <v>0</v>
      </c>
      <c r="AB27" s="218">
        <v>0</v>
      </c>
      <c r="AC27" s="218">
        <v>0</v>
      </c>
      <c r="AD27" s="219">
        <v>0</v>
      </c>
      <c r="AE27" s="240">
        <v>0</v>
      </c>
      <c r="AF27" s="241">
        <v>0</v>
      </c>
      <c r="AG27" s="217">
        <v>0</v>
      </c>
      <c r="AH27" s="219">
        <v>0</v>
      </c>
      <c r="AI27" s="219">
        <v>0</v>
      </c>
      <c r="AJ27" s="220">
        <v>0</v>
      </c>
      <c r="AK27" s="218">
        <v>0</v>
      </c>
      <c r="AL27" s="218">
        <v>0</v>
      </c>
      <c r="AM27" s="218">
        <v>0</v>
      </c>
      <c r="AN27" s="219">
        <v>0</v>
      </c>
      <c r="AO27" s="240">
        <v>0</v>
      </c>
      <c r="AP27" s="242">
        <v>0</v>
      </c>
      <c r="AQ27" s="239"/>
    </row>
    <row r="28" spans="2:43" ht="21" customHeight="1" x14ac:dyDescent="0.2">
      <c r="B28" s="106" t="s">
        <v>26</v>
      </c>
      <c r="C28" s="217">
        <v>0</v>
      </c>
      <c r="D28" s="219">
        <v>0</v>
      </c>
      <c r="E28" s="219">
        <v>0</v>
      </c>
      <c r="F28" s="220">
        <v>0</v>
      </c>
      <c r="G28" s="218">
        <v>0</v>
      </c>
      <c r="H28" s="218">
        <v>0</v>
      </c>
      <c r="I28" s="218">
        <v>1</v>
      </c>
      <c r="J28" s="219">
        <v>1</v>
      </c>
      <c r="K28" s="240">
        <v>2</v>
      </c>
      <c r="L28" s="241">
        <v>2</v>
      </c>
      <c r="M28" s="217">
        <v>0</v>
      </c>
      <c r="N28" s="219">
        <v>0</v>
      </c>
      <c r="O28" s="240">
        <v>0</v>
      </c>
      <c r="P28" s="222">
        <v>0</v>
      </c>
      <c r="Q28" s="218">
        <v>0</v>
      </c>
      <c r="R28" s="218">
        <v>1</v>
      </c>
      <c r="S28" s="218">
        <v>4</v>
      </c>
      <c r="T28" s="219">
        <v>0</v>
      </c>
      <c r="U28" s="240">
        <v>5</v>
      </c>
      <c r="V28" s="221">
        <v>5</v>
      </c>
      <c r="W28" s="222">
        <v>0</v>
      </c>
      <c r="X28" s="219">
        <v>0</v>
      </c>
      <c r="Y28" s="219">
        <v>0</v>
      </c>
      <c r="Z28" s="220">
        <v>0</v>
      </c>
      <c r="AA28" s="218">
        <v>0</v>
      </c>
      <c r="AB28" s="218">
        <v>0</v>
      </c>
      <c r="AC28" s="218">
        <v>0</v>
      </c>
      <c r="AD28" s="219">
        <v>0</v>
      </c>
      <c r="AE28" s="240">
        <v>0</v>
      </c>
      <c r="AF28" s="241">
        <v>0</v>
      </c>
      <c r="AG28" s="217">
        <v>0</v>
      </c>
      <c r="AH28" s="219">
        <v>0</v>
      </c>
      <c r="AI28" s="219">
        <v>0</v>
      </c>
      <c r="AJ28" s="220">
        <v>0</v>
      </c>
      <c r="AK28" s="218">
        <v>0</v>
      </c>
      <c r="AL28" s="218">
        <v>0</v>
      </c>
      <c r="AM28" s="218">
        <v>0</v>
      </c>
      <c r="AN28" s="219">
        <v>0</v>
      </c>
      <c r="AO28" s="240">
        <v>0</v>
      </c>
      <c r="AP28" s="242">
        <v>0</v>
      </c>
      <c r="AQ28" s="239"/>
    </row>
    <row r="29" spans="2:43" ht="21" customHeight="1" x14ac:dyDescent="0.2">
      <c r="B29" s="106" t="s">
        <v>27</v>
      </c>
      <c r="C29" s="217">
        <v>0</v>
      </c>
      <c r="D29" s="219">
        <v>0</v>
      </c>
      <c r="E29" s="219">
        <v>0</v>
      </c>
      <c r="F29" s="220">
        <v>0</v>
      </c>
      <c r="G29" s="218">
        <v>0</v>
      </c>
      <c r="H29" s="218">
        <v>1</v>
      </c>
      <c r="I29" s="218">
        <v>1</v>
      </c>
      <c r="J29" s="219">
        <v>2</v>
      </c>
      <c r="K29" s="240">
        <v>4</v>
      </c>
      <c r="L29" s="241">
        <v>4</v>
      </c>
      <c r="M29" s="217">
        <v>0</v>
      </c>
      <c r="N29" s="219">
        <v>0</v>
      </c>
      <c r="O29" s="240">
        <v>0</v>
      </c>
      <c r="P29" s="222">
        <v>1</v>
      </c>
      <c r="Q29" s="218">
        <v>0</v>
      </c>
      <c r="R29" s="218">
        <v>0</v>
      </c>
      <c r="S29" s="218">
        <v>0</v>
      </c>
      <c r="T29" s="219">
        <v>1</v>
      </c>
      <c r="U29" s="240">
        <v>2</v>
      </c>
      <c r="V29" s="221">
        <v>2</v>
      </c>
      <c r="W29" s="222">
        <v>0</v>
      </c>
      <c r="X29" s="219">
        <v>0</v>
      </c>
      <c r="Y29" s="219">
        <v>0</v>
      </c>
      <c r="Z29" s="220">
        <v>0</v>
      </c>
      <c r="AA29" s="218">
        <v>0</v>
      </c>
      <c r="AB29" s="218">
        <v>0</v>
      </c>
      <c r="AC29" s="218">
        <v>0</v>
      </c>
      <c r="AD29" s="219">
        <v>0</v>
      </c>
      <c r="AE29" s="240">
        <v>0</v>
      </c>
      <c r="AF29" s="241">
        <v>0</v>
      </c>
      <c r="AG29" s="217">
        <v>0</v>
      </c>
      <c r="AH29" s="219">
        <v>0</v>
      </c>
      <c r="AI29" s="219">
        <v>0</v>
      </c>
      <c r="AJ29" s="220">
        <v>0</v>
      </c>
      <c r="AK29" s="218">
        <v>0</v>
      </c>
      <c r="AL29" s="218">
        <v>0</v>
      </c>
      <c r="AM29" s="218">
        <v>0</v>
      </c>
      <c r="AN29" s="219">
        <v>1</v>
      </c>
      <c r="AO29" s="240">
        <v>1</v>
      </c>
      <c r="AP29" s="242">
        <v>1</v>
      </c>
      <c r="AQ29" s="239"/>
    </row>
    <row r="30" spans="2:43" ht="21" customHeight="1" x14ac:dyDescent="0.2">
      <c r="B30" s="106" t="s">
        <v>28</v>
      </c>
      <c r="C30" s="217">
        <v>0</v>
      </c>
      <c r="D30" s="219">
        <v>0</v>
      </c>
      <c r="E30" s="219">
        <v>0</v>
      </c>
      <c r="F30" s="220">
        <v>0</v>
      </c>
      <c r="G30" s="218">
        <v>0</v>
      </c>
      <c r="H30" s="218">
        <v>0</v>
      </c>
      <c r="I30" s="218">
        <v>0</v>
      </c>
      <c r="J30" s="219">
        <v>0</v>
      </c>
      <c r="K30" s="240">
        <v>0</v>
      </c>
      <c r="L30" s="241">
        <v>0</v>
      </c>
      <c r="M30" s="217">
        <v>0</v>
      </c>
      <c r="N30" s="219">
        <v>0</v>
      </c>
      <c r="O30" s="240">
        <v>0</v>
      </c>
      <c r="P30" s="222">
        <v>0</v>
      </c>
      <c r="Q30" s="218">
        <v>0</v>
      </c>
      <c r="R30" s="218">
        <v>0</v>
      </c>
      <c r="S30" s="218">
        <v>0</v>
      </c>
      <c r="T30" s="219">
        <v>0</v>
      </c>
      <c r="U30" s="240">
        <v>0</v>
      </c>
      <c r="V30" s="221">
        <v>0</v>
      </c>
      <c r="W30" s="222">
        <v>0</v>
      </c>
      <c r="X30" s="219">
        <v>0</v>
      </c>
      <c r="Y30" s="219">
        <v>0</v>
      </c>
      <c r="Z30" s="220">
        <v>0</v>
      </c>
      <c r="AA30" s="218">
        <v>0</v>
      </c>
      <c r="AB30" s="218">
        <v>0</v>
      </c>
      <c r="AC30" s="218">
        <v>0</v>
      </c>
      <c r="AD30" s="219">
        <v>0</v>
      </c>
      <c r="AE30" s="240">
        <v>0</v>
      </c>
      <c r="AF30" s="241">
        <v>0</v>
      </c>
      <c r="AG30" s="217">
        <v>0</v>
      </c>
      <c r="AH30" s="219">
        <v>0</v>
      </c>
      <c r="AI30" s="219">
        <v>0</v>
      </c>
      <c r="AJ30" s="220">
        <v>0</v>
      </c>
      <c r="AK30" s="218">
        <v>0</v>
      </c>
      <c r="AL30" s="218">
        <v>0</v>
      </c>
      <c r="AM30" s="218">
        <v>0</v>
      </c>
      <c r="AN30" s="219">
        <v>0</v>
      </c>
      <c r="AO30" s="240">
        <v>0</v>
      </c>
      <c r="AP30" s="242">
        <v>0</v>
      </c>
      <c r="AQ30" s="239"/>
    </row>
    <row r="31" spans="2:43" ht="21" customHeight="1" x14ac:dyDescent="0.2">
      <c r="B31" s="106" t="s">
        <v>29</v>
      </c>
      <c r="C31" s="217">
        <v>0</v>
      </c>
      <c r="D31" s="219">
        <v>0</v>
      </c>
      <c r="E31" s="219">
        <v>0</v>
      </c>
      <c r="F31" s="220">
        <v>0</v>
      </c>
      <c r="G31" s="218">
        <v>0</v>
      </c>
      <c r="H31" s="218">
        <v>0</v>
      </c>
      <c r="I31" s="218">
        <v>1</v>
      </c>
      <c r="J31" s="219">
        <v>0</v>
      </c>
      <c r="K31" s="240">
        <v>1</v>
      </c>
      <c r="L31" s="241">
        <v>1</v>
      </c>
      <c r="M31" s="217">
        <v>0</v>
      </c>
      <c r="N31" s="219">
        <v>0</v>
      </c>
      <c r="O31" s="240">
        <v>0</v>
      </c>
      <c r="P31" s="222">
        <v>0</v>
      </c>
      <c r="Q31" s="218">
        <v>0</v>
      </c>
      <c r="R31" s="218">
        <v>0</v>
      </c>
      <c r="S31" s="218">
        <v>0</v>
      </c>
      <c r="T31" s="219">
        <v>1</v>
      </c>
      <c r="U31" s="240">
        <v>1</v>
      </c>
      <c r="V31" s="221">
        <v>1</v>
      </c>
      <c r="W31" s="222">
        <v>0</v>
      </c>
      <c r="X31" s="219">
        <v>0</v>
      </c>
      <c r="Y31" s="219">
        <v>0</v>
      </c>
      <c r="Z31" s="220">
        <v>0</v>
      </c>
      <c r="AA31" s="218">
        <v>0</v>
      </c>
      <c r="AB31" s="218">
        <v>0</v>
      </c>
      <c r="AC31" s="218">
        <v>0</v>
      </c>
      <c r="AD31" s="219">
        <v>0</v>
      </c>
      <c r="AE31" s="240">
        <v>0</v>
      </c>
      <c r="AF31" s="241">
        <v>0</v>
      </c>
      <c r="AG31" s="217">
        <v>0</v>
      </c>
      <c r="AH31" s="219">
        <v>0</v>
      </c>
      <c r="AI31" s="219">
        <v>0</v>
      </c>
      <c r="AJ31" s="220">
        <v>0</v>
      </c>
      <c r="AK31" s="218">
        <v>0</v>
      </c>
      <c r="AL31" s="218">
        <v>0</v>
      </c>
      <c r="AM31" s="218">
        <v>0</v>
      </c>
      <c r="AN31" s="219">
        <v>0</v>
      </c>
      <c r="AO31" s="240">
        <v>0</v>
      </c>
      <c r="AP31" s="242">
        <v>0</v>
      </c>
      <c r="AQ31" s="239"/>
    </row>
    <row r="32" spans="2:43" ht="21" customHeight="1" x14ac:dyDescent="0.2">
      <c r="B32" s="106" t="s">
        <v>30</v>
      </c>
      <c r="C32" s="217">
        <v>0</v>
      </c>
      <c r="D32" s="219">
        <v>0</v>
      </c>
      <c r="E32" s="219">
        <v>0</v>
      </c>
      <c r="F32" s="220">
        <v>0</v>
      </c>
      <c r="G32" s="218">
        <v>0</v>
      </c>
      <c r="H32" s="218">
        <v>0</v>
      </c>
      <c r="I32" s="218">
        <v>1</v>
      </c>
      <c r="J32" s="219">
        <v>1</v>
      </c>
      <c r="K32" s="240">
        <v>2</v>
      </c>
      <c r="L32" s="241">
        <v>2</v>
      </c>
      <c r="M32" s="217">
        <v>0</v>
      </c>
      <c r="N32" s="219">
        <v>0</v>
      </c>
      <c r="O32" s="240">
        <v>0</v>
      </c>
      <c r="P32" s="222">
        <v>0</v>
      </c>
      <c r="Q32" s="218">
        <v>0</v>
      </c>
      <c r="R32" s="218">
        <v>0</v>
      </c>
      <c r="S32" s="218">
        <v>0</v>
      </c>
      <c r="T32" s="219">
        <v>0</v>
      </c>
      <c r="U32" s="240">
        <v>0</v>
      </c>
      <c r="V32" s="221">
        <v>0</v>
      </c>
      <c r="W32" s="222">
        <v>0</v>
      </c>
      <c r="X32" s="219">
        <v>0</v>
      </c>
      <c r="Y32" s="219">
        <v>0</v>
      </c>
      <c r="Z32" s="220">
        <v>0</v>
      </c>
      <c r="AA32" s="218">
        <v>0</v>
      </c>
      <c r="AB32" s="218">
        <v>0</v>
      </c>
      <c r="AC32" s="218">
        <v>0</v>
      </c>
      <c r="AD32" s="219">
        <v>0</v>
      </c>
      <c r="AE32" s="240">
        <v>0</v>
      </c>
      <c r="AF32" s="241">
        <v>0</v>
      </c>
      <c r="AG32" s="217">
        <v>0</v>
      </c>
      <c r="AH32" s="219">
        <v>0</v>
      </c>
      <c r="AI32" s="219">
        <v>0</v>
      </c>
      <c r="AJ32" s="220">
        <v>0</v>
      </c>
      <c r="AK32" s="218">
        <v>0</v>
      </c>
      <c r="AL32" s="218">
        <v>0</v>
      </c>
      <c r="AM32" s="218">
        <v>0</v>
      </c>
      <c r="AN32" s="219">
        <v>0</v>
      </c>
      <c r="AO32" s="240">
        <v>0</v>
      </c>
      <c r="AP32" s="242">
        <v>0</v>
      </c>
      <c r="AQ32" s="239"/>
    </row>
    <row r="33" spans="2:43" ht="21" customHeight="1" x14ac:dyDescent="0.2">
      <c r="B33" s="106" t="s">
        <v>31</v>
      </c>
      <c r="C33" s="217">
        <v>0</v>
      </c>
      <c r="D33" s="219">
        <v>0</v>
      </c>
      <c r="E33" s="219">
        <v>0</v>
      </c>
      <c r="F33" s="220">
        <v>0</v>
      </c>
      <c r="G33" s="218">
        <v>0</v>
      </c>
      <c r="H33" s="218">
        <v>1</v>
      </c>
      <c r="I33" s="218">
        <v>0</v>
      </c>
      <c r="J33" s="219">
        <v>1</v>
      </c>
      <c r="K33" s="240">
        <v>2</v>
      </c>
      <c r="L33" s="241">
        <v>2</v>
      </c>
      <c r="M33" s="217">
        <v>0</v>
      </c>
      <c r="N33" s="219">
        <v>0</v>
      </c>
      <c r="O33" s="240">
        <v>0</v>
      </c>
      <c r="P33" s="222">
        <v>0</v>
      </c>
      <c r="Q33" s="218">
        <v>0</v>
      </c>
      <c r="R33" s="218">
        <v>2</v>
      </c>
      <c r="S33" s="218">
        <v>1</v>
      </c>
      <c r="T33" s="219">
        <v>0</v>
      </c>
      <c r="U33" s="240">
        <v>3</v>
      </c>
      <c r="V33" s="221">
        <v>3</v>
      </c>
      <c r="W33" s="222">
        <v>0</v>
      </c>
      <c r="X33" s="219">
        <v>0</v>
      </c>
      <c r="Y33" s="219">
        <v>0</v>
      </c>
      <c r="Z33" s="220">
        <v>0</v>
      </c>
      <c r="AA33" s="218">
        <v>0</v>
      </c>
      <c r="AB33" s="218">
        <v>0</v>
      </c>
      <c r="AC33" s="218">
        <v>0</v>
      </c>
      <c r="AD33" s="219">
        <v>0</v>
      </c>
      <c r="AE33" s="240">
        <v>0</v>
      </c>
      <c r="AF33" s="241">
        <v>0</v>
      </c>
      <c r="AG33" s="217">
        <v>0</v>
      </c>
      <c r="AH33" s="219">
        <v>0</v>
      </c>
      <c r="AI33" s="219">
        <v>0</v>
      </c>
      <c r="AJ33" s="220">
        <v>0</v>
      </c>
      <c r="AK33" s="218">
        <v>0</v>
      </c>
      <c r="AL33" s="218">
        <v>0</v>
      </c>
      <c r="AM33" s="218">
        <v>0</v>
      </c>
      <c r="AN33" s="219">
        <v>0</v>
      </c>
      <c r="AO33" s="240">
        <v>0</v>
      </c>
      <c r="AP33" s="242">
        <v>0</v>
      </c>
      <c r="AQ33" s="239"/>
    </row>
    <row r="34" spans="2:43" ht="21" customHeight="1" x14ac:dyDescent="0.2">
      <c r="B34" s="106" t="s">
        <v>32</v>
      </c>
      <c r="C34" s="217">
        <v>0</v>
      </c>
      <c r="D34" s="219">
        <v>0</v>
      </c>
      <c r="E34" s="219">
        <v>0</v>
      </c>
      <c r="F34" s="220">
        <v>0</v>
      </c>
      <c r="G34" s="218">
        <v>0</v>
      </c>
      <c r="H34" s="218">
        <v>0</v>
      </c>
      <c r="I34" s="218">
        <v>1</v>
      </c>
      <c r="J34" s="219">
        <v>1</v>
      </c>
      <c r="K34" s="240">
        <v>2</v>
      </c>
      <c r="L34" s="241">
        <v>2</v>
      </c>
      <c r="M34" s="217">
        <v>0</v>
      </c>
      <c r="N34" s="219">
        <v>0</v>
      </c>
      <c r="O34" s="240">
        <v>0</v>
      </c>
      <c r="P34" s="222">
        <v>0</v>
      </c>
      <c r="Q34" s="218">
        <v>0</v>
      </c>
      <c r="R34" s="218">
        <v>0</v>
      </c>
      <c r="S34" s="218">
        <v>1</v>
      </c>
      <c r="T34" s="219">
        <v>0</v>
      </c>
      <c r="U34" s="240">
        <v>1</v>
      </c>
      <c r="V34" s="221">
        <v>1</v>
      </c>
      <c r="W34" s="222">
        <v>0</v>
      </c>
      <c r="X34" s="219">
        <v>0</v>
      </c>
      <c r="Y34" s="219">
        <v>0</v>
      </c>
      <c r="Z34" s="220">
        <v>0</v>
      </c>
      <c r="AA34" s="218">
        <v>0</v>
      </c>
      <c r="AB34" s="218">
        <v>0</v>
      </c>
      <c r="AC34" s="218">
        <v>0</v>
      </c>
      <c r="AD34" s="219">
        <v>0</v>
      </c>
      <c r="AE34" s="240">
        <v>0</v>
      </c>
      <c r="AF34" s="241">
        <v>0</v>
      </c>
      <c r="AG34" s="217">
        <v>0</v>
      </c>
      <c r="AH34" s="219">
        <v>0</v>
      </c>
      <c r="AI34" s="219">
        <v>0</v>
      </c>
      <c r="AJ34" s="220">
        <v>0</v>
      </c>
      <c r="AK34" s="218">
        <v>0</v>
      </c>
      <c r="AL34" s="218">
        <v>0</v>
      </c>
      <c r="AM34" s="218">
        <v>0</v>
      </c>
      <c r="AN34" s="219">
        <v>0</v>
      </c>
      <c r="AO34" s="240">
        <v>0</v>
      </c>
      <c r="AP34" s="242">
        <v>0</v>
      </c>
      <c r="AQ34" s="239"/>
    </row>
    <row r="35" spans="2:43" ht="21" customHeight="1" x14ac:dyDescent="0.2">
      <c r="B35" s="106" t="s">
        <v>33</v>
      </c>
      <c r="C35" s="217">
        <v>0</v>
      </c>
      <c r="D35" s="219">
        <v>0</v>
      </c>
      <c r="E35" s="219">
        <v>0</v>
      </c>
      <c r="F35" s="220">
        <v>0</v>
      </c>
      <c r="G35" s="218">
        <v>0</v>
      </c>
      <c r="H35" s="218">
        <v>0</v>
      </c>
      <c r="I35" s="218">
        <v>0</v>
      </c>
      <c r="J35" s="219">
        <v>0</v>
      </c>
      <c r="K35" s="240">
        <v>0</v>
      </c>
      <c r="L35" s="241">
        <v>0</v>
      </c>
      <c r="M35" s="217">
        <v>0</v>
      </c>
      <c r="N35" s="219">
        <v>0</v>
      </c>
      <c r="O35" s="240">
        <v>0</v>
      </c>
      <c r="P35" s="222">
        <v>0</v>
      </c>
      <c r="Q35" s="218">
        <v>0</v>
      </c>
      <c r="R35" s="218">
        <v>0</v>
      </c>
      <c r="S35" s="218">
        <v>0</v>
      </c>
      <c r="T35" s="219">
        <v>1</v>
      </c>
      <c r="U35" s="240">
        <v>1</v>
      </c>
      <c r="V35" s="221">
        <v>1</v>
      </c>
      <c r="W35" s="222">
        <v>0</v>
      </c>
      <c r="X35" s="219">
        <v>0</v>
      </c>
      <c r="Y35" s="219">
        <v>0</v>
      </c>
      <c r="Z35" s="220">
        <v>0</v>
      </c>
      <c r="AA35" s="218">
        <v>0</v>
      </c>
      <c r="AB35" s="218">
        <v>0</v>
      </c>
      <c r="AC35" s="218">
        <v>0</v>
      </c>
      <c r="AD35" s="219">
        <v>0</v>
      </c>
      <c r="AE35" s="240">
        <v>0</v>
      </c>
      <c r="AF35" s="241">
        <v>0</v>
      </c>
      <c r="AG35" s="217">
        <v>0</v>
      </c>
      <c r="AH35" s="219">
        <v>0</v>
      </c>
      <c r="AI35" s="219">
        <v>0</v>
      </c>
      <c r="AJ35" s="220">
        <v>1</v>
      </c>
      <c r="AK35" s="218">
        <v>0</v>
      </c>
      <c r="AL35" s="218">
        <v>0</v>
      </c>
      <c r="AM35" s="218">
        <v>0</v>
      </c>
      <c r="AN35" s="219">
        <v>3</v>
      </c>
      <c r="AO35" s="240">
        <v>4</v>
      </c>
      <c r="AP35" s="242">
        <v>4</v>
      </c>
      <c r="AQ35" s="239"/>
    </row>
    <row r="36" spans="2:43" ht="21" customHeight="1" x14ac:dyDescent="0.2">
      <c r="B36" s="106" t="s">
        <v>34</v>
      </c>
      <c r="C36" s="217">
        <v>0</v>
      </c>
      <c r="D36" s="219">
        <v>0</v>
      </c>
      <c r="E36" s="219">
        <v>0</v>
      </c>
      <c r="F36" s="220">
        <v>0</v>
      </c>
      <c r="G36" s="218">
        <v>0</v>
      </c>
      <c r="H36" s="218">
        <v>0</v>
      </c>
      <c r="I36" s="218">
        <v>1</v>
      </c>
      <c r="J36" s="219">
        <v>0</v>
      </c>
      <c r="K36" s="240">
        <v>1</v>
      </c>
      <c r="L36" s="241">
        <v>1</v>
      </c>
      <c r="M36" s="217">
        <v>0</v>
      </c>
      <c r="N36" s="219">
        <v>0</v>
      </c>
      <c r="O36" s="240">
        <v>0</v>
      </c>
      <c r="P36" s="222">
        <v>0</v>
      </c>
      <c r="Q36" s="218">
        <v>0</v>
      </c>
      <c r="R36" s="218">
        <v>0</v>
      </c>
      <c r="S36" s="218">
        <v>0</v>
      </c>
      <c r="T36" s="219">
        <v>0</v>
      </c>
      <c r="U36" s="240">
        <v>0</v>
      </c>
      <c r="V36" s="221">
        <v>0</v>
      </c>
      <c r="W36" s="222">
        <v>0</v>
      </c>
      <c r="X36" s="219">
        <v>0</v>
      </c>
      <c r="Y36" s="219">
        <v>0</v>
      </c>
      <c r="Z36" s="220">
        <v>0</v>
      </c>
      <c r="AA36" s="218">
        <v>0</v>
      </c>
      <c r="AB36" s="218">
        <v>0</v>
      </c>
      <c r="AC36" s="218">
        <v>0</v>
      </c>
      <c r="AD36" s="219">
        <v>0</v>
      </c>
      <c r="AE36" s="240">
        <v>0</v>
      </c>
      <c r="AF36" s="241">
        <v>0</v>
      </c>
      <c r="AG36" s="217">
        <v>0</v>
      </c>
      <c r="AH36" s="219">
        <v>0</v>
      </c>
      <c r="AI36" s="219">
        <v>0</v>
      </c>
      <c r="AJ36" s="220">
        <v>0</v>
      </c>
      <c r="AK36" s="218">
        <v>0</v>
      </c>
      <c r="AL36" s="218">
        <v>0</v>
      </c>
      <c r="AM36" s="218">
        <v>0</v>
      </c>
      <c r="AN36" s="219">
        <v>0</v>
      </c>
      <c r="AO36" s="240">
        <v>0</v>
      </c>
      <c r="AP36" s="242">
        <v>0</v>
      </c>
      <c r="AQ36" s="239"/>
    </row>
    <row r="37" spans="2:43" ht="21" customHeight="1" x14ac:dyDescent="0.2">
      <c r="B37" s="106" t="s">
        <v>35</v>
      </c>
      <c r="C37" s="217">
        <v>0</v>
      </c>
      <c r="D37" s="219">
        <v>0</v>
      </c>
      <c r="E37" s="219">
        <v>0</v>
      </c>
      <c r="F37" s="220">
        <v>0</v>
      </c>
      <c r="G37" s="218">
        <v>0</v>
      </c>
      <c r="H37" s="218">
        <v>0</v>
      </c>
      <c r="I37" s="218">
        <v>1</v>
      </c>
      <c r="J37" s="219">
        <v>0</v>
      </c>
      <c r="K37" s="240">
        <v>1</v>
      </c>
      <c r="L37" s="241">
        <v>1</v>
      </c>
      <c r="M37" s="217">
        <v>0</v>
      </c>
      <c r="N37" s="219">
        <v>0</v>
      </c>
      <c r="O37" s="240">
        <v>0</v>
      </c>
      <c r="P37" s="222">
        <v>0</v>
      </c>
      <c r="Q37" s="218">
        <v>0</v>
      </c>
      <c r="R37" s="218">
        <v>0</v>
      </c>
      <c r="S37" s="218">
        <v>0</v>
      </c>
      <c r="T37" s="219">
        <v>0</v>
      </c>
      <c r="U37" s="240">
        <v>0</v>
      </c>
      <c r="V37" s="221">
        <v>0</v>
      </c>
      <c r="W37" s="222">
        <v>0</v>
      </c>
      <c r="X37" s="219">
        <v>0</v>
      </c>
      <c r="Y37" s="219">
        <v>0</v>
      </c>
      <c r="Z37" s="220">
        <v>0</v>
      </c>
      <c r="AA37" s="218">
        <v>0</v>
      </c>
      <c r="AB37" s="218">
        <v>0</v>
      </c>
      <c r="AC37" s="218">
        <v>0</v>
      </c>
      <c r="AD37" s="219">
        <v>0</v>
      </c>
      <c r="AE37" s="240">
        <v>0</v>
      </c>
      <c r="AF37" s="241">
        <v>0</v>
      </c>
      <c r="AG37" s="217">
        <v>0</v>
      </c>
      <c r="AH37" s="219">
        <v>0</v>
      </c>
      <c r="AI37" s="219">
        <v>0</v>
      </c>
      <c r="AJ37" s="220">
        <v>0</v>
      </c>
      <c r="AK37" s="218">
        <v>0</v>
      </c>
      <c r="AL37" s="218">
        <v>0</v>
      </c>
      <c r="AM37" s="218">
        <v>0</v>
      </c>
      <c r="AN37" s="219">
        <v>0</v>
      </c>
      <c r="AO37" s="240">
        <v>0</v>
      </c>
      <c r="AP37" s="242">
        <v>0</v>
      </c>
      <c r="AQ37" s="239"/>
    </row>
    <row r="38" spans="2:43" ht="21" customHeight="1" x14ac:dyDescent="0.2">
      <c r="B38" s="106" t="s">
        <v>36</v>
      </c>
      <c r="C38" s="217">
        <v>0</v>
      </c>
      <c r="D38" s="219">
        <v>0</v>
      </c>
      <c r="E38" s="219">
        <v>0</v>
      </c>
      <c r="F38" s="220">
        <v>0</v>
      </c>
      <c r="G38" s="218">
        <v>0</v>
      </c>
      <c r="H38" s="218">
        <v>1</v>
      </c>
      <c r="I38" s="218">
        <v>0</v>
      </c>
      <c r="J38" s="219">
        <v>1</v>
      </c>
      <c r="K38" s="240">
        <v>2</v>
      </c>
      <c r="L38" s="241">
        <v>2</v>
      </c>
      <c r="M38" s="217">
        <v>0</v>
      </c>
      <c r="N38" s="219">
        <v>0</v>
      </c>
      <c r="O38" s="240">
        <v>0</v>
      </c>
      <c r="P38" s="222">
        <v>0</v>
      </c>
      <c r="Q38" s="218">
        <v>0</v>
      </c>
      <c r="R38" s="218">
        <v>1</v>
      </c>
      <c r="S38" s="218">
        <v>0</v>
      </c>
      <c r="T38" s="219">
        <v>0</v>
      </c>
      <c r="U38" s="240">
        <v>1</v>
      </c>
      <c r="V38" s="221">
        <v>1</v>
      </c>
      <c r="W38" s="222">
        <v>0</v>
      </c>
      <c r="X38" s="219">
        <v>0</v>
      </c>
      <c r="Y38" s="219">
        <v>0</v>
      </c>
      <c r="Z38" s="220">
        <v>0</v>
      </c>
      <c r="AA38" s="218">
        <v>0</v>
      </c>
      <c r="AB38" s="218">
        <v>0</v>
      </c>
      <c r="AC38" s="218">
        <v>0</v>
      </c>
      <c r="AD38" s="219">
        <v>0</v>
      </c>
      <c r="AE38" s="240">
        <v>0</v>
      </c>
      <c r="AF38" s="241">
        <v>0</v>
      </c>
      <c r="AG38" s="217">
        <v>0</v>
      </c>
      <c r="AH38" s="219">
        <v>0</v>
      </c>
      <c r="AI38" s="219">
        <v>0</v>
      </c>
      <c r="AJ38" s="220">
        <v>0</v>
      </c>
      <c r="AK38" s="218">
        <v>0</v>
      </c>
      <c r="AL38" s="218">
        <v>0</v>
      </c>
      <c r="AM38" s="218">
        <v>0</v>
      </c>
      <c r="AN38" s="219">
        <v>0</v>
      </c>
      <c r="AO38" s="240">
        <v>0</v>
      </c>
      <c r="AP38" s="242">
        <v>0</v>
      </c>
      <c r="AQ38" s="239"/>
    </row>
    <row r="39" spans="2:43" ht="21" customHeight="1" thickBot="1" x14ac:dyDescent="0.25">
      <c r="B39" s="108" t="s">
        <v>37</v>
      </c>
      <c r="C39" s="223">
        <v>0</v>
      </c>
      <c r="D39" s="225">
        <v>0</v>
      </c>
      <c r="E39" s="225">
        <v>0</v>
      </c>
      <c r="F39" s="226">
        <v>0</v>
      </c>
      <c r="G39" s="224">
        <v>0</v>
      </c>
      <c r="H39" s="224">
        <v>0</v>
      </c>
      <c r="I39" s="224">
        <v>0</v>
      </c>
      <c r="J39" s="225">
        <v>0</v>
      </c>
      <c r="K39" s="243">
        <v>0</v>
      </c>
      <c r="L39" s="244">
        <v>0</v>
      </c>
      <c r="M39" s="223">
        <v>0</v>
      </c>
      <c r="N39" s="225">
        <v>0</v>
      </c>
      <c r="O39" s="243">
        <v>0</v>
      </c>
      <c r="P39" s="228">
        <v>0</v>
      </c>
      <c r="Q39" s="224">
        <v>0</v>
      </c>
      <c r="R39" s="224">
        <v>0</v>
      </c>
      <c r="S39" s="224">
        <v>0</v>
      </c>
      <c r="T39" s="225">
        <v>0</v>
      </c>
      <c r="U39" s="243">
        <v>0</v>
      </c>
      <c r="V39" s="227">
        <v>0</v>
      </c>
      <c r="W39" s="228">
        <v>0</v>
      </c>
      <c r="X39" s="225">
        <v>0</v>
      </c>
      <c r="Y39" s="225">
        <v>0</v>
      </c>
      <c r="Z39" s="226">
        <v>0</v>
      </c>
      <c r="AA39" s="224">
        <v>0</v>
      </c>
      <c r="AB39" s="224">
        <v>0</v>
      </c>
      <c r="AC39" s="224">
        <v>0</v>
      </c>
      <c r="AD39" s="225">
        <v>0</v>
      </c>
      <c r="AE39" s="243">
        <v>0</v>
      </c>
      <c r="AF39" s="244">
        <v>0</v>
      </c>
      <c r="AG39" s="223">
        <v>0</v>
      </c>
      <c r="AH39" s="225">
        <v>0</v>
      </c>
      <c r="AI39" s="225">
        <v>0</v>
      </c>
      <c r="AJ39" s="226">
        <v>0</v>
      </c>
      <c r="AK39" s="224">
        <v>0</v>
      </c>
      <c r="AL39" s="224">
        <v>0</v>
      </c>
      <c r="AM39" s="224">
        <v>0</v>
      </c>
      <c r="AN39" s="225">
        <v>0</v>
      </c>
      <c r="AO39" s="243">
        <v>0</v>
      </c>
      <c r="AP39" s="245">
        <v>0</v>
      </c>
      <c r="AQ39" s="239"/>
    </row>
    <row r="40" spans="2:43" x14ac:dyDescent="0.2">
      <c r="C40" s="246"/>
      <c r="D40" s="246"/>
      <c r="E40" s="246"/>
      <c r="F40" s="246"/>
      <c r="G40" s="246"/>
      <c r="H40" s="246"/>
      <c r="I40" s="246"/>
      <c r="J40" s="246"/>
      <c r="K40" s="246"/>
      <c r="L40" s="246"/>
      <c r="M40" s="239"/>
      <c r="N40" s="239"/>
      <c r="O40" s="239"/>
      <c r="P40" s="239"/>
      <c r="Q40" s="239"/>
      <c r="R40" s="239"/>
      <c r="S40" s="239"/>
      <c r="T40" s="239"/>
      <c r="U40" s="239"/>
      <c r="V40" s="239"/>
      <c r="W40" s="239"/>
      <c r="X40" s="239"/>
      <c r="Y40" s="239"/>
      <c r="Z40" s="239"/>
      <c r="AA40" s="239"/>
      <c r="AB40" s="239"/>
      <c r="AC40" s="239"/>
      <c r="AD40" s="239"/>
      <c r="AE40" s="239"/>
      <c r="AF40" s="239"/>
      <c r="AG40" s="239"/>
      <c r="AH40" s="239"/>
      <c r="AI40" s="239"/>
      <c r="AJ40" s="239"/>
      <c r="AK40" s="239"/>
      <c r="AL40" s="239"/>
      <c r="AM40" s="239"/>
      <c r="AN40" s="239"/>
      <c r="AO40" s="239"/>
      <c r="AP40" s="239"/>
      <c r="AQ40" s="239"/>
    </row>
    <row r="41" spans="2:43" x14ac:dyDescent="0.2">
      <c r="C41" s="246"/>
      <c r="D41" s="246"/>
      <c r="E41" s="246"/>
      <c r="F41" s="246"/>
      <c r="G41" s="246"/>
      <c r="H41" s="246"/>
      <c r="I41" s="246"/>
      <c r="J41" s="246"/>
      <c r="K41" s="246"/>
      <c r="L41" s="246"/>
      <c r="M41" s="239"/>
      <c r="N41" s="239"/>
      <c r="O41" s="239"/>
      <c r="P41" s="239"/>
      <c r="Q41" s="239"/>
      <c r="R41" s="239"/>
      <c r="S41" s="239"/>
      <c r="T41" s="239"/>
      <c r="U41" s="239"/>
      <c r="V41" s="239"/>
      <c r="W41" s="239"/>
      <c r="X41" s="239"/>
      <c r="Y41" s="239"/>
      <c r="Z41" s="239"/>
      <c r="AA41" s="239"/>
      <c r="AB41" s="239"/>
      <c r="AC41" s="239"/>
      <c r="AD41" s="239"/>
      <c r="AE41" s="239"/>
      <c r="AF41" s="239"/>
      <c r="AG41" s="239"/>
      <c r="AH41" s="239"/>
      <c r="AI41" s="239"/>
      <c r="AJ41" s="239"/>
      <c r="AK41" s="239"/>
      <c r="AL41" s="239"/>
      <c r="AM41" s="239"/>
      <c r="AN41" s="239"/>
      <c r="AO41" s="239"/>
      <c r="AP41" s="239"/>
      <c r="AQ41" s="239"/>
    </row>
    <row r="42" spans="2:43" x14ac:dyDescent="0.2">
      <c r="C42" s="246"/>
      <c r="D42" s="246"/>
      <c r="E42" s="246"/>
      <c r="F42" s="246"/>
      <c r="G42" s="246"/>
      <c r="H42" s="246"/>
      <c r="I42" s="246"/>
      <c r="J42" s="246"/>
      <c r="K42" s="246"/>
      <c r="L42" s="246"/>
      <c r="M42" s="239"/>
      <c r="N42" s="239"/>
      <c r="O42" s="239"/>
      <c r="P42" s="239"/>
      <c r="Q42" s="239"/>
      <c r="R42" s="239"/>
      <c r="S42" s="239"/>
      <c r="T42" s="239"/>
      <c r="U42" s="239"/>
      <c r="V42" s="239"/>
      <c r="W42" s="239"/>
      <c r="X42" s="239"/>
      <c r="Y42" s="239"/>
      <c r="Z42" s="239"/>
      <c r="AA42" s="239"/>
      <c r="AB42" s="239"/>
      <c r="AC42" s="239"/>
      <c r="AD42" s="239"/>
      <c r="AE42" s="239"/>
      <c r="AF42" s="239"/>
      <c r="AG42" s="239"/>
      <c r="AH42" s="239"/>
      <c r="AI42" s="239"/>
      <c r="AJ42" s="239"/>
      <c r="AK42" s="239"/>
      <c r="AL42" s="239"/>
      <c r="AM42" s="239"/>
      <c r="AN42" s="239"/>
      <c r="AO42" s="239"/>
      <c r="AP42" s="239"/>
      <c r="AQ42" s="239"/>
    </row>
    <row r="43" spans="2:43" x14ac:dyDescent="0.2">
      <c r="C43" s="246"/>
      <c r="D43" s="246"/>
      <c r="E43" s="246"/>
      <c r="F43" s="246"/>
      <c r="G43" s="246"/>
      <c r="H43" s="246"/>
      <c r="I43" s="246"/>
      <c r="J43" s="246"/>
      <c r="K43" s="246"/>
      <c r="L43" s="246"/>
      <c r="M43" s="239"/>
      <c r="N43" s="239"/>
      <c r="O43" s="239"/>
      <c r="P43" s="239"/>
      <c r="Q43" s="239"/>
      <c r="R43" s="239"/>
      <c r="S43" s="239"/>
      <c r="T43" s="239"/>
      <c r="U43" s="239"/>
      <c r="V43" s="239"/>
      <c r="W43" s="239"/>
      <c r="X43" s="239"/>
      <c r="Y43" s="239"/>
      <c r="Z43" s="239"/>
      <c r="AA43" s="239"/>
      <c r="AB43" s="239"/>
      <c r="AC43" s="239"/>
      <c r="AD43" s="239"/>
      <c r="AE43" s="239"/>
      <c r="AF43" s="239"/>
      <c r="AG43" s="239"/>
      <c r="AH43" s="239"/>
      <c r="AI43" s="239"/>
      <c r="AJ43" s="239"/>
      <c r="AK43" s="239"/>
      <c r="AL43" s="239"/>
      <c r="AM43" s="239"/>
      <c r="AN43" s="239"/>
      <c r="AO43" s="239"/>
      <c r="AP43" s="239"/>
      <c r="AQ43" s="239"/>
    </row>
    <row r="44" spans="2:43" x14ac:dyDescent="0.2">
      <c r="C44" s="246"/>
      <c r="D44" s="246"/>
      <c r="E44" s="246"/>
      <c r="F44" s="246"/>
      <c r="G44" s="246"/>
      <c r="H44" s="246"/>
      <c r="I44" s="246"/>
      <c r="J44" s="246"/>
      <c r="K44" s="246"/>
      <c r="L44" s="246"/>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AP44" s="239"/>
      <c r="AQ44" s="239"/>
    </row>
    <row r="45" spans="2:43" x14ac:dyDescent="0.2">
      <c r="C45" s="70"/>
      <c r="D45" s="70"/>
      <c r="E45" s="70"/>
      <c r="F45" s="70"/>
      <c r="G45" s="70"/>
      <c r="H45" s="70"/>
      <c r="I45" s="70"/>
      <c r="J45" s="70"/>
      <c r="K45" s="70"/>
      <c r="L45" s="70"/>
    </row>
    <row r="46" spans="2:43" x14ac:dyDescent="0.2">
      <c r="C46" s="70"/>
      <c r="D46" s="70"/>
      <c r="E46" s="70"/>
      <c r="F46" s="70"/>
      <c r="G46" s="70"/>
      <c r="H46" s="70"/>
      <c r="I46" s="70"/>
      <c r="J46" s="70"/>
      <c r="K46" s="70"/>
      <c r="L46" s="70"/>
    </row>
    <row r="47" spans="2:43" x14ac:dyDescent="0.2">
      <c r="C47" s="70"/>
      <c r="D47" s="70"/>
      <c r="E47" s="70"/>
      <c r="F47" s="70"/>
      <c r="G47" s="70"/>
      <c r="H47" s="70"/>
      <c r="I47" s="70"/>
      <c r="J47" s="70"/>
      <c r="K47" s="70"/>
      <c r="L47" s="70"/>
    </row>
    <row r="48" spans="2:43" x14ac:dyDescent="0.2">
      <c r="C48" s="70"/>
      <c r="D48" s="70"/>
      <c r="E48" s="70"/>
      <c r="F48" s="70"/>
      <c r="G48" s="70"/>
      <c r="H48" s="70"/>
      <c r="I48" s="70"/>
      <c r="J48" s="70"/>
      <c r="K48" s="70"/>
      <c r="L48" s="70"/>
    </row>
    <row r="49" spans="3:12" x14ac:dyDescent="0.2">
      <c r="C49" s="70"/>
      <c r="D49" s="70"/>
      <c r="E49" s="70"/>
      <c r="F49" s="70"/>
      <c r="G49" s="70"/>
      <c r="H49" s="70"/>
      <c r="I49" s="70"/>
      <c r="J49" s="70"/>
      <c r="K49" s="70"/>
      <c r="L49" s="70"/>
    </row>
    <row r="50" spans="3:12" x14ac:dyDescent="0.2">
      <c r="C50" s="70"/>
      <c r="D50" s="70"/>
      <c r="E50" s="70"/>
      <c r="F50" s="70"/>
      <c r="G50" s="70"/>
      <c r="H50" s="70"/>
      <c r="I50" s="70"/>
      <c r="J50" s="70"/>
      <c r="K50" s="70"/>
      <c r="L50" s="70"/>
    </row>
    <row r="51" spans="3:12" x14ac:dyDescent="0.2">
      <c r="C51" s="70"/>
      <c r="D51" s="70"/>
      <c r="E51" s="70"/>
      <c r="F51" s="70"/>
      <c r="G51" s="70"/>
      <c r="H51" s="70"/>
      <c r="I51" s="70"/>
      <c r="J51" s="70"/>
      <c r="K51" s="70"/>
      <c r="L51" s="70"/>
    </row>
    <row r="52" spans="3:12" x14ac:dyDescent="0.2">
      <c r="C52" s="70"/>
      <c r="D52" s="70"/>
      <c r="E52" s="70"/>
      <c r="F52" s="70"/>
      <c r="G52" s="70"/>
      <c r="H52" s="70"/>
      <c r="I52" s="70"/>
      <c r="J52" s="70"/>
      <c r="K52" s="70"/>
      <c r="L52" s="70"/>
    </row>
    <row r="53" spans="3:12" x14ac:dyDescent="0.2">
      <c r="C53" s="70"/>
      <c r="D53" s="70"/>
      <c r="E53" s="70"/>
      <c r="F53" s="70"/>
      <c r="G53" s="70"/>
      <c r="H53" s="70"/>
      <c r="I53" s="70"/>
      <c r="J53" s="70"/>
      <c r="K53" s="70"/>
      <c r="L53" s="70"/>
    </row>
    <row r="54" spans="3:12" x14ac:dyDescent="0.2">
      <c r="C54" s="70"/>
      <c r="D54" s="70"/>
      <c r="E54" s="70"/>
      <c r="F54" s="70"/>
      <c r="G54" s="70"/>
      <c r="H54" s="70"/>
      <c r="I54" s="70"/>
      <c r="J54" s="70"/>
      <c r="K54" s="70"/>
      <c r="L54" s="70"/>
    </row>
    <row r="55" spans="3:12" x14ac:dyDescent="0.2">
      <c r="C55" s="70"/>
      <c r="D55" s="70"/>
      <c r="E55" s="70"/>
      <c r="F55" s="70"/>
      <c r="G55" s="70"/>
      <c r="H55" s="70"/>
      <c r="I55" s="70"/>
      <c r="J55" s="70"/>
      <c r="K55" s="70"/>
      <c r="L55" s="70"/>
    </row>
    <row r="56" spans="3:12" x14ac:dyDescent="0.2">
      <c r="C56" s="70"/>
      <c r="D56" s="70"/>
      <c r="E56" s="70"/>
      <c r="F56" s="70"/>
      <c r="G56" s="70"/>
      <c r="H56" s="70"/>
      <c r="I56" s="70"/>
      <c r="J56" s="70"/>
      <c r="K56" s="70"/>
      <c r="L56" s="70"/>
    </row>
    <row r="57" spans="3:12" x14ac:dyDescent="0.2">
      <c r="C57" s="70"/>
      <c r="D57" s="70"/>
      <c r="E57" s="70"/>
      <c r="F57" s="70"/>
      <c r="G57" s="70"/>
      <c r="H57" s="70"/>
      <c r="I57" s="70"/>
      <c r="J57" s="70"/>
      <c r="K57" s="70"/>
      <c r="L57" s="70"/>
    </row>
    <row r="58" spans="3:12" x14ac:dyDescent="0.2">
      <c r="C58" s="70"/>
      <c r="D58" s="70"/>
      <c r="E58" s="70"/>
      <c r="F58" s="70"/>
      <c r="G58" s="70"/>
      <c r="H58" s="70"/>
      <c r="I58" s="70"/>
      <c r="J58" s="70"/>
      <c r="K58" s="70"/>
      <c r="L58" s="70"/>
    </row>
    <row r="59" spans="3:12" x14ac:dyDescent="0.2">
      <c r="C59" s="70"/>
      <c r="D59" s="70"/>
      <c r="E59" s="70"/>
      <c r="F59" s="70"/>
      <c r="G59" s="70"/>
      <c r="H59" s="70"/>
      <c r="I59" s="70"/>
      <c r="J59" s="70"/>
      <c r="K59" s="70"/>
      <c r="L59" s="70"/>
    </row>
    <row r="60" spans="3:12" x14ac:dyDescent="0.2">
      <c r="C60" s="70"/>
      <c r="D60" s="70"/>
      <c r="E60" s="70"/>
      <c r="F60" s="70"/>
      <c r="G60" s="70"/>
      <c r="H60" s="70"/>
      <c r="I60" s="70"/>
      <c r="J60" s="70"/>
      <c r="K60" s="70"/>
      <c r="L60" s="70"/>
    </row>
    <row r="61" spans="3:12" x14ac:dyDescent="0.2">
      <c r="C61" s="70"/>
      <c r="D61" s="70"/>
      <c r="E61" s="70"/>
      <c r="F61" s="70"/>
      <c r="G61" s="70"/>
      <c r="H61" s="70"/>
      <c r="I61" s="70"/>
      <c r="J61" s="70"/>
      <c r="K61" s="70"/>
      <c r="L61" s="70"/>
    </row>
    <row r="62" spans="3:12" x14ac:dyDescent="0.2">
      <c r="C62" s="70"/>
      <c r="D62" s="70"/>
      <c r="E62" s="70"/>
      <c r="F62" s="70"/>
      <c r="G62" s="70"/>
      <c r="H62" s="70"/>
      <c r="I62" s="70"/>
      <c r="J62" s="70"/>
      <c r="K62" s="70"/>
      <c r="L62" s="70"/>
    </row>
    <row r="63" spans="3:12" x14ac:dyDescent="0.2">
      <c r="C63" s="70"/>
      <c r="D63" s="70"/>
      <c r="E63" s="70"/>
      <c r="F63" s="70"/>
      <c r="G63" s="70"/>
      <c r="H63" s="70"/>
      <c r="I63" s="70"/>
      <c r="J63" s="70"/>
      <c r="K63" s="70"/>
      <c r="L63" s="70"/>
    </row>
    <row r="64" spans="3:12" x14ac:dyDescent="0.2">
      <c r="C64" s="70"/>
      <c r="D64" s="70"/>
      <c r="E64" s="70"/>
      <c r="F64" s="70"/>
      <c r="G64" s="70"/>
      <c r="H64" s="70"/>
      <c r="I64" s="70"/>
      <c r="J64" s="70"/>
      <c r="K64" s="70"/>
      <c r="L64" s="70"/>
    </row>
    <row r="65" spans="3:12" x14ac:dyDescent="0.2">
      <c r="C65" s="70"/>
      <c r="D65" s="70"/>
      <c r="E65" s="70"/>
      <c r="F65" s="70"/>
      <c r="G65" s="70"/>
      <c r="H65" s="70"/>
      <c r="I65" s="70"/>
      <c r="J65" s="70"/>
      <c r="K65" s="70"/>
      <c r="L65" s="70"/>
    </row>
    <row r="66" spans="3:12" x14ac:dyDescent="0.2">
      <c r="C66" s="70"/>
      <c r="D66" s="70"/>
      <c r="E66" s="70"/>
      <c r="F66" s="70"/>
      <c r="G66" s="70"/>
      <c r="H66" s="70"/>
      <c r="I66" s="70"/>
      <c r="J66" s="70"/>
      <c r="K66" s="70"/>
      <c r="L66" s="70"/>
    </row>
    <row r="67" spans="3:12" x14ac:dyDescent="0.2">
      <c r="C67" s="70"/>
      <c r="D67" s="70"/>
      <c r="E67" s="70"/>
      <c r="F67" s="70"/>
      <c r="G67" s="70"/>
      <c r="H67" s="70"/>
      <c r="I67" s="70"/>
      <c r="J67" s="70"/>
      <c r="K67" s="70"/>
      <c r="L67" s="70"/>
    </row>
    <row r="68" spans="3:12" x14ac:dyDescent="0.2">
      <c r="C68" s="70"/>
      <c r="D68" s="70"/>
      <c r="E68" s="70"/>
      <c r="F68" s="70"/>
      <c r="G68" s="70"/>
      <c r="H68" s="70"/>
      <c r="I68" s="70"/>
      <c r="J68" s="70"/>
      <c r="K68" s="70"/>
      <c r="L68" s="70"/>
    </row>
    <row r="69" spans="3:12" x14ac:dyDescent="0.2">
      <c r="C69" s="70"/>
      <c r="D69" s="70"/>
      <c r="E69" s="70"/>
      <c r="F69" s="70"/>
      <c r="G69" s="70"/>
      <c r="H69" s="70"/>
      <c r="I69" s="70"/>
      <c r="J69" s="70"/>
      <c r="K69" s="70"/>
      <c r="L69" s="70"/>
    </row>
    <row r="70" spans="3:12" x14ac:dyDescent="0.2">
      <c r="C70" s="70"/>
      <c r="D70" s="70"/>
      <c r="E70" s="70"/>
      <c r="F70" s="70"/>
      <c r="G70" s="70"/>
      <c r="H70" s="70"/>
      <c r="I70" s="70"/>
      <c r="J70" s="70"/>
      <c r="K70" s="70"/>
      <c r="L70" s="70"/>
    </row>
    <row r="71" spans="3:12" x14ac:dyDescent="0.2">
      <c r="C71" s="70"/>
      <c r="D71" s="70"/>
      <c r="E71" s="70"/>
      <c r="F71" s="70"/>
      <c r="G71" s="70"/>
      <c r="H71" s="70"/>
      <c r="I71" s="70"/>
      <c r="J71" s="70"/>
      <c r="K71" s="70"/>
      <c r="L71" s="70"/>
    </row>
    <row r="72" spans="3:12" x14ac:dyDescent="0.2">
      <c r="C72" s="70"/>
      <c r="D72" s="70"/>
      <c r="E72" s="70"/>
      <c r="F72" s="70"/>
      <c r="G72" s="70"/>
      <c r="H72" s="70"/>
      <c r="I72" s="70"/>
      <c r="J72" s="70"/>
      <c r="K72" s="70"/>
      <c r="L72" s="70"/>
    </row>
    <row r="73" spans="3:12" x14ac:dyDescent="0.2">
      <c r="C73" s="70"/>
      <c r="D73" s="70"/>
      <c r="E73" s="70"/>
      <c r="F73" s="70"/>
      <c r="G73" s="70"/>
      <c r="H73" s="70"/>
      <c r="I73" s="70"/>
      <c r="J73" s="70"/>
      <c r="K73" s="70"/>
      <c r="L73" s="70"/>
    </row>
    <row r="74" spans="3:12" x14ac:dyDescent="0.2">
      <c r="C74" s="70"/>
      <c r="D74" s="70"/>
      <c r="E74" s="70"/>
      <c r="F74" s="70"/>
      <c r="G74" s="70"/>
      <c r="H74" s="70"/>
      <c r="I74" s="70"/>
      <c r="J74" s="70"/>
      <c r="K74" s="70"/>
      <c r="L74" s="70"/>
    </row>
    <row r="75" spans="3:12" x14ac:dyDescent="0.2">
      <c r="C75" s="70"/>
      <c r="D75" s="70"/>
      <c r="E75" s="70"/>
      <c r="F75" s="70"/>
      <c r="G75" s="70"/>
      <c r="H75" s="70"/>
      <c r="I75" s="70"/>
      <c r="J75" s="70"/>
      <c r="K75" s="70"/>
      <c r="L75" s="70"/>
    </row>
    <row r="76" spans="3:12" x14ac:dyDescent="0.2">
      <c r="C76" s="70"/>
      <c r="D76" s="70"/>
      <c r="E76" s="70"/>
      <c r="F76" s="70"/>
      <c r="G76" s="70"/>
      <c r="H76" s="70"/>
      <c r="I76" s="70"/>
      <c r="J76" s="70"/>
      <c r="K76" s="70"/>
      <c r="L76" s="70"/>
    </row>
    <row r="77" spans="3:12" x14ac:dyDescent="0.2">
      <c r="C77" s="70"/>
      <c r="D77" s="70"/>
      <c r="E77" s="70"/>
      <c r="F77" s="70"/>
      <c r="G77" s="70"/>
      <c r="H77" s="70"/>
      <c r="I77" s="70"/>
      <c r="J77" s="70"/>
      <c r="K77" s="70"/>
      <c r="L77" s="70"/>
    </row>
    <row r="78" spans="3:12" x14ac:dyDescent="0.2">
      <c r="C78" s="70"/>
      <c r="D78" s="70"/>
      <c r="E78" s="70"/>
      <c r="F78" s="70"/>
      <c r="G78" s="70"/>
      <c r="H78" s="70"/>
      <c r="I78" s="70"/>
      <c r="J78" s="70"/>
      <c r="K78" s="70"/>
      <c r="L78" s="70"/>
    </row>
    <row r="79" spans="3:12" x14ac:dyDescent="0.2">
      <c r="C79" s="70"/>
      <c r="D79" s="70"/>
      <c r="E79" s="70"/>
      <c r="F79" s="70"/>
      <c r="G79" s="70"/>
      <c r="H79" s="70"/>
      <c r="I79" s="70"/>
      <c r="J79" s="70"/>
      <c r="K79" s="70"/>
      <c r="L79" s="70"/>
    </row>
    <row r="80" spans="3:12" x14ac:dyDescent="0.2">
      <c r="C80" s="70"/>
      <c r="D80" s="70"/>
      <c r="E80" s="70"/>
      <c r="F80" s="70"/>
      <c r="G80" s="70"/>
      <c r="H80" s="70"/>
      <c r="I80" s="70"/>
      <c r="J80" s="70"/>
      <c r="K80" s="70"/>
      <c r="L80" s="70"/>
    </row>
    <row r="81" spans="3:12" x14ac:dyDescent="0.2">
      <c r="C81" s="70"/>
      <c r="D81" s="70"/>
      <c r="E81" s="70"/>
      <c r="F81" s="70"/>
      <c r="G81" s="70"/>
      <c r="H81" s="70"/>
      <c r="I81" s="70"/>
      <c r="J81" s="70"/>
      <c r="K81" s="70"/>
      <c r="L81" s="70"/>
    </row>
    <row r="82" spans="3:12" x14ac:dyDescent="0.2">
      <c r="C82" s="70"/>
      <c r="D82" s="70"/>
      <c r="E82" s="70"/>
      <c r="F82" s="70"/>
      <c r="G82" s="70"/>
      <c r="H82" s="70"/>
      <c r="I82" s="70"/>
      <c r="J82" s="70"/>
      <c r="K82" s="70"/>
      <c r="L82" s="70"/>
    </row>
    <row r="83" spans="3:12" x14ac:dyDescent="0.2">
      <c r="C83" s="70"/>
      <c r="D83" s="70"/>
      <c r="E83" s="70"/>
      <c r="F83" s="70"/>
      <c r="G83" s="70"/>
      <c r="H83" s="70"/>
      <c r="I83" s="70"/>
      <c r="J83" s="70"/>
      <c r="K83" s="70"/>
      <c r="L83" s="70"/>
    </row>
    <row r="84" spans="3:12" x14ac:dyDescent="0.2">
      <c r="C84" s="70"/>
      <c r="D84" s="70"/>
      <c r="E84" s="70"/>
      <c r="F84" s="70"/>
      <c r="G84" s="70"/>
      <c r="H84" s="70"/>
      <c r="I84" s="70"/>
      <c r="J84" s="70"/>
      <c r="K84" s="70"/>
      <c r="L84" s="70"/>
    </row>
    <row r="85" spans="3:12" x14ac:dyDescent="0.2">
      <c r="C85" s="70"/>
      <c r="D85" s="70"/>
      <c r="E85" s="70"/>
      <c r="F85" s="70"/>
      <c r="G85" s="70"/>
      <c r="H85" s="70"/>
      <c r="I85" s="70"/>
      <c r="J85" s="70"/>
      <c r="K85" s="70"/>
      <c r="L85" s="70"/>
    </row>
    <row r="86" spans="3:12" x14ac:dyDescent="0.2">
      <c r="C86" s="70"/>
      <c r="D86" s="70"/>
      <c r="E86" s="70"/>
      <c r="F86" s="70"/>
      <c r="G86" s="70"/>
      <c r="H86" s="70"/>
      <c r="I86" s="70"/>
      <c r="J86" s="70"/>
      <c r="K86" s="70"/>
      <c r="L86" s="70"/>
    </row>
    <row r="87" spans="3:12" x14ac:dyDescent="0.2">
      <c r="C87" s="70"/>
      <c r="D87" s="70"/>
      <c r="E87" s="70"/>
      <c r="F87" s="70"/>
      <c r="G87" s="70"/>
      <c r="H87" s="70"/>
      <c r="I87" s="70"/>
      <c r="J87" s="70"/>
      <c r="K87" s="70"/>
      <c r="L87" s="70"/>
    </row>
    <row r="88" spans="3:12" x14ac:dyDescent="0.2">
      <c r="C88" s="70"/>
      <c r="D88" s="70"/>
      <c r="E88" s="70"/>
      <c r="F88" s="70"/>
      <c r="G88" s="70"/>
      <c r="H88" s="70"/>
      <c r="I88" s="70"/>
      <c r="J88" s="70"/>
      <c r="K88" s="70"/>
      <c r="L88" s="70"/>
    </row>
    <row r="89" spans="3:12" x14ac:dyDescent="0.2">
      <c r="C89" s="70"/>
      <c r="D89" s="70"/>
      <c r="E89" s="70"/>
      <c r="F89" s="70"/>
      <c r="G89" s="70"/>
      <c r="H89" s="70"/>
      <c r="I89" s="70"/>
      <c r="J89" s="70"/>
      <c r="K89" s="70"/>
      <c r="L89" s="70"/>
    </row>
    <row r="90" spans="3:12" x14ac:dyDescent="0.2">
      <c r="C90" s="70"/>
      <c r="D90" s="70"/>
      <c r="E90" s="70"/>
      <c r="F90" s="70"/>
      <c r="G90" s="70"/>
      <c r="H90" s="70"/>
      <c r="I90" s="70"/>
      <c r="J90" s="70"/>
      <c r="K90" s="70"/>
      <c r="L90" s="70"/>
    </row>
    <row r="91" spans="3:12" x14ac:dyDescent="0.2">
      <c r="C91" s="70"/>
      <c r="D91" s="70"/>
      <c r="E91" s="70"/>
      <c r="F91" s="70"/>
      <c r="G91" s="70"/>
      <c r="H91" s="70"/>
      <c r="I91" s="70"/>
      <c r="J91" s="70"/>
      <c r="K91" s="70"/>
      <c r="L91" s="70"/>
    </row>
    <row r="92" spans="3:12" x14ac:dyDescent="0.2">
      <c r="C92" s="70"/>
      <c r="D92" s="70"/>
      <c r="E92" s="70"/>
      <c r="F92" s="70"/>
      <c r="G92" s="70"/>
      <c r="H92" s="70"/>
      <c r="I92" s="70"/>
      <c r="J92" s="70"/>
      <c r="K92" s="70"/>
      <c r="L92" s="70"/>
    </row>
    <row r="93" spans="3:12" x14ac:dyDescent="0.2">
      <c r="C93" s="70"/>
      <c r="D93" s="70"/>
      <c r="E93" s="70"/>
      <c r="F93" s="70"/>
      <c r="G93" s="70"/>
      <c r="H93" s="70"/>
      <c r="I93" s="70"/>
      <c r="J93" s="70"/>
      <c r="K93" s="70"/>
      <c r="L93" s="70"/>
    </row>
    <row r="94" spans="3:12" x14ac:dyDescent="0.2">
      <c r="C94" s="70"/>
      <c r="D94" s="70"/>
      <c r="E94" s="70"/>
      <c r="F94" s="70"/>
      <c r="G94" s="70"/>
      <c r="H94" s="70"/>
      <c r="I94" s="70"/>
      <c r="J94" s="70"/>
      <c r="K94" s="70"/>
      <c r="L94" s="70"/>
    </row>
    <row r="95" spans="3:12" x14ac:dyDescent="0.2">
      <c r="C95" s="70"/>
      <c r="D95" s="70"/>
      <c r="E95" s="70"/>
      <c r="F95" s="70"/>
      <c r="G95" s="70"/>
      <c r="H95" s="70"/>
      <c r="I95" s="70"/>
      <c r="J95" s="70"/>
      <c r="K95" s="70"/>
      <c r="L95" s="70"/>
    </row>
    <row r="96" spans="3:12" x14ac:dyDescent="0.2">
      <c r="C96" s="70"/>
      <c r="D96" s="70"/>
      <c r="E96" s="70"/>
      <c r="F96" s="70"/>
      <c r="G96" s="70"/>
      <c r="H96" s="70"/>
      <c r="I96" s="70"/>
      <c r="J96" s="70"/>
      <c r="K96" s="70"/>
      <c r="L96" s="70"/>
    </row>
    <row r="97" spans="3:12" x14ac:dyDescent="0.2">
      <c r="C97" s="70"/>
      <c r="D97" s="70"/>
      <c r="E97" s="70"/>
      <c r="F97" s="70"/>
      <c r="G97" s="70"/>
      <c r="H97" s="70"/>
      <c r="I97" s="70"/>
      <c r="J97" s="70"/>
      <c r="K97" s="70"/>
      <c r="L97" s="70"/>
    </row>
    <row r="98" spans="3:12" x14ac:dyDescent="0.2">
      <c r="C98" s="70"/>
      <c r="D98" s="70"/>
      <c r="E98" s="70"/>
      <c r="F98" s="70"/>
      <c r="G98" s="70"/>
      <c r="H98" s="70"/>
      <c r="I98" s="70"/>
      <c r="J98" s="70"/>
      <c r="K98" s="70"/>
      <c r="L98" s="70"/>
    </row>
    <row r="99" spans="3:12" x14ac:dyDescent="0.2">
      <c r="C99" s="70"/>
      <c r="D99" s="70"/>
      <c r="E99" s="70"/>
      <c r="F99" s="70"/>
      <c r="G99" s="70"/>
      <c r="H99" s="70"/>
      <c r="I99" s="70"/>
      <c r="J99" s="70"/>
      <c r="K99" s="70"/>
      <c r="L99" s="70"/>
    </row>
    <row r="100" spans="3:12" x14ac:dyDescent="0.2">
      <c r="C100" s="70"/>
      <c r="D100" s="70"/>
      <c r="E100" s="70"/>
      <c r="F100" s="70"/>
      <c r="G100" s="70"/>
      <c r="H100" s="70"/>
      <c r="I100" s="70"/>
      <c r="J100" s="70"/>
      <c r="K100" s="70"/>
      <c r="L100" s="70"/>
    </row>
    <row r="101" spans="3:12" x14ac:dyDescent="0.2">
      <c r="C101" s="70"/>
      <c r="D101" s="70"/>
      <c r="E101" s="70"/>
      <c r="F101" s="70"/>
      <c r="G101" s="70"/>
      <c r="H101" s="70"/>
      <c r="I101" s="70"/>
      <c r="J101" s="70"/>
      <c r="K101" s="70"/>
      <c r="L101" s="70"/>
    </row>
    <row r="102" spans="3:12" x14ac:dyDescent="0.2">
      <c r="C102" s="70"/>
      <c r="D102" s="70"/>
      <c r="E102" s="70"/>
      <c r="F102" s="70"/>
      <c r="G102" s="70"/>
      <c r="H102" s="70"/>
      <c r="I102" s="70"/>
      <c r="J102" s="70"/>
      <c r="K102" s="70"/>
      <c r="L102" s="70"/>
    </row>
    <row r="103" spans="3:12" x14ac:dyDescent="0.2">
      <c r="C103" s="70"/>
      <c r="D103" s="70"/>
      <c r="E103" s="70"/>
      <c r="F103" s="70"/>
      <c r="G103" s="70"/>
      <c r="H103" s="70"/>
      <c r="I103" s="70"/>
      <c r="J103" s="70"/>
      <c r="K103" s="70"/>
      <c r="L103" s="70"/>
    </row>
    <row r="104" spans="3:12" x14ac:dyDescent="0.2">
      <c r="C104" s="70"/>
      <c r="D104" s="70"/>
      <c r="E104" s="70"/>
      <c r="F104" s="70"/>
      <c r="G104" s="70"/>
      <c r="H104" s="70"/>
      <c r="I104" s="70"/>
      <c r="J104" s="70"/>
      <c r="K104" s="70"/>
      <c r="L104" s="70"/>
    </row>
    <row r="105" spans="3:12" x14ac:dyDescent="0.2">
      <c r="C105" s="70"/>
      <c r="D105" s="70"/>
      <c r="E105" s="70"/>
      <c r="F105" s="70"/>
      <c r="G105" s="70"/>
      <c r="H105" s="70"/>
      <c r="I105" s="70"/>
      <c r="J105" s="70"/>
      <c r="K105" s="70"/>
      <c r="L105" s="70"/>
    </row>
    <row r="106" spans="3:12" x14ac:dyDescent="0.2">
      <c r="C106" s="70"/>
      <c r="D106" s="70"/>
      <c r="E106" s="70"/>
      <c r="F106" s="70"/>
      <c r="G106" s="70"/>
      <c r="H106" s="70"/>
      <c r="I106" s="70"/>
      <c r="J106" s="70"/>
      <c r="K106" s="70"/>
      <c r="L106" s="70"/>
    </row>
    <row r="107" spans="3:12" x14ac:dyDescent="0.2">
      <c r="C107" s="70"/>
      <c r="D107" s="70"/>
      <c r="E107" s="70"/>
      <c r="F107" s="70"/>
      <c r="G107" s="70"/>
      <c r="H107" s="70"/>
      <c r="I107" s="70"/>
      <c r="J107" s="70"/>
      <c r="K107" s="70"/>
      <c r="L107" s="70"/>
    </row>
    <row r="108" spans="3:12" x14ac:dyDescent="0.2">
      <c r="C108" s="70"/>
      <c r="D108" s="70"/>
      <c r="E108" s="70"/>
      <c r="F108" s="70"/>
      <c r="G108" s="70"/>
      <c r="H108" s="70"/>
      <c r="I108" s="70"/>
      <c r="J108" s="70"/>
      <c r="K108" s="70"/>
      <c r="L108" s="70"/>
    </row>
    <row r="109" spans="3:12" x14ac:dyDescent="0.2">
      <c r="C109" s="70"/>
      <c r="D109" s="70"/>
      <c r="E109" s="70"/>
      <c r="F109" s="70"/>
      <c r="G109" s="70"/>
      <c r="H109" s="70"/>
      <c r="I109" s="70"/>
      <c r="J109" s="70"/>
      <c r="K109" s="70"/>
      <c r="L109" s="70"/>
    </row>
    <row r="110" spans="3:12" x14ac:dyDescent="0.2">
      <c r="C110" s="70"/>
      <c r="D110" s="70"/>
      <c r="E110" s="70"/>
      <c r="F110" s="70"/>
      <c r="G110" s="70"/>
      <c r="H110" s="70"/>
      <c r="I110" s="70"/>
      <c r="J110" s="70"/>
      <c r="K110" s="70"/>
      <c r="L110" s="70"/>
    </row>
    <row r="111" spans="3:12" x14ac:dyDescent="0.2">
      <c r="C111" s="70"/>
      <c r="D111" s="70"/>
      <c r="E111" s="70"/>
      <c r="F111" s="70"/>
      <c r="G111" s="70"/>
      <c r="H111" s="70"/>
      <c r="I111" s="70"/>
      <c r="J111" s="70"/>
      <c r="K111" s="70"/>
      <c r="L111" s="70"/>
    </row>
    <row r="112" spans="3:12" x14ac:dyDescent="0.2">
      <c r="C112" s="70"/>
      <c r="D112" s="70"/>
      <c r="E112" s="70"/>
      <c r="F112" s="70"/>
      <c r="G112" s="70"/>
      <c r="H112" s="70"/>
      <c r="I112" s="70"/>
      <c r="J112" s="70"/>
      <c r="K112" s="70"/>
      <c r="L112" s="70"/>
    </row>
    <row r="113" spans="3:12" x14ac:dyDescent="0.2">
      <c r="C113" s="70"/>
      <c r="D113" s="70"/>
      <c r="E113" s="70"/>
      <c r="F113" s="70"/>
      <c r="G113" s="70"/>
      <c r="H113" s="70"/>
      <c r="I113" s="70"/>
      <c r="J113" s="70"/>
      <c r="K113" s="70"/>
      <c r="L113" s="70"/>
    </row>
    <row r="114" spans="3:12" x14ac:dyDescent="0.2">
      <c r="C114" s="70"/>
      <c r="D114" s="70"/>
      <c r="E114" s="70"/>
      <c r="F114" s="70"/>
      <c r="G114" s="70"/>
      <c r="H114" s="70"/>
      <c r="I114" s="70"/>
      <c r="J114" s="70"/>
      <c r="K114" s="70"/>
      <c r="L114" s="70"/>
    </row>
    <row r="115" spans="3:12" x14ac:dyDescent="0.2">
      <c r="C115" s="70"/>
      <c r="D115" s="70"/>
      <c r="E115" s="70"/>
      <c r="F115" s="70"/>
      <c r="G115" s="70"/>
      <c r="H115" s="70"/>
      <c r="I115" s="70"/>
      <c r="J115" s="70"/>
      <c r="K115" s="70"/>
      <c r="L115" s="70"/>
    </row>
    <row r="116" spans="3:12" x14ac:dyDescent="0.2">
      <c r="C116" s="70"/>
      <c r="D116" s="70"/>
      <c r="E116" s="70"/>
      <c r="F116" s="70"/>
      <c r="G116" s="70"/>
      <c r="H116" s="70"/>
      <c r="I116" s="70"/>
      <c r="J116" s="70"/>
      <c r="K116" s="70"/>
      <c r="L116" s="70"/>
    </row>
    <row r="117" spans="3:12" x14ac:dyDescent="0.2">
      <c r="C117" s="70"/>
      <c r="D117" s="70"/>
      <c r="E117" s="70"/>
      <c r="F117" s="70"/>
      <c r="G117" s="70"/>
      <c r="H117" s="70"/>
      <c r="I117" s="70"/>
      <c r="J117" s="70"/>
      <c r="K117" s="70"/>
      <c r="L117" s="70"/>
    </row>
    <row r="118" spans="3:12" x14ac:dyDescent="0.2">
      <c r="C118" s="70"/>
      <c r="D118" s="70"/>
      <c r="E118" s="70"/>
      <c r="F118" s="70"/>
      <c r="G118" s="70"/>
      <c r="H118" s="70"/>
      <c r="I118" s="70"/>
      <c r="J118" s="70"/>
      <c r="K118" s="70"/>
      <c r="L118" s="70"/>
    </row>
    <row r="119" spans="3:12" x14ac:dyDescent="0.2">
      <c r="C119" s="70"/>
      <c r="D119" s="70"/>
      <c r="E119" s="70"/>
      <c r="F119" s="70"/>
      <c r="G119" s="70"/>
      <c r="H119" s="70"/>
      <c r="I119" s="70"/>
      <c r="J119" s="70"/>
      <c r="K119" s="70"/>
      <c r="L119" s="70"/>
    </row>
    <row r="120" spans="3:12" x14ac:dyDescent="0.2">
      <c r="C120" s="70"/>
      <c r="D120" s="70"/>
      <c r="E120" s="70"/>
      <c r="F120" s="70"/>
      <c r="G120" s="70"/>
      <c r="H120" s="70"/>
      <c r="I120" s="70"/>
      <c r="J120" s="70"/>
      <c r="K120" s="70"/>
      <c r="L120" s="70"/>
    </row>
    <row r="121" spans="3:12" x14ac:dyDescent="0.2">
      <c r="C121" s="70"/>
      <c r="D121" s="70"/>
      <c r="E121" s="70"/>
      <c r="F121" s="70"/>
      <c r="G121" s="70"/>
      <c r="H121" s="70"/>
      <c r="I121" s="70"/>
      <c r="J121" s="70"/>
      <c r="K121" s="70"/>
      <c r="L121" s="70"/>
    </row>
    <row r="122" spans="3:12" x14ac:dyDescent="0.2">
      <c r="C122" s="70"/>
      <c r="D122" s="70"/>
      <c r="E122" s="70"/>
      <c r="F122" s="70"/>
      <c r="G122" s="70"/>
      <c r="H122" s="70"/>
      <c r="I122" s="70"/>
      <c r="J122" s="70"/>
      <c r="K122" s="70"/>
      <c r="L122" s="70"/>
    </row>
    <row r="123" spans="3:12" x14ac:dyDescent="0.2">
      <c r="C123" s="70"/>
      <c r="D123" s="70"/>
      <c r="E123" s="70"/>
      <c r="F123" s="70"/>
      <c r="G123" s="70"/>
      <c r="H123" s="70"/>
      <c r="I123" s="70"/>
      <c r="J123" s="70"/>
      <c r="K123" s="70"/>
      <c r="L123" s="70"/>
    </row>
    <row r="124" spans="3:12" x14ac:dyDescent="0.2">
      <c r="C124" s="70"/>
      <c r="D124" s="70"/>
      <c r="E124" s="70"/>
      <c r="F124" s="70"/>
      <c r="G124" s="70"/>
      <c r="H124" s="70"/>
      <c r="I124" s="70"/>
      <c r="J124" s="70"/>
      <c r="K124" s="70"/>
      <c r="L124" s="70"/>
    </row>
    <row r="125" spans="3:12" x14ac:dyDescent="0.2">
      <c r="C125" s="70"/>
      <c r="D125" s="70"/>
      <c r="E125" s="70"/>
      <c r="F125" s="70"/>
      <c r="G125" s="70"/>
      <c r="H125" s="70"/>
      <c r="I125" s="70"/>
      <c r="J125" s="70"/>
      <c r="K125" s="70"/>
      <c r="L125" s="70"/>
    </row>
    <row r="126" spans="3:12" x14ac:dyDescent="0.2">
      <c r="C126" s="70"/>
      <c r="D126" s="70"/>
      <c r="E126" s="70"/>
      <c r="F126" s="70"/>
      <c r="G126" s="70"/>
      <c r="H126" s="70"/>
      <c r="I126" s="70"/>
      <c r="J126" s="70"/>
      <c r="K126" s="70"/>
      <c r="L126" s="70"/>
    </row>
    <row r="127" spans="3:12" x14ac:dyDescent="0.2">
      <c r="C127" s="70"/>
      <c r="D127" s="70"/>
      <c r="E127" s="70"/>
      <c r="F127" s="70"/>
      <c r="G127" s="70"/>
      <c r="H127" s="70"/>
      <c r="I127" s="70"/>
      <c r="J127" s="70"/>
      <c r="K127" s="70"/>
      <c r="L127" s="70"/>
    </row>
    <row r="128" spans="3:12" x14ac:dyDescent="0.2">
      <c r="C128" s="70"/>
      <c r="D128" s="70"/>
      <c r="E128" s="70"/>
      <c r="F128" s="70"/>
      <c r="G128" s="70"/>
      <c r="H128" s="70"/>
      <c r="I128" s="70"/>
      <c r="J128" s="70"/>
      <c r="K128" s="70"/>
      <c r="L128" s="70"/>
    </row>
    <row r="129" spans="3:12" x14ac:dyDescent="0.2">
      <c r="C129" s="70"/>
      <c r="D129" s="70"/>
      <c r="E129" s="70"/>
      <c r="F129" s="70"/>
      <c r="G129" s="70"/>
      <c r="H129" s="70"/>
      <c r="I129" s="70"/>
      <c r="J129" s="70"/>
      <c r="K129" s="70"/>
      <c r="L129" s="70"/>
    </row>
    <row r="130" spans="3:12" x14ac:dyDescent="0.2">
      <c r="C130" s="70"/>
      <c r="D130" s="70"/>
      <c r="E130" s="70"/>
      <c r="F130" s="70"/>
      <c r="G130" s="70"/>
      <c r="H130" s="70"/>
      <c r="I130" s="70"/>
      <c r="J130" s="70"/>
      <c r="K130" s="70"/>
      <c r="L130" s="70"/>
    </row>
    <row r="131" spans="3:12" x14ac:dyDescent="0.2">
      <c r="C131" s="70"/>
      <c r="D131" s="70"/>
      <c r="E131" s="70"/>
      <c r="F131" s="70"/>
      <c r="G131" s="70"/>
      <c r="H131" s="70"/>
      <c r="I131" s="70"/>
      <c r="J131" s="70"/>
      <c r="K131" s="70"/>
      <c r="L131" s="70"/>
    </row>
    <row r="132" spans="3:12" x14ac:dyDescent="0.2">
      <c r="C132" s="70"/>
      <c r="D132" s="70"/>
      <c r="E132" s="70"/>
      <c r="F132" s="70"/>
      <c r="G132" s="70"/>
      <c r="H132" s="70"/>
      <c r="I132" s="70"/>
      <c r="J132" s="70"/>
      <c r="K132" s="70"/>
      <c r="L132" s="70"/>
    </row>
    <row r="133" spans="3:12" x14ac:dyDescent="0.2">
      <c r="C133" s="70"/>
      <c r="D133" s="70"/>
      <c r="E133" s="70"/>
      <c r="F133" s="70"/>
      <c r="G133" s="70"/>
      <c r="H133" s="70"/>
      <c r="I133" s="70"/>
      <c r="J133" s="70"/>
      <c r="K133" s="70"/>
      <c r="L133" s="70"/>
    </row>
    <row r="134" spans="3:12" x14ac:dyDescent="0.2">
      <c r="C134" s="70"/>
      <c r="D134" s="70"/>
      <c r="E134" s="70"/>
      <c r="F134" s="70"/>
      <c r="G134" s="70"/>
      <c r="H134" s="70"/>
      <c r="I134" s="70"/>
      <c r="J134" s="70"/>
      <c r="K134" s="70"/>
      <c r="L134" s="70"/>
    </row>
    <row r="135" spans="3:12" x14ac:dyDescent="0.2">
      <c r="C135" s="70"/>
      <c r="D135" s="70"/>
      <c r="E135" s="70"/>
      <c r="F135" s="70"/>
      <c r="G135" s="70"/>
      <c r="H135" s="70"/>
      <c r="I135" s="70"/>
      <c r="J135" s="70"/>
      <c r="K135" s="70"/>
      <c r="L135" s="70"/>
    </row>
    <row r="136" spans="3:12" x14ac:dyDescent="0.2">
      <c r="C136" s="70"/>
      <c r="D136" s="70"/>
      <c r="E136" s="70"/>
      <c r="F136" s="70"/>
      <c r="G136" s="70"/>
      <c r="H136" s="70"/>
      <c r="I136" s="70"/>
      <c r="J136" s="70"/>
      <c r="K136" s="70"/>
      <c r="L136" s="70"/>
    </row>
    <row r="137" spans="3:12" x14ac:dyDescent="0.2">
      <c r="C137" s="70"/>
      <c r="D137" s="70"/>
      <c r="E137" s="70"/>
      <c r="F137" s="70"/>
      <c r="G137" s="70"/>
      <c r="H137" s="70"/>
      <c r="I137" s="70"/>
      <c r="J137" s="70"/>
      <c r="K137" s="70"/>
      <c r="L137" s="70"/>
    </row>
    <row r="138" spans="3:12" x14ac:dyDescent="0.2">
      <c r="C138" s="70"/>
      <c r="D138" s="70"/>
      <c r="E138" s="70"/>
      <c r="F138" s="70"/>
      <c r="G138" s="70"/>
      <c r="H138" s="70"/>
      <c r="I138" s="70"/>
      <c r="J138" s="70"/>
      <c r="K138" s="70"/>
      <c r="L138" s="70"/>
    </row>
    <row r="139" spans="3:12" x14ac:dyDescent="0.2">
      <c r="C139" s="70"/>
      <c r="D139" s="70"/>
      <c r="E139" s="70"/>
      <c r="F139" s="70"/>
      <c r="G139" s="70"/>
      <c r="H139" s="70"/>
      <c r="I139" s="70"/>
      <c r="J139" s="70"/>
      <c r="K139" s="70"/>
      <c r="L139" s="70"/>
    </row>
    <row r="140" spans="3:12" x14ac:dyDescent="0.2">
      <c r="C140" s="70"/>
      <c r="D140" s="70"/>
      <c r="E140" s="70"/>
      <c r="F140" s="70"/>
      <c r="G140" s="70"/>
      <c r="H140" s="70"/>
      <c r="I140" s="70"/>
      <c r="J140" s="70"/>
      <c r="K140" s="70"/>
      <c r="L140" s="70"/>
    </row>
    <row r="141" spans="3:12" x14ac:dyDescent="0.2">
      <c r="C141" s="70"/>
      <c r="D141" s="70"/>
      <c r="E141" s="70"/>
      <c r="F141" s="70"/>
      <c r="G141" s="70"/>
      <c r="H141" s="70"/>
      <c r="I141" s="70"/>
      <c r="J141" s="70"/>
      <c r="K141" s="70"/>
      <c r="L141" s="70"/>
    </row>
    <row r="142" spans="3:12" x14ac:dyDescent="0.2">
      <c r="C142" s="70"/>
      <c r="D142" s="70"/>
      <c r="E142" s="70"/>
      <c r="F142" s="70"/>
      <c r="G142" s="70"/>
      <c r="H142" s="70"/>
      <c r="I142" s="70"/>
      <c r="J142" s="70"/>
      <c r="K142" s="70"/>
      <c r="L142" s="70"/>
    </row>
    <row r="143" spans="3:12" x14ac:dyDescent="0.2">
      <c r="C143" s="70"/>
      <c r="D143" s="70"/>
      <c r="E143" s="70"/>
      <c r="F143" s="70"/>
      <c r="G143" s="70"/>
      <c r="H143" s="70"/>
      <c r="I143" s="70"/>
      <c r="J143" s="70"/>
      <c r="K143" s="70"/>
      <c r="L143" s="70"/>
    </row>
    <row r="144" spans="3:12" x14ac:dyDescent="0.2">
      <c r="C144" s="70"/>
      <c r="D144" s="70"/>
      <c r="E144" s="70"/>
      <c r="F144" s="70"/>
      <c r="G144" s="70"/>
      <c r="H144" s="70"/>
      <c r="I144" s="70"/>
      <c r="J144" s="70"/>
      <c r="K144" s="70"/>
      <c r="L144" s="70"/>
    </row>
    <row r="145" spans="3:12" x14ac:dyDescent="0.2">
      <c r="C145" s="70"/>
      <c r="D145" s="70"/>
      <c r="E145" s="70"/>
      <c r="F145" s="70"/>
      <c r="G145" s="70"/>
      <c r="H145" s="70"/>
      <c r="I145" s="70"/>
      <c r="J145" s="70"/>
      <c r="K145" s="70"/>
      <c r="L145" s="70"/>
    </row>
    <row r="146" spans="3:12" x14ac:dyDescent="0.2">
      <c r="C146" s="70"/>
      <c r="D146" s="70"/>
      <c r="E146" s="70"/>
      <c r="F146" s="70"/>
      <c r="G146" s="70"/>
      <c r="H146" s="70"/>
      <c r="I146" s="70"/>
      <c r="J146" s="70"/>
      <c r="K146" s="70"/>
      <c r="L146" s="70"/>
    </row>
    <row r="147" spans="3:12" x14ac:dyDescent="0.2">
      <c r="C147" s="70"/>
      <c r="D147" s="70"/>
      <c r="E147" s="70"/>
      <c r="F147" s="70"/>
      <c r="G147" s="70"/>
      <c r="H147" s="70"/>
      <c r="I147" s="70"/>
      <c r="J147" s="70"/>
      <c r="K147" s="70"/>
      <c r="L147" s="70"/>
    </row>
    <row r="148" spans="3:12" x14ac:dyDescent="0.2">
      <c r="C148" s="70"/>
      <c r="D148" s="70"/>
      <c r="E148" s="70"/>
      <c r="F148" s="70"/>
      <c r="G148" s="70"/>
      <c r="H148" s="70"/>
      <c r="I148" s="70"/>
      <c r="J148" s="70"/>
      <c r="K148" s="70"/>
      <c r="L148" s="70"/>
    </row>
    <row r="149" spans="3:12" x14ac:dyDescent="0.2">
      <c r="C149" s="70"/>
      <c r="D149" s="70"/>
      <c r="E149" s="70"/>
      <c r="F149" s="70"/>
      <c r="G149" s="70"/>
      <c r="H149" s="70"/>
      <c r="I149" s="70"/>
      <c r="J149" s="70"/>
      <c r="K149" s="70"/>
      <c r="L149" s="70"/>
    </row>
    <row r="150" spans="3:12" x14ac:dyDescent="0.2">
      <c r="C150" s="70"/>
      <c r="D150" s="70"/>
      <c r="E150" s="70"/>
      <c r="F150" s="70"/>
      <c r="G150" s="70"/>
      <c r="H150" s="70"/>
      <c r="I150" s="70"/>
      <c r="J150" s="70"/>
      <c r="K150" s="70"/>
      <c r="L150" s="70"/>
    </row>
    <row r="151" spans="3:12" x14ac:dyDescent="0.2">
      <c r="C151" s="70"/>
      <c r="D151" s="70"/>
      <c r="E151" s="70"/>
      <c r="F151" s="70"/>
      <c r="G151" s="70"/>
      <c r="H151" s="70"/>
      <c r="I151" s="70"/>
      <c r="J151" s="70"/>
      <c r="K151" s="70"/>
      <c r="L151" s="70"/>
    </row>
    <row r="152" spans="3:12" x14ac:dyDescent="0.2">
      <c r="C152" s="70"/>
      <c r="D152" s="70"/>
      <c r="E152" s="70"/>
      <c r="F152" s="70"/>
      <c r="G152" s="70"/>
      <c r="H152" s="70"/>
      <c r="I152" s="70"/>
      <c r="J152" s="70"/>
      <c r="K152" s="70"/>
      <c r="L152" s="70"/>
    </row>
    <row r="153" spans="3:12" x14ac:dyDescent="0.2">
      <c r="C153" s="70"/>
      <c r="D153" s="70"/>
      <c r="E153" s="70"/>
      <c r="F153" s="70"/>
      <c r="G153" s="70"/>
      <c r="H153" s="70"/>
      <c r="I153" s="70"/>
      <c r="J153" s="70"/>
      <c r="K153" s="70"/>
      <c r="L153" s="70"/>
    </row>
    <row r="154" spans="3:12" x14ac:dyDescent="0.2">
      <c r="C154" s="70"/>
      <c r="D154" s="70"/>
      <c r="E154" s="70"/>
      <c r="F154" s="70"/>
      <c r="G154" s="70"/>
      <c r="H154" s="70"/>
      <c r="I154" s="70"/>
      <c r="J154" s="70"/>
      <c r="K154" s="70"/>
      <c r="L154" s="70"/>
    </row>
    <row r="155" spans="3:12" x14ac:dyDescent="0.2">
      <c r="C155" s="70"/>
      <c r="D155" s="70"/>
      <c r="E155" s="70"/>
      <c r="F155" s="70"/>
      <c r="G155" s="70"/>
      <c r="H155" s="70"/>
      <c r="I155" s="70"/>
      <c r="J155" s="70"/>
      <c r="K155" s="70"/>
      <c r="L155" s="70"/>
    </row>
    <row r="156" spans="3:12" x14ac:dyDescent="0.2">
      <c r="C156" s="70"/>
      <c r="D156" s="70"/>
      <c r="E156" s="70"/>
      <c r="F156" s="70"/>
      <c r="G156" s="70"/>
      <c r="H156" s="70"/>
      <c r="I156" s="70"/>
      <c r="J156" s="70"/>
      <c r="K156" s="70"/>
      <c r="L156" s="70"/>
    </row>
    <row r="157" spans="3:12" x14ac:dyDescent="0.2">
      <c r="C157" s="70"/>
      <c r="D157" s="70"/>
      <c r="E157" s="70"/>
      <c r="F157" s="70"/>
      <c r="G157" s="70"/>
      <c r="H157" s="70"/>
      <c r="I157" s="70"/>
      <c r="J157" s="70"/>
      <c r="K157" s="70"/>
      <c r="L157" s="70"/>
    </row>
    <row r="158" spans="3:12" x14ac:dyDescent="0.2">
      <c r="C158" s="70"/>
      <c r="D158" s="70"/>
      <c r="E158" s="70"/>
      <c r="F158" s="70"/>
      <c r="G158" s="70"/>
      <c r="H158" s="70"/>
      <c r="I158" s="70"/>
      <c r="J158" s="70"/>
      <c r="K158" s="70"/>
      <c r="L158" s="70"/>
    </row>
    <row r="159" spans="3:12" x14ac:dyDescent="0.2">
      <c r="C159" s="70"/>
      <c r="D159" s="70"/>
      <c r="E159" s="70"/>
      <c r="F159" s="70"/>
      <c r="G159" s="70"/>
      <c r="H159" s="70"/>
      <c r="I159" s="70"/>
      <c r="J159" s="70"/>
      <c r="K159" s="70"/>
      <c r="L159" s="70"/>
    </row>
    <row r="160" spans="3:12" x14ac:dyDescent="0.2">
      <c r="C160" s="70"/>
      <c r="D160" s="70"/>
      <c r="E160" s="70"/>
      <c r="F160" s="70"/>
      <c r="G160" s="70"/>
      <c r="H160" s="70"/>
      <c r="I160" s="70"/>
      <c r="J160" s="70"/>
      <c r="K160" s="70"/>
      <c r="L160" s="70"/>
    </row>
    <row r="161" spans="3:12" x14ac:dyDescent="0.2">
      <c r="C161" s="70"/>
      <c r="D161" s="70"/>
      <c r="E161" s="70"/>
      <c r="F161" s="70"/>
      <c r="G161" s="70"/>
      <c r="H161" s="70"/>
      <c r="I161" s="70"/>
      <c r="J161" s="70"/>
      <c r="K161" s="70"/>
      <c r="L161" s="70"/>
    </row>
    <row r="162" spans="3:12" x14ac:dyDescent="0.2">
      <c r="C162" s="70"/>
      <c r="D162" s="70"/>
      <c r="E162" s="70"/>
      <c r="F162" s="70"/>
      <c r="G162" s="70"/>
      <c r="H162" s="70"/>
      <c r="I162" s="70"/>
      <c r="J162" s="70"/>
      <c r="K162" s="70"/>
      <c r="L162" s="70"/>
    </row>
    <row r="163" spans="3:12" x14ac:dyDescent="0.2">
      <c r="C163" s="70"/>
      <c r="D163" s="70"/>
      <c r="E163" s="70"/>
      <c r="F163" s="70"/>
      <c r="G163" s="70"/>
      <c r="H163" s="70"/>
      <c r="I163" s="70"/>
      <c r="J163" s="70"/>
      <c r="K163" s="70"/>
      <c r="L163" s="70"/>
    </row>
    <row r="164" spans="3:12" x14ac:dyDescent="0.2">
      <c r="C164" s="70"/>
      <c r="D164" s="70"/>
      <c r="E164" s="70"/>
      <c r="F164" s="70"/>
      <c r="G164" s="70"/>
      <c r="H164" s="70"/>
      <c r="I164" s="70"/>
      <c r="J164" s="70"/>
      <c r="K164" s="70"/>
      <c r="L164" s="70"/>
    </row>
    <row r="165" spans="3:12" x14ac:dyDescent="0.2">
      <c r="C165" s="70"/>
      <c r="D165" s="70"/>
      <c r="E165" s="70"/>
      <c r="F165" s="70"/>
      <c r="G165" s="70"/>
      <c r="H165" s="70"/>
      <c r="I165" s="70"/>
      <c r="J165" s="70"/>
      <c r="K165" s="70"/>
      <c r="L165" s="70"/>
    </row>
    <row r="166" spans="3:12" x14ac:dyDescent="0.2">
      <c r="C166" s="70"/>
      <c r="D166" s="70"/>
      <c r="E166" s="70"/>
      <c r="F166" s="70"/>
      <c r="G166" s="70"/>
      <c r="H166" s="70"/>
      <c r="I166" s="70"/>
      <c r="J166" s="70"/>
      <c r="K166" s="70"/>
      <c r="L166" s="70"/>
    </row>
    <row r="167" spans="3:12" x14ac:dyDescent="0.2">
      <c r="C167" s="70"/>
      <c r="D167" s="70"/>
      <c r="E167" s="70"/>
      <c r="F167" s="70"/>
      <c r="G167" s="70"/>
      <c r="H167" s="70"/>
      <c r="I167" s="70"/>
      <c r="J167" s="70"/>
      <c r="K167" s="70"/>
      <c r="L167" s="70"/>
    </row>
    <row r="168" spans="3:12" x14ac:dyDescent="0.2">
      <c r="C168" s="70"/>
      <c r="D168" s="70"/>
      <c r="E168" s="70"/>
      <c r="F168" s="70"/>
      <c r="G168" s="70"/>
      <c r="H168" s="70"/>
      <c r="I168" s="70"/>
      <c r="J168" s="70"/>
      <c r="K168" s="70"/>
      <c r="L168" s="70"/>
    </row>
    <row r="169" spans="3:12" x14ac:dyDescent="0.2">
      <c r="C169" s="70"/>
      <c r="D169" s="70"/>
      <c r="E169" s="70"/>
      <c r="F169" s="70"/>
      <c r="G169" s="70"/>
      <c r="H169" s="70"/>
      <c r="I169" s="70"/>
      <c r="J169" s="70"/>
      <c r="K169" s="70"/>
      <c r="L169" s="70"/>
    </row>
    <row r="170" spans="3:12" x14ac:dyDescent="0.2">
      <c r="C170" s="70"/>
      <c r="D170" s="70"/>
      <c r="E170" s="70"/>
      <c r="F170" s="70"/>
      <c r="G170" s="70"/>
      <c r="H170" s="70"/>
      <c r="I170" s="70"/>
      <c r="J170" s="70"/>
      <c r="K170" s="70"/>
      <c r="L170" s="70"/>
    </row>
    <row r="171" spans="3:12" x14ac:dyDescent="0.2">
      <c r="C171" s="70"/>
      <c r="D171" s="70"/>
      <c r="E171" s="70"/>
      <c r="F171" s="70"/>
      <c r="G171" s="70"/>
      <c r="H171" s="70"/>
      <c r="I171" s="70"/>
      <c r="J171" s="70"/>
      <c r="K171" s="70"/>
      <c r="L171" s="70"/>
    </row>
    <row r="172" spans="3:12" x14ac:dyDescent="0.2">
      <c r="C172" s="70"/>
      <c r="D172" s="70"/>
      <c r="E172" s="70"/>
      <c r="F172" s="70"/>
      <c r="G172" s="70"/>
      <c r="H172" s="70"/>
      <c r="I172" s="70"/>
      <c r="J172" s="70"/>
      <c r="K172" s="70"/>
      <c r="L172" s="70"/>
    </row>
    <row r="173" spans="3:12" x14ac:dyDescent="0.2">
      <c r="C173" s="70"/>
      <c r="D173" s="70"/>
      <c r="E173" s="70"/>
      <c r="F173" s="70"/>
      <c r="G173" s="70"/>
      <c r="H173" s="70"/>
      <c r="I173" s="70"/>
      <c r="J173" s="70"/>
      <c r="K173" s="70"/>
      <c r="L173" s="70"/>
    </row>
    <row r="174" spans="3:12" x14ac:dyDescent="0.2">
      <c r="C174" s="70"/>
      <c r="D174" s="70"/>
      <c r="E174" s="70"/>
      <c r="F174" s="70"/>
      <c r="G174" s="70"/>
      <c r="H174" s="70"/>
      <c r="I174" s="70"/>
      <c r="J174" s="70"/>
      <c r="K174" s="70"/>
      <c r="L174" s="70"/>
    </row>
    <row r="175" spans="3:12" x14ac:dyDescent="0.2">
      <c r="C175" s="70"/>
      <c r="D175" s="70"/>
      <c r="E175" s="70"/>
      <c r="F175" s="70"/>
      <c r="G175" s="70"/>
      <c r="H175" s="70"/>
      <c r="I175" s="70"/>
      <c r="J175" s="70"/>
      <c r="K175" s="70"/>
      <c r="L175" s="70"/>
    </row>
    <row r="176" spans="3:12" x14ac:dyDescent="0.2">
      <c r="C176" s="70"/>
      <c r="D176" s="70"/>
      <c r="E176" s="70"/>
      <c r="F176" s="70"/>
      <c r="G176" s="70"/>
      <c r="H176" s="70"/>
      <c r="I176" s="70"/>
      <c r="J176" s="70"/>
      <c r="K176" s="70"/>
      <c r="L176" s="70"/>
    </row>
    <row r="177" spans="3:12" x14ac:dyDescent="0.2">
      <c r="C177" s="70"/>
      <c r="D177" s="70"/>
      <c r="E177" s="70"/>
      <c r="F177" s="70"/>
      <c r="G177" s="70"/>
      <c r="H177" s="70"/>
      <c r="I177" s="70"/>
      <c r="J177" s="70"/>
      <c r="K177" s="70"/>
      <c r="L177" s="70"/>
    </row>
    <row r="178" spans="3:12" x14ac:dyDescent="0.2">
      <c r="C178" s="70"/>
      <c r="D178" s="70"/>
      <c r="E178" s="70"/>
      <c r="F178" s="70"/>
      <c r="G178" s="70"/>
      <c r="H178" s="70"/>
      <c r="I178" s="70"/>
      <c r="J178" s="70"/>
      <c r="K178" s="70"/>
      <c r="L178" s="70"/>
    </row>
    <row r="179" spans="3:12" x14ac:dyDescent="0.2">
      <c r="C179" s="70"/>
      <c r="D179" s="70"/>
      <c r="E179" s="70"/>
      <c r="F179" s="70"/>
      <c r="G179" s="70"/>
      <c r="H179" s="70"/>
      <c r="I179" s="70"/>
      <c r="J179" s="70"/>
      <c r="K179" s="70"/>
      <c r="L179" s="70"/>
    </row>
    <row r="180" spans="3:12" x14ac:dyDescent="0.2">
      <c r="C180" s="70"/>
      <c r="D180" s="70"/>
      <c r="E180" s="70"/>
      <c r="F180" s="70"/>
      <c r="G180" s="70"/>
      <c r="H180" s="70"/>
      <c r="I180" s="70"/>
      <c r="J180" s="70"/>
      <c r="K180" s="70"/>
      <c r="L180" s="70"/>
    </row>
    <row r="181" spans="3:12" x14ac:dyDescent="0.2">
      <c r="C181" s="70"/>
      <c r="D181" s="70"/>
      <c r="E181" s="70"/>
      <c r="F181" s="70"/>
      <c r="G181" s="70"/>
      <c r="H181" s="70"/>
      <c r="I181" s="70"/>
      <c r="J181" s="70"/>
      <c r="K181" s="70"/>
      <c r="L181" s="70"/>
    </row>
    <row r="182" spans="3:12" x14ac:dyDescent="0.2">
      <c r="C182" s="70"/>
      <c r="D182" s="70"/>
      <c r="E182" s="70"/>
      <c r="F182" s="70"/>
      <c r="G182" s="70"/>
      <c r="H182" s="70"/>
      <c r="I182" s="70"/>
      <c r="J182" s="70"/>
      <c r="K182" s="70"/>
      <c r="L182" s="70"/>
    </row>
    <row r="183" spans="3:12" x14ac:dyDescent="0.2">
      <c r="C183" s="70"/>
      <c r="D183" s="70"/>
      <c r="E183" s="70"/>
      <c r="F183" s="70"/>
      <c r="G183" s="70"/>
      <c r="H183" s="70"/>
      <c r="I183" s="70"/>
      <c r="J183" s="70"/>
      <c r="K183" s="70"/>
      <c r="L183" s="70"/>
    </row>
    <row r="184" spans="3:12" x14ac:dyDescent="0.2">
      <c r="C184" s="70"/>
      <c r="D184" s="70"/>
      <c r="E184" s="70"/>
      <c r="F184" s="70"/>
      <c r="G184" s="70"/>
      <c r="H184" s="70"/>
      <c r="I184" s="70"/>
      <c r="J184" s="70"/>
      <c r="K184" s="70"/>
      <c r="L184" s="70"/>
    </row>
    <row r="185" spans="3:12" x14ac:dyDescent="0.2">
      <c r="C185" s="70"/>
      <c r="D185" s="70"/>
      <c r="E185" s="70"/>
      <c r="F185" s="70"/>
      <c r="G185" s="70"/>
      <c r="H185" s="70"/>
      <c r="I185" s="70"/>
      <c r="J185" s="70"/>
      <c r="K185" s="70"/>
      <c r="L185" s="70"/>
    </row>
    <row r="186" spans="3:12" x14ac:dyDescent="0.2">
      <c r="C186" s="70"/>
      <c r="D186" s="70"/>
      <c r="E186" s="70"/>
      <c r="F186" s="70"/>
      <c r="G186" s="70"/>
      <c r="H186" s="70"/>
      <c r="I186" s="70"/>
      <c r="J186" s="70"/>
      <c r="K186" s="70"/>
      <c r="L186" s="70"/>
    </row>
    <row r="187" spans="3:12" x14ac:dyDescent="0.2">
      <c r="C187" s="70"/>
      <c r="D187" s="70"/>
      <c r="E187" s="70"/>
      <c r="F187" s="70"/>
      <c r="G187" s="70"/>
      <c r="H187" s="70"/>
      <c r="I187" s="70"/>
      <c r="J187" s="70"/>
      <c r="K187" s="70"/>
      <c r="L187" s="70"/>
    </row>
    <row r="188" spans="3:12" x14ac:dyDescent="0.2">
      <c r="C188" s="70"/>
      <c r="D188" s="70"/>
      <c r="E188" s="70"/>
      <c r="F188" s="70"/>
      <c r="G188" s="70"/>
      <c r="H188" s="70"/>
      <c r="I188" s="70"/>
      <c r="J188" s="70"/>
      <c r="K188" s="70"/>
      <c r="L188" s="70"/>
    </row>
    <row r="189" spans="3:12" x14ac:dyDescent="0.2">
      <c r="C189" s="70"/>
      <c r="D189" s="70"/>
      <c r="E189" s="70"/>
      <c r="F189" s="70"/>
      <c r="G189" s="70"/>
      <c r="H189" s="70"/>
      <c r="I189" s="70"/>
      <c r="J189" s="70"/>
      <c r="K189" s="70"/>
      <c r="L189" s="70"/>
    </row>
    <row r="190" spans="3:12" x14ac:dyDescent="0.2">
      <c r="C190" s="70"/>
      <c r="D190" s="70"/>
      <c r="E190" s="70"/>
      <c r="F190" s="70"/>
      <c r="G190" s="70"/>
      <c r="H190" s="70"/>
      <c r="I190" s="70"/>
      <c r="J190" s="70"/>
      <c r="K190" s="70"/>
      <c r="L190" s="70"/>
    </row>
    <row r="191" spans="3:12" x14ac:dyDescent="0.2">
      <c r="C191" s="70"/>
      <c r="D191" s="70"/>
      <c r="E191" s="70"/>
      <c r="F191" s="70"/>
      <c r="G191" s="70"/>
      <c r="H191" s="70"/>
      <c r="I191" s="70"/>
      <c r="J191" s="70"/>
      <c r="K191" s="70"/>
      <c r="L191" s="70"/>
    </row>
    <row r="192" spans="3:12" x14ac:dyDescent="0.2">
      <c r="C192" s="70"/>
      <c r="D192" s="70"/>
      <c r="E192" s="70"/>
      <c r="F192" s="70"/>
      <c r="G192" s="70"/>
      <c r="H192" s="70"/>
      <c r="I192" s="70"/>
      <c r="J192" s="70"/>
      <c r="K192" s="70"/>
      <c r="L192" s="70"/>
    </row>
    <row r="193" spans="3:12" x14ac:dyDescent="0.2">
      <c r="C193" s="70"/>
      <c r="D193" s="70"/>
      <c r="E193" s="70"/>
      <c r="F193" s="70"/>
      <c r="G193" s="70"/>
      <c r="H193" s="70"/>
      <c r="I193" s="70"/>
      <c r="J193" s="70"/>
      <c r="K193" s="70"/>
      <c r="L193" s="70"/>
    </row>
    <row r="194" spans="3:12" x14ac:dyDescent="0.2">
      <c r="C194" s="70"/>
      <c r="D194" s="70"/>
      <c r="E194" s="70"/>
      <c r="F194" s="70"/>
      <c r="G194" s="70"/>
      <c r="H194" s="70"/>
      <c r="I194" s="70"/>
      <c r="J194" s="70"/>
      <c r="K194" s="70"/>
      <c r="L194" s="70"/>
    </row>
    <row r="195" spans="3:12" x14ac:dyDescent="0.2">
      <c r="C195" s="70"/>
      <c r="D195" s="70"/>
      <c r="E195" s="70"/>
      <c r="F195" s="70"/>
      <c r="G195" s="70"/>
      <c r="H195" s="70"/>
      <c r="I195" s="70"/>
      <c r="J195" s="70"/>
      <c r="K195" s="70"/>
      <c r="L195" s="70"/>
    </row>
    <row r="196" spans="3:12" x14ac:dyDescent="0.2">
      <c r="C196" s="70"/>
      <c r="D196" s="70"/>
      <c r="E196" s="70"/>
      <c r="F196" s="70"/>
      <c r="G196" s="70"/>
      <c r="H196" s="70"/>
      <c r="I196" s="70"/>
      <c r="J196" s="70"/>
      <c r="K196" s="70"/>
      <c r="L196" s="70"/>
    </row>
    <row r="197" spans="3:12" x14ac:dyDescent="0.2">
      <c r="C197" s="70"/>
      <c r="D197" s="70"/>
      <c r="E197" s="70"/>
      <c r="F197" s="70"/>
      <c r="G197" s="70"/>
      <c r="H197" s="70"/>
      <c r="I197" s="70"/>
      <c r="J197" s="70"/>
      <c r="K197" s="70"/>
      <c r="L197" s="70"/>
    </row>
    <row r="198" spans="3:12" x14ac:dyDescent="0.2">
      <c r="C198" s="70"/>
      <c r="D198" s="70"/>
      <c r="E198" s="70"/>
      <c r="F198" s="70"/>
      <c r="G198" s="70"/>
      <c r="H198" s="70"/>
      <c r="I198" s="70"/>
      <c r="J198" s="70"/>
      <c r="K198" s="70"/>
      <c r="L198" s="70"/>
    </row>
    <row r="199" spans="3:12" x14ac:dyDescent="0.2">
      <c r="C199" s="70"/>
      <c r="D199" s="70"/>
      <c r="E199" s="70"/>
      <c r="F199" s="70"/>
      <c r="G199" s="70"/>
      <c r="H199" s="70"/>
      <c r="I199" s="70"/>
      <c r="J199" s="70"/>
      <c r="K199" s="70"/>
      <c r="L199" s="70"/>
    </row>
    <row r="200" spans="3:12" x14ac:dyDescent="0.2">
      <c r="C200" s="70"/>
      <c r="D200" s="70"/>
      <c r="E200" s="70"/>
      <c r="F200" s="70"/>
      <c r="G200" s="70"/>
      <c r="H200" s="70"/>
      <c r="I200" s="70"/>
      <c r="J200" s="70"/>
      <c r="K200" s="70"/>
      <c r="L200" s="70"/>
    </row>
    <row r="201" spans="3:12" x14ac:dyDescent="0.2">
      <c r="C201" s="70"/>
      <c r="D201" s="70"/>
      <c r="E201" s="70"/>
      <c r="F201" s="70"/>
      <c r="G201" s="70"/>
      <c r="H201" s="70"/>
      <c r="I201" s="70"/>
      <c r="J201" s="70"/>
      <c r="K201" s="70"/>
      <c r="L201" s="70"/>
    </row>
    <row r="202" spans="3:12" x14ac:dyDescent="0.2">
      <c r="C202" s="70"/>
      <c r="D202" s="70"/>
      <c r="E202" s="70"/>
      <c r="F202" s="70"/>
      <c r="G202" s="70"/>
      <c r="H202" s="70"/>
      <c r="I202" s="70"/>
      <c r="J202" s="70"/>
      <c r="K202" s="70"/>
      <c r="L202" s="70"/>
    </row>
    <row r="203" spans="3:12" x14ac:dyDescent="0.2">
      <c r="C203" s="70"/>
      <c r="D203" s="70"/>
      <c r="E203" s="70"/>
      <c r="F203" s="70"/>
      <c r="G203" s="70"/>
      <c r="H203" s="70"/>
      <c r="I203" s="70"/>
      <c r="J203" s="70"/>
      <c r="K203" s="70"/>
      <c r="L203" s="70"/>
    </row>
    <row r="204" spans="3:12" x14ac:dyDescent="0.2">
      <c r="C204" s="70"/>
      <c r="D204" s="70"/>
      <c r="E204" s="70"/>
      <c r="F204" s="70"/>
      <c r="G204" s="70"/>
      <c r="H204" s="70"/>
      <c r="I204" s="70"/>
      <c r="J204" s="70"/>
      <c r="K204" s="70"/>
      <c r="L204" s="70"/>
    </row>
    <row r="205" spans="3:12" x14ac:dyDescent="0.2">
      <c r="C205" s="70"/>
      <c r="D205" s="70"/>
      <c r="E205" s="70"/>
      <c r="F205" s="70"/>
      <c r="G205" s="70"/>
      <c r="H205" s="70"/>
      <c r="I205" s="70"/>
      <c r="J205" s="70"/>
      <c r="K205" s="70"/>
      <c r="L205" s="70"/>
    </row>
    <row r="206" spans="3:12" x14ac:dyDescent="0.2">
      <c r="C206" s="70"/>
      <c r="D206" s="70"/>
      <c r="E206" s="70"/>
      <c r="F206" s="70"/>
      <c r="G206" s="70"/>
      <c r="H206" s="70"/>
      <c r="I206" s="70"/>
      <c r="J206" s="70"/>
      <c r="K206" s="70"/>
      <c r="L206" s="70"/>
    </row>
    <row r="207" spans="3:12" x14ac:dyDescent="0.2">
      <c r="C207" s="70"/>
      <c r="D207" s="70"/>
      <c r="E207" s="70"/>
      <c r="F207" s="70"/>
      <c r="G207" s="70"/>
      <c r="H207" s="70"/>
      <c r="I207" s="70"/>
      <c r="J207" s="70"/>
      <c r="K207" s="70"/>
      <c r="L207" s="70"/>
    </row>
    <row r="208" spans="3:12" x14ac:dyDescent="0.2">
      <c r="C208" s="70"/>
      <c r="D208" s="70"/>
      <c r="E208" s="70"/>
      <c r="F208" s="70"/>
      <c r="G208" s="70"/>
      <c r="H208" s="70"/>
      <c r="I208" s="70"/>
      <c r="J208" s="70"/>
      <c r="K208" s="70"/>
      <c r="L208" s="70"/>
    </row>
    <row r="209" spans="3:12" x14ac:dyDescent="0.2">
      <c r="C209" s="70"/>
      <c r="D209" s="70"/>
      <c r="E209" s="70"/>
      <c r="F209" s="70"/>
      <c r="G209" s="70"/>
      <c r="H209" s="70"/>
      <c r="I209" s="70"/>
      <c r="J209" s="70"/>
      <c r="K209" s="70"/>
      <c r="L209" s="70"/>
    </row>
    <row r="210" spans="3:12" x14ac:dyDescent="0.2">
      <c r="C210" s="70"/>
      <c r="D210" s="70"/>
      <c r="E210" s="70"/>
      <c r="F210" s="70"/>
      <c r="G210" s="70"/>
      <c r="H210" s="70"/>
      <c r="I210" s="70"/>
      <c r="J210" s="70"/>
      <c r="K210" s="70"/>
      <c r="L210" s="70"/>
    </row>
    <row r="211" spans="3:12" x14ac:dyDescent="0.2">
      <c r="C211" s="70"/>
      <c r="D211" s="70"/>
      <c r="E211" s="70"/>
      <c r="F211" s="70"/>
      <c r="G211" s="70"/>
      <c r="H211" s="70"/>
      <c r="I211" s="70"/>
      <c r="J211" s="70"/>
      <c r="K211" s="70"/>
      <c r="L211" s="70"/>
    </row>
    <row r="212" spans="3:12" x14ac:dyDescent="0.2">
      <c r="C212" s="70"/>
      <c r="D212" s="70"/>
      <c r="E212" s="70"/>
      <c r="F212" s="70"/>
      <c r="G212" s="70"/>
      <c r="H212" s="70"/>
      <c r="I212" s="70"/>
      <c r="J212" s="70"/>
      <c r="K212" s="70"/>
      <c r="L212" s="70"/>
    </row>
    <row r="213" spans="3:12" x14ac:dyDescent="0.2">
      <c r="C213" s="70"/>
      <c r="D213" s="70"/>
      <c r="E213" s="70"/>
      <c r="F213" s="70"/>
      <c r="G213" s="70"/>
      <c r="H213" s="70"/>
      <c r="I213" s="70"/>
      <c r="J213" s="70"/>
      <c r="K213" s="70"/>
      <c r="L213" s="70"/>
    </row>
    <row r="214" spans="3:12" x14ac:dyDescent="0.2">
      <c r="C214" s="70"/>
      <c r="D214" s="70"/>
      <c r="E214" s="70"/>
      <c r="F214" s="70"/>
      <c r="G214" s="70"/>
      <c r="H214" s="70"/>
      <c r="I214" s="70"/>
      <c r="J214" s="70"/>
      <c r="K214" s="70"/>
      <c r="L214" s="70"/>
    </row>
    <row r="215" spans="3:12" x14ac:dyDescent="0.2">
      <c r="C215" s="70"/>
      <c r="D215" s="70"/>
      <c r="E215" s="70"/>
      <c r="F215" s="70"/>
      <c r="G215" s="70"/>
      <c r="H215" s="70"/>
      <c r="I215" s="70"/>
      <c r="J215" s="70"/>
      <c r="K215" s="70"/>
      <c r="L215" s="70"/>
    </row>
    <row r="216" spans="3:12" x14ac:dyDescent="0.2">
      <c r="C216" s="70"/>
      <c r="D216" s="70"/>
      <c r="E216" s="70"/>
      <c r="F216" s="70"/>
      <c r="G216" s="70"/>
      <c r="H216" s="70"/>
      <c r="I216" s="70"/>
      <c r="J216" s="70"/>
      <c r="K216" s="70"/>
      <c r="L216" s="70"/>
    </row>
    <row r="217" spans="3:12" x14ac:dyDescent="0.2">
      <c r="C217" s="70"/>
      <c r="D217" s="70"/>
      <c r="E217" s="70"/>
      <c r="F217" s="70"/>
      <c r="G217" s="70"/>
      <c r="H217" s="70"/>
      <c r="I217" s="70"/>
      <c r="J217" s="70"/>
      <c r="K217" s="70"/>
      <c r="L217" s="70"/>
    </row>
    <row r="218" spans="3:12" x14ac:dyDescent="0.2">
      <c r="C218" s="70"/>
      <c r="D218" s="70"/>
      <c r="E218" s="70"/>
      <c r="F218" s="70"/>
      <c r="G218" s="70"/>
      <c r="H218" s="70"/>
      <c r="I218" s="70"/>
      <c r="J218" s="70"/>
      <c r="K218" s="70"/>
      <c r="L218" s="70"/>
    </row>
  </sheetData>
  <mergeCells count="18">
    <mergeCell ref="Z4:AE4"/>
    <mergeCell ref="AF4:AF5"/>
    <mergeCell ref="H1:I1"/>
    <mergeCell ref="AG4:AI4"/>
    <mergeCell ref="AJ4:AO4"/>
    <mergeCell ref="AP4:AP5"/>
    <mergeCell ref="B3:B4"/>
    <mergeCell ref="C3:L3"/>
    <mergeCell ref="M3:V3"/>
    <mergeCell ref="W3:AF3"/>
    <mergeCell ref="AG3:AP3"/>
    <mergeCell ref="C4:E4"/>
    <mergeCell ref="F4:K4"/>
    <mergeCell ref="L4:L5"/>
    <mergeCell ref="M4:O4"/>
    <mergeCell ref="P4:U4"/>
    <mergeCell ref="V4:V5"/>
    <mergeCell ref="W4:Y4"/>
  </mergeCells>
  <phoneticPr fontId="4"/>
  <pageMargins left="0.39370078740157483" right="0.39370078740157483" top="0.27559055118110237" bottom="0.39370078740157483" header="0.19685039370078741" footer="0.19685039370078741"/>
  <pageSetup paperSize="9" scale="35" orientation="landscape" r:id="rId1"/>
  <headerFooter alignWithMargins="0">
    <oddFooter>&amp;L&amp;20&amp;A&amp;C&amp;P/&amp;N</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 style="71" customWidth="1"/>
    <col min="7" max="13" width="10.33203125" style="71" customWidth="1"/>
    <col min="14" max="16" width="8.88671875" style="71" customWidth="1"/>
    <col min="17" max="17" width="7.6640625" style="71" customWidth="1"/>
    <col min="18" max="24" width="10.6640625" style="71" customWidth="1"/>
    <col min="25" max="27" width="8.88671875" style="71" customWidth="1"/>
    <col min="28" max="28" width="7.6640625" style="71" customWidth="1"/>
    <col min="29" max="29" width="8.88671875" style="71" customWidth="1"/>
    <col min="30" max="30" width="10.44140625" style="71" customWidth="1"/>
    <col min="31" max="33" width="8.88671875" style="71" customWidth="1"/>
    <col min="34" max="35" width="10" style="71" customWidth="1"/>
    <col min="36" max="38" width="8.88671875" style="71" customWidth="1"/>
    <col min="39" max="39" width="7.77734375" style="71" customWidth="1"/>
    <col min="40" max="49" width="8.88671875" style="71" customWidth="1"/>
    <col min="50" max="50" width="7.77734375" style="71" customWidth="1"/>
    <col min="51" max="55" width="8.88671875" style="71" customWidth="1"/>
    <col min="56" max="57" width="10.33203125" style="71" customWidth="1"/>
    <col min="58" max="60" width="8.88671875" style="71" customWidth="1"/>
    <col min="61" max="61" width="8" style="71" customWidth="1"/>
    <col min="62" max="71" width="8.88671875" style="71" customWidth="1"/>
    <col min="72" max="72" width="7.44140625" style="71" customWidth="1"/>
    <col min="73" max="77" width="8.88671875" style="71" customWidth="1"/>
    <col min="78" max="78" width="11.77734375" style="71" customWidth="1"/>
    <col min="79" max="79" width="12" style="71" customWidth="1"/>
    <col min="80" max="82" width="8.88671875" style="247" customWidth="1"/>
    <col min="83" max="83" width="7.77734375" style="247" customWidth="1"/>
    <col min="84" max="90" width="9" style="247" customWidth="1"/>
    <col min="91" max="93" width="8.88671875" style="71" customWidth="1"/>
    <col min="94" max="94" width="7.44140625" style="71" customWidth="1"/>
    <col min="95" max="97" width="10.109375" style="71" customWidth="1"/>
    <col min="98" max="99" width="8.88671875" style="71" customWidth="1"/>
    <col min="100" max="101" width="10.21875" style="71" customWidth="1"/>
    <col min="102" max="104" width="8.88671875" style="71" customWidth="1"/>
    <col min="105" max="105" width="7.33203125" style="71" customWidth="1"/>
    <col min="106" max="110" width="8.88671875" style="71" customWidth="1"/>
    <col min="111" max="112" width="9.21875" style="71" customWidth="1"/>
    <col min="113" max="115" width="8.88671875" style="247" customWidth="1"/>
    <col min="116" max="116" width="7.33203125" style="247" customWidth="1"/>
    <col min="117" max="121" width="8.88671875" style="247" customWidth="1"/>
    <col min="122" max="123" width="9.6640625" style="247" customWidth="1"/>
    <col min="124" max="126" width="8.88671875" style="71" customWidth="1"/>
    <col min="127" max="127" width="7.77734375" style="71" customWidth="1"/>
    <col min="128" max="132" width="8.88671875" style="71" customWidth="1"/>
    <col min="133" max="134" width="9.33203125" style="71" customWidth="1"/>
    <col min="135" max="137" width="8.88671875" style="71" customWidth="1"/>
    <col min="138" max="138" width="7.44140625" style="71" customWidth="1"/>
    <col min="139" max="148" width="8.88671875" style="71" customWidth="1"/>
    <col min="149" max="149" width="7.21875" style="71" customWidth="1"/>
    <col min="150" max="159" width="8.88671875" style="71" customWidth="1"/>
    <col min="160" max="160" width="7.21875" style="71" customWidth="1"/>
    <col min="161" max="167" width="8.88671875" style="71" customWidth="1"/>
    <col min="168" max="170" width="8.88671875" style="247" customWidth="1"/>
    <col min="171" max="171" width="7.33203125" style="247" customWidth="1"/>
    <col min="172" max="176" width="8.88671875" style="247" customWidth="1"/>
    <col min="177" max="178" width="9.6640625" style="247" customWidth="1"/>
    <col min="179" max="181" width="8.88671875" style="71" customWidth="1"/>
    <col min="182" max="182" width="7.21875" style="71" customWidth="1"/>
    <col min="183" max="187" width="8.88671875" style="71" customWidth="1"/>
    <col min="188" max="189" width="9.44140625" style="71" customWidth="1"/>
    <col min="190" max="192" width="8.88671875" style="71" customWidth="1"/>
    <col min="193" max="193" width="7.77734375" style="71" customWidth="1"/>
    <col min="194" max="203" width="8.88671875" style="71" customWidth="1"/>
    <col min="204" max="204" width="7.44140625" style="71" customWidth="1"/>
    <col min="205" max="214" width="8.88671875" style="71" customWidth="1"/>
    <col min="215" max="215" width="7.33203125" style="71" customWidth="1"/>
    <col min="216" max="218" width="8.88671875" style="71" customWidth="1"/>
    <col min="219" max="219" width="10.44140625" style="71" customWidth="1"/>
    <col min="220" max="220" width="8.88671875" style="71" customWidth="1"/>
    <col min="221" max="222" width="9.6640625" style="71" customWidth="1"/>
    <col min="223" max="225" width="8.88671875" style="71" customWidth="1"/>
    <col min="226" max="226" width="7.6640625" style="71" customWidth="1"/>
    <col min="227" max="231" width="8.8867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1:409" ht="24" customHeight="1" x14ac:dyDescent="0.2">
      <c r="B1" s="10" t="s">
        <v>143</v>
      </c>
      <c r="E1" s="63">
        <f>第１表!F2</f>
        <v>6</v>
      </c>
      <c r="F1" s="16">
        <f>第１表!G2</f>
        <v>9</v>
      </c>
      <c r="G1" s="572">
        <f>IF(F1&lt;3,F1-2+12,F1-2)</f>
        <v>7</v>
      </c>
      <c r="H1" s="572"/>
      <c r="IB1" s="42"/>
      <c r="IC1" s="22"/>
      <c r="ID1" s="547"/>
      <c r="IE1" s="547"/>
    </row>
    <row r="2" spans="1:409" ht="24" customHeight="1" x14ac:dyDescent="0.2">
      <c r="B2" s="10" t="s">
        <v>144</v>
      </c>
      <c r="E2" s="19"/>
      <c r="F2" s="20"/>
      <c r="G2" s="547"/>
      <c r="H2" s="547"/>
      <c r="IB2" s="21"/>
      <c r="IC2" s="22"/>
      <c r="ID2" s="248"/>
      <c r="IE2" s="248"/>
    </row>
    <row r="3" spans="1:409" ht="24" customHeight="1" thickBot="1" x14ac:dyDescent="0.25">
      <c r="B3" s="10" t="s">
        <v>145</v>
      </c>
    </row>
    <row r="4" spans="1:409" ht="21" customHeight="1" thickBot="1" x14ac:dyDescent="0.25">
      <c r="B4" s="554" t="s">
        <v>42</v>
      </c>
      <c r="C4" s="557" t="s">
        <v>63</v>
      </c>
      <c r="D4" s="557"/>
      <c r="E4" s="557"/>
      <c r="F4" s="557"/>
      <c r="G4" s="557"/>
      <c r="H4" s="557"/>
      <c r="I4" s="557"/>
      <c r="J4" s="557"/>
      <c r="K4" s="557"/>
      <c r="L4" s="557"/>
      <c r="M4" s="557"/>
      <c r="N4" s="520"/>
      <c r="O4" s="520"/>
      <c r="P4" s="520"/>
      <c r="Q4" s="520"/>
      <c r="R4" s="520"/>
      <c r="S4" s="520"/>
      <c r="T4" s="520"/>
      <c r="U4" s="520"/>
      <c r="V4" s="520"/>
      <c r="W4" s="520"/>
      <c r="X4" s="520"/>
      <c r="Y4" s="520"/>
      <c r="Z4" s="520"/>
      <c r="AA4" s="520"/>
      <c r="AB4" s="520"/>
      <c r="AC4" s="520"/>
      <c r="AD4" s="520"/>
      <c r="AE4" s="520"/>
      <c r="AF4" s="520"/>
      <c r="AG4" s="520"/>
      <c r="AH4" s="520"/>
      <c r="AI4" s="520"/>
      <c r="AJ4" s="520"/>
      <c r="AK4" s="520"/>
      <c r="AL4" s="520"/>
      <c r="AM4" s="520"/>
      <c r="AN4" s="520"/>
      <c r="AO4" s="520"/>
      <c r="AP4" s="520"/>
      <c r="AQ4" s="520"/>
      <c r="AR4" s="520"/>
      <c r="AS4" s="520"/>
      <c r="AT4" s="520"/>
      <c r="AU4" s="520"/>
      <c r="AV4" s="520"/>
      <c r="AW4" s="520"/>
      <c r="AX4" s="520"/>
      <c r="AY4" s="520"/>
      <c r="AZ4" s="520"/>
      <c r="BA4" s="520"/>
      <c r="BB4" s="520"/>
      <c r="BC4" s="520"/>
      <c r="BD4" s="520"/>
      <c r="BE4" s="520"/>
      <c r="BF4" s="520"/>
      <c r="BG4" s="520"/>
      <c r="BH4" s="520"/>
      <c r="BI4" s="520"/>
      <c r="BJ4" s="520"/>
      <c r="BK4" s="520"/>
      <c r="BL4" s="520"/>
      <c r="BM4" s="520"/>
      <c r="BN4" s="520"/>
      <c r="BO4" s="520"/>
      <c r="BP4" s="520"/>
      <c r="BQ4" s="520"/>
      <c r="BR4" s="520"/>
      <c r="BS4" s="520"/>
      <c r="BT4" s="520"/>
      <c r="BU4" s="520"/>
      <c r="BV4" s="520"/>
      <c r="BW4" s="520"/>
      <c r="BX4" s="520"/>
      <c r="BY4" s="520"/>
      <c r="BZ4" s="520"/>
      <c r="CA4" s="520"/>
      <c r="CB4" s="520"/>
      <c r="CC4" s="520"/>
      <c r="CD4" s="520"/>
      <c r="CE4" s="520"/>
      <c r="CF4" s="520"/>
      <c r="CG4" s="520"/>
      <c r="CH4" s="520"/>
      <c r="CI4" s="520"/>
      <c r="CJ4" s="520"/>
      <c r="CK4" s="520"/>
      <c r="CL4" s="520"/>
      <c r="CM4" s="520"/>
      <c r="CN4" s="520"/>
      <c r="CO4" s="520"/>
      <c r="CP4" s="520"/>
      <c r="CQ4" s="520"/>
      <c r="CR4" s="520"/>
      <c r="CS4" s="520"/>
      <c r="CT4" s="520"/>
      <c r="CU4" s="520"/>
      <c r="CV4" s="520"/>
      <c r="CW4" s="520"/>
      <c r="CX4" s="520"/>
      <c r="CY4" s="520"/>
      <c r="CZ4" s="520"/>
      <c r="DA4" s="520"/>
      <c r="DB4" s="520"/>
      <c r="DC4" s="520"/>
      <c r="DD4" s="520"/>
      <c r="DE4" s="520"/>
      <c r="DF4" s="520"/>
      <c r="DG4" s="520"/>
      <c r="DH4" s="520"/>
      <c r="DI4" s="520"/>
      <c r="DJ4" s="520"/>
      <c r="DK4" s="520"/>
      <c r="DL4" s="520"/>
      <c r="DM4" s="520"/>
      <c r="DN4" s="520"/>
      <c r="DO4" s="520"/>
      <c r="DP4" s="520"/>
      <c r="DQ4" s="520"/>
      <c r="DR4" s="520"/>
      <c r="DS4" s="520"/>
      <c r="DT4" s="520"/>
      <c r="DU4" s="520"/>
      <c r="DV4" s="520"/>
      <c r="DW4" s="520"/>
      <c r="DX4" s="520"/>
      <c r="DY4" s="520"/>
      <c r="DZ4" s="520"/>
      <c r="EA4" s="520"/>
      <c r="EB4" s="520"/>
      <c r="EC4" s="520"/>
      <c r="ED4" s="520"/>
      <c r="EE4" s="520"/>
      <c r="EF4" s="520"/>
      <c r="EG4" s="520"/>
      <c r="EH4" s="520"/>
      <c r="EI4" s="520"/>
      <c r="EJ4" s="520"/>
      <c r="EK4" s="520"/>
      <c r="EL4" s="520"/>
      <c r="EM4" s="520"/>
      <c r="EN4" s="520"/>
      <c r="EO4" s="520"/>
      <c r="EP4" s="520"/>
      <c r="EQ4" s="520"/>
      <c r="ER4" s="520"/>
      <c r="ES4" s="520"/>
      <c r="ET4" s="520"/>
      <c r="EU4" s="520"/>
      <c r="EV4" s="520"/>
      <c r="EW4" s="520"/>
      <c r="EX4" s="520"/>
      <c r="EY4" s="520"/>
      <c r="EZ4" s="520"/>
      <c r="FA4" s="520"/>
      <c r="FB4" s="520"/>
      <c r="FC4" s="520"/>
      <c r="FD4" s="520"/>
      <c r="FE4" s="520"/>
      <c r="FF4" s="520"/>
      <c r="FG4" s="520"/>
      <c r="FH4" s="520"/>
      <c r="FI4" s="520"/>
      <c r="FJ4" s="520"/>
      <c r="FK4" s="520"/>
      <c r="FL4" s="520"/>
      <c r="FM4" s="520"/>
      <c r="FN4" s="520"/>
      <c r="FO4" s="520"/>
      <c r="FP4" s="520"/>
      <c r="FQ4" s="520"/>
      <c r="FR4" s="520"/>
      <c r="FS4" s="520"/>
      <c r="FT4" s="520"/>
      <c r="FU4" s="520"/>
      <c r="FV4" s="520"/>
      <c r="FW4" s="520"/>
      <c r="FX4" s="520"/>
      <c r="FY4" s="520"/>
      <c r="FZ4" s="520"/>
      <c r="GA4" s="520"/>
      <c r="GB4" s="520"/>
      <c r="GC4" s="520"/>
      <c r="GD4" s="520"/>
      <c r="GE4" s="520"/>
      <c r="GF4" s="520"/>
      <c r="GG4" s="520"/>
      <c r="GH4" s="520"/>
      <c r="GI4" s="520"/>
      <c r="GJ4" s="520"/>
      <c r="GK4" s="520"/>
      <c r="GL4" s="520"/>
      <c r="GM4" s="520"/>
      <c r="GN4" s="520"/>
      <c r="GO4" s="520"/>
      <c r="GP4" s="520"/>
      <c r="GQ4" s="520"/>
      <c r="GR4" s="520"/>
      <c r="GS4" s="520"/>
      <c r="GT4" s="520"/>
      <c r="GU4" s="520"/>
      <c r="GV4" s="520"/>
      <c r="GW4" s="520"/>
      <c r="GX4" s="520"/>
      <c r="GY4" s="520"/>
      <c r="GZ4" s="520"/>
      <c r="HA4" s="520"/>
      <c r="HB4" s="520"/>
      <c r="HC4" s="520"/>
      <c r="HD4" s="520"/>
      <c r="HE4" s="520"/>
      <c r="HF4" s="520"/>
      <c r="HG4" s="520"/>
      <c r="HH4" s="520"/>
      <c r="HI4" s="520"/>
      <c r="HJ4" s="520"/>
      <c r="HK4" s="520"/>
      <c r="HL4" s="520"/>
      <c r="HM4" s="520"/>
      <c r="HN4" s="520"/>
      <c r="HO4" s="520"/>
      <c r="HP4" s="520"/>
      <c r="HQ4" s="520"/>
      <c r="HR4" s="520"/>
      <c r="HS4" s="520"/>
      <c r="HT4" s="520"/>
      <c r="HU4" s="520"/>
      <c r="HV4" s="520"/>
      <c r="HW4" s="520"/>
      <c r="HX4" s="520"/>
      <c r="HY4" s="521"/>
      <c r="HZ4" s="424" t="s">
        <v>85</v>
      </c>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5"/>
      <c r="JR4" s="425"/>
      <c r="JS4" s="425"/>
      <c r="JT4" s="425"/>
      <c r="JU4" s="425"/>
      <c r="JV4" s="425"/>
      <c r="JW4" s="425"/>
      <c r="JX4" s="425"/>
      <c r="JY4" s="425"/>
      <c r="JZ4" s="425"/>
      <c r="KA4" s="425"/>
      <c r="KB4" s="425"/>
      <c r="KC4" s="425"/>
      <c r="KD4" s="425"/>
      <c r="KE4" s="425"/>
      <c r="KF4" s="425"/>
      <c r="KG4" s="425"/>
      <c r="KH4" s="425"/>
      <c r="KI4" s="425"/>
      <c r="KJ4" s="425"/>
      <c r="KK4" s="425"/>
      <c r="KL4" s="425"/>
      <c r="KM4" s="425"/>
      <c r="KN4" s="425"/>
      <c r="KO4" s="425"/>
      <c r="KP4" s="425"/>
      <c r="KQ4" s="425"/>
      <c r="KR4" s="425"/>
      <c r="KS4" s="425"/>
      <c r="KT4" s="425"/>
      <c r="KU4" s="425"/>
      <c r="KV4" s="425"/>
      <c r="KW4" s="425"/>
      <c r="KX4" s="425"/>
      <c r="KY4" s="425"/>
      <c r="KZ4" s="425"/>
      <c r="LA4" s="425"/>
      <c r="LB4" s="425"/>
      <c r="LC4" s="425"/>
      <c r="LD4" s="425"/>
      <c r="LE4" s="425"/>
      <c r="LF4" s="425"/>
      <c r="LG4" s="425"/>
      <c r="LH4" s="425"/>
      <c r="LI4" s="425"/>
      <c r="LJ4" s="425"/>
      <c r="LK4" s="425"/>
      <c r="LL4" s="425"/>
      <c r="LM4" s="425"/>
      <c r="LN4" s="425"/>
      <c r="LO4" s="425"/>
      <c r="LP4" s="425"/>
      <c r="LQ4" s="425"/>
      <c r="LR4" s="425"/>
      <c r="LS4" s="425"/>
      <c r="LT4" s="425"/>
      <c r="LU4" s="425"/>
      <c r="LV4" s="425"/>
      <c r="LW4" s="425"/>
      <c r="LX4" s="425"/>
      <c r="LY4" s="425"/>
      <c r="LZ4" s="425"/>
      <c r="MA4" s="425"/>
      <c r="MB4" s="425"/>
      <c r="MC4" s="425"/>
      <c r="MD4" s="425"/>
      <c r="ME4" s="426"/>
      <c r="MF4" s="424" t="s">
        <v>86</v>
      </c>
      <c r="MG4" s="425"/>
      <c r="MH4" s="425"/>
      <c r="MI4" s="425"/>
      <c r="MJ4" s="425"/>
      <c r="MK4" s="425"/>
      <c r="ML4" s="425"/>
      <c r="MM4" s="425"/>
      <c r="MN4" s="425"/>
      <c r="MO4" s="425"/>
      <c r="MP4" s="425"/>
      <c r="MQ4" s="425"/>
      <c r="MR4" s="425"/>
      <c r="MS4" s="425"/>
      <c r="MT4" s="425"/>
      <c r="MU4" s="425"/>
      <c r="MV4" s="425"/>
      <c r="MW4" s="425"/>
      <c r="MX4" s="425"/>
      <c r="MY4" s="425"/>
      <c r="MZ4" s="425"/>
      <c r="NA4" s="425"/>
      <c r="NB4" s="425"/>
      <c r="NC4" s="425"/>
      <c r="ND4" s="425"/>
      <c r="NE4" s="425"/>
      <c r="NF4" s="425"/>
      <c r="NG4" s="425"/>
      <c r="NH4" s="425"/>
      <c r="NI4" s="425"/>
      <c r="NJ4" s="425"/>
      <c r="NK4" s="425"/>
      <c r="NL4" s="425"/>
      <c r="NM4" s="425"/>
      <c r="NN4" s="425"/>
      <c r="NO4" s="425"/>
      <c r="NP4" s="425"/>
      <c r="NQ4" s="425"/>
      <c r="NR4" s="425"/>
      <c r="NS4" s="425"/>
      <c r="NT4" s="425"/>
      <c r="NU4" s="425"/>
      <c r="NV4" s="425"/>
      <c r="NW4" s="425"/>
      <c r="NX4" s="425"/>
      <c r="NY4" s="425"/>
      <c r="NZ4" s="425"/>
      <c r="OA4" s="425"/>
      <c r="OB4" s="425"/>
      <c r="OC4" s="425"/>
      <c r="OD4" s="425"/>
      <c r="OE4" s="425"/>
      <c r="OF4" s="425"/>
      <c r="OG4" s="425"/>
      <c r="OH4" s="426"/>
      <c r="OI4" s="427" t="s">
        <v>60</v>
      </c>
      <c r="OJ4" s="428"/>
      <c r="OK4" s="428"/>
      <c r="OL4" s="428"/>
      <c r="OM4" s="428"/>
      <c r="ON4" s="428"/>
      <c r="OO4" s="428"/>
      <c r="OP4" s="428"/>
      <c r="OQ4" s="428"/>
      <c r="OR4" s="428"/>
      <c r="OS4" s="429"/>
    </row>
    <row r="5" spans="1:409" ht="21" customHeight="1" thickBot="1" x14ac:dyDescent="0.25">
      <c r="B5" s="555"/>
      <c r="C5" s="558"/>
      <c r="D5" s="558"/>
      <c r="E5" s="558"/>
      <c r="F5" s="558"/>
      <c r="G5" s="558"/>
      <c r="H5" s="558"/>
      <c r="I5" s="558"/>
      <c r="J5" s="558"/>
      <c r="K5" s="558"/>
      <c r="L5" s="558"/>
      <c r="M5" s="558"/>
      <c r="N5" s="560" t="s">
        <v>64</v>
      </c>
      <c r="O5" s="561"/>
      <c r="P5" s="561"/>
      <c r="Q5" s="561"/>
      <c r="R5" s="561"/>
      <c r="S5" s="561"/>
      <c r="T5" s="561"/>
      <c r="U5" s="561"/>
      <c r="V5" s="561"/>
      <c r="W5" s="561"/>
      <c r="X5" s="561"/>
      <c r="Y5" s="561"/>
      <c r="Z5" s="561"/>
      <c r="AA5" s="561"/>
      <c r="AB5" s="561"/>
      <c r="AC5" s="561"/>
      <c r="AD5" s="561"/>
      <c r="AE5" s="561"/>
      <c r="AF5" s="561"/>
      <c r="AG5" s="561"/>
      <c r="AH5" s="561"/>
      <c r="AI5" s="561"/>
      <c r="AJ5" s="561"/>
      <c r="AK5" s="561"/>
      <c r="AL5" s="561"/>
      <c r="AM5" s="561"/>
      <c r="AN5" s="561"/>
      <c r="AO5" s="561"/>
      <c r="AP5" s="561"/>
      <c r="AQ5" s="561"/>
      <c r="AR5" s="561"/>
      <c r="AS5" s="561"/>
      <c r="AT5" s="561"/>
      <c r="AU5" s="561"/>
      <c r="AV5" s="561"/>
      <c r="AW5" s="561"/>
      <c r="AX5" s="561"/>
      <c r="AY5" s="561"/>
      <c r="AZ5" s="561"/>
      <c r="BA5" s="561"/>
      <c r="BB5" s="561"/>
      <c r="BC5" s="561"/>
      <c r="BD5" s="561"/>
      <c r="BE5" s="561"/>
      <c r="BF5" s="561"/>
      <c r="BG5" s="561"/>
      <c r="BH5" s="561"/>
      <c r="BI5" s="561"/>
      <c r="BJ5" s="561"/>
      <c r="BK5" s="561"/>
      <c r="BL5" s="561"/>
      <c r="BM5" s="561"/>
      <c r="BN5" s="561"/>
      <c r="BO5" s="561"/>
      <c r="BP5" s="561"/>
      <c r="BQ5" s="561"/>
      <c r="BR5" s="561"/>
      <c r="BS5" s="561"/>
      <c r="BT5" s="561"/>
      <c r="BU5" s="561"/>
      <c r="BV5" s="561"/>
      <c r="BW5" s="561"/>
      <c r="BX5" s="561"/>
      <c r="BY5" s="561"/>
      <c r="BZ5" s="561"/>
      <c r="CA5" s="562"/>
      <c r="CB5" s="560" t="s">
        <v>65</v>
      </c>
      <c r="CC5" s="561"/>
      <c r="CD5" s="561"/>
      <c r="CE5" s="561"/>
      <c r="CF5" s="561"/>
      <c r="CG5" s="561"/>
      <c r="CH5" s="561"/>
      <c r="CI5" s="561"/>
      <c r="CJ5" s="561"/>
      <c r="CK5" s="561"/>
      <c r="CL5" s="561"/>
      <c r="CM5" s="561"/>
      <c r="CN5" s="561"/>
      <c r="CO5" s="561"/>
      <c r="CP5" s="561"/>
      <c r="CQ5" s="561"/>
      <c r="CR5" s="561"/>
      <c r="CS5" s="561"/>
      <c r="CT5" s="561"/>
      <c r="CU5" s="561"/>
      <c r="CV5" s="561"/>
      <c r="CW5" s="561"/>
      <c r="CX5" s="561"/>
      <c r="CY5" s="561"/>
      <c r="CZ5" s="561"/>
      <c r="DA5" s="561"/>
      <c r="DB5" s="561"/>
      <c r="DC5" s="561"/>
      <c r="DD5" s="561"/>
      <c r="DE5" s="561"/>
      <c r="DF5" s="561"/>
      <c r="DG5" s="561"/>
      <c r="DH5" s="562"/>
      <c r="DI5" s="424" t="s">
        <v>66</v>
      </c>
      <c r="DJ5" s="425"/>
      <c r="DK5" s="425"/>
      <c r="DL5" s="425"/>
      <c r="DM5" s="425"/>
      <c r="DN5" s="425"/>
      <c r="DO5" s="425"/>
      <c r="DP5" s="425"/>
      <c r="DQ5" s="425"/>
      <c r="DR5" s="425"/>
      <c r="DS5" s="425"/>
      <c r="DT5" s="425"/>
      <c r="DU5" s="425"/>
      <c r="DV5" s="425"/>
      <c r="DW5" s="425"/>
      <c r="DX5" s="425"/>
      <c r="DY5" s="425"/>
      <c r="DZ5" s="425"/>
      <c r="EA5" s="425"/>
      <c r="EB5" s="425"/>
      <c r="EC5" s="425"/>
      <c r="ED5" s="425"/>
      <c r="EE5" s="425"/>
      <c r="EF5" s="425"/>
      <c r="EG5" s="425"/>
      <c r="EH5" s="425"/>
      <c r="EI5" s="425"/>
      <c r="EJ5" s="425"/>
      <c r="EK5" s="425"/>
      <c r="EL5" s="425"/>
      <c r="EM5" s="425"/>
      <c r="EN5" s="425"/>
      <c r="EO5" s="425"/>
      <c r="EP5" s="425"/>
      <c r="EQ5" s="425"/>
      <c r="ER5" s="425"/>
      <c r="ES5" s="425"/>
      <c r="ET5" s="425"/>
      <c r="EU5" s="425"/>
      <c r="EV5" s="425"/>
      <c r="EW5" s="425"/>
      <c r="EX5" s="425"/>
      <c r="EY5" s="425"/>
      <c r="EZ5" s="425"/>
      <c r="FA5" s="425"/>
      <c r="FB5" s="425"/>
      <c r="FC5" s="425"/>
      <c r="FD5" s="425"/>
      <c r="FE5" s="425"/>
      <c r="FF5" s="425"/>
      <c r="FG5" s="425"/>
      <c r="FH5" s="425"/>
      <c r="FI5" s="425"/>
      <c r="FJ5" s="425"/>
      <c r="FK5" s="426"/>
      <c r="FL5" s="560" t="s">
        <v>67</v>
      </c>
      <c r="FM5" s="561"/>
      <c r="FN5" s="561"/>
      <c r="FO5" s="561"/>
      <c r="FP5" s="561"/>
      <c r="FQ5" s="561"/>
      <c r="FR5" s="561"/>
      <c r="FS5" s="561"/>
      <c r="FT5" s="561"/>
      <c r="FU5" s="561"/>
      <c r="FV5" s="561"/>
      <c r="FW5" s="561"/>
      <c r="FX5" s="561"/>
      <c r="FY5" s="561"/>
      <c r="FZ5" s="561"/>
      <c r="GA5" s="561"/>
      <c r="GB5" s="561"/>
      <c r="GC5" s="561"/>
      <c r="GD5" s="561"/>
      <c r="GE5" s="561"/>
      <c r="GF5" s="561"/>
      <c r="GG5" s="561"/>
      <c r="GH5" s="561"/>
      <c r="GI5" s="561"/>
      <c r="GJ5" s="561"/>
      <c r="GK5" s="561"/>
      <c r="GL5" s="561"/>
      <c r="GM5" s="561"/>
      <c r="GN5" s="561"/>
      <c r="GO5" s="561"/>
      <c r="GP5" s="561"/>
      <c r="GQ5" s="561"/>
      <c r="GR5" s="561"/>
      <c r="GS5" s="561"/>
      <c r="GT5" s="561"/>
      <c r="GU5" s="561"/>
      <c r="GV5" s="561"/>
      <c r="GW5" s="561"/>
      <c r="GX5" s="561"/>
      <c r="GY5" s="561"/>
      <c r="GZ5" s="561"/>
      <c r="HA5" s="561"/>
      <c r="HB5" s="561"/>
      <c r="HC5" s="562"/>
      <c r="HD5" s="563" t="s">
        <v>68</v>
      </c>
      <c r="HE5" s="564"/>
      <c r="HF5" s="564"/>
      <c r="HG5" s="564"/>
      <c r="HH5" s="564"/>
      <c r="HI5" s="564"/>
      <c r="HJ5" s="564"/>
      <c r="HK5" s="564"/>
      <c r="HL5" s="564"/>
      <c r="HM5" s="564"/>
      <c r="HN5" s="565"/>
      <c r="HO5" s="563" t="s">
        <v>69</v>
      </c>
      <c r="HP5" s="564"/>
      <c r="HQ5" s="564"/>
      <c r="HR5" s="564"/>
      <c r="HS5" s="564"/>
      <c r="HT5" s="564"/>
      <c r="HU5" s="564"/>
      <c r="HV5" s="564"/>
      <c r="HW5" s="564"/>
      <c r="HX5" s="564"/>
      <c r="HY5" s="565"/>
      <c r="HZ5" s="538"/>
      <c r="IA5" s="539"/>
      <c r="IB5" s="539"/>
      <c r="IC5" s="539"/>
      <c r="ID5" s="539"/>
      <c r="IE5" s="539"/>
      <c r="IF5" s="539"/>
      <c r="IG5" s="539"/>
      <c r="IH5" s="539"/>
      <c r="II5" s="539"/>
      <c r="IJ5" s="540"/>
      <c r="IK5" s="427" t="s">
        <v>94</v>
      </c>
      <c r="IL5" s="428"/>
      <c r="IM5" s="428"/>
      <c r="IN5" s="428"/>
      <c r="IO5" s="428"/>
      <c r="IP5" s="428"/>
      <c r="IQ5" s="428"/>
      <c r="IR5" s="428"/>
      <c r="IS5" s="428"/>
      <c r="IT5" s="428"/>
      <c r="IU5" s="429"/>
      <c r="IV5" s="427" t="s">
        <v>88</v>
      </c>
      <c r="IW5" s="428"/>
      <c r="IX5" s="428"/>
      <c r="IY5" s="428"/>
      <c r="IZ5" s="428"/>
      <c r="JA5" s="428"/>
      <c r="JB5" s="428"/>
      <c r="JC5" s="428"/>
      <c r="JD5" s="428"/>
      <c r="JE5" s="428"/>
      <c r="JF5" s="429"/>
      <c r="JG5" s="427" t="s">
        <v>141</v>
      </c>
      <c r="JH5" s="428"/>
      <c r="JI5" s="428"/>
      <c r="JJ5" s="428"/>
      <c r="JK5" s="428"/>
      <c r="JL5" s="428"/>
      <c r="JM5" s="428"/>
      <c r="JN5" s="428"/>
      <c r="JO5" s="428"/>
      <c r="JP5" s="428"/>
      <c r="JQ5" s="429"/>
      <c r="JR5" s="427" t="s">
        <v>90</v>
      </c>
      <c r="JS5" s="428"/>
      <c r="JT5" s="428"/>
      <c r="JU5" s="428"/>
      <c r="JV5" s="428"/>
      <c r="JW5" s="428"/>
      <c r="JX5" s="428"/>
      <c r="JY5" s="428"/>
      <c r="JZ5" s="428"/>
      <c r="KA5" s="428"/>
      <c r="KB5" s="429"/>
      <c r="KC5" s="427" t="s">
        <v>89</v>
      </c>
      <c r="KD5" s="428"/>
      <c r="KE5" s="428"/>
      <c r="KF5" s="428"/>
      <c r="KG5" s="428"/>
      <c r="KH5" s="428"/>
      <c r="KI5" s="428"/>
      <c r="KJ5" s="428"/>
      <c r="KK5" s="428"/>
      <c r="KL5" s="428"/>
      <c r="KM5" s="429"/>
      <c r="KN5" s="427" t="s">
        <v>91</v>
      </c>
      <c r="KO5" s="428"/>
      <c r="KP5" s="428"/>
      <c r="KQ5" s="428"/>
      <c r="KR5" s="428"/>
      <c r="KS5" s="428"/>
      <c r="KT5" s="428"/>
      <c r="KU5" s="428"/>
      <c r="KV5" s="428"/>
      <c r="KW5" s="428"/>
      <c r="KX5" s="429"/>
      <c r="KY5" s="427" t="s">
        <v>92</v>
      </c>
      <c r="KZ5" s="428"/>
      <c r="LA5" s="428"/>
      <c r="LB5" s="428"/>
      <c r="LC5" s="428"/>
      <c r="LD5" s="428"/>
      <c r="LE5" s="428"/>
      <c r="LF5" s="428"/>
      <c r="LG5" s="428"/>
      <c r="LH5" s="428"/>
      <c r="LI5" s="429"/>
      <c r="LJ5" s="544" t="s">
        <v>93</v>
      </c>
      <c r="LK5" s="545"/>
      <c r="LL5" s="545"/>
      <c r="LM5" s="545"/>
      <c r="LN5" s="545"/>
      <c r="LO5" s="545"/>
      <c r="LP5" s="545"/>
      <c r="LQ5" s="545"/>
      <c r="LR5" s="545"/>
      <c r="LS5" s="545"/>
      <c r="LT5" s="546"/>
      <c r="LU5" s="544" t="s">
        <v>142</v>
      </c>
      <c r="LV5" s="545"/>
      <c r="LW5" s="545"/>
      <c r="LX5" s="545"/>
      <c r="LY5" s="545"/>
      <c r="LZ5" s="545"/>
      <c r="MA5" s="545"/>
      <c r="MB5" s="545"/>
      <c r="MC5" s="545"/>
      <c r="MD5" s="545"/>
      <c r="ME5" s="546"/>
      <c r="MF5" s="538"/>
      <c r="MG5" s="539"/>
      <c r="MH5" s="539"/>
      <c r="MI5" s="539"/>
      <c r="MJ5" s="539"/>
      <c r="MK5" s="539"/>
      <c r="ML5" s="539"/>
      <c r="MM5" s="539"/>
      <c r="MN5" s="539"/>
      <c r="MO5" s="539"/>
      <c r="MP5" s="540"/>
      <c r="MQ5" s="427" t="s">
        <v>57</v>
      </c>
      <c r="MR5" s="428"/>
      <c r="MS5" s="428"/>
      <c r="MT5" s="428"/>
      <c r="MU5" s="428"/>
      <c r="MV5" s="428"/>
      <c r="MW5" s="428"/>
      <c r="MX5" s="428"/>
      <c r="MY5" s="428"/>
      <c r="MZ5" s="428"/>
      <c r="NA5" s="429"/>
      <c r="NB5" s="427" t="s">
        <v>58</v>
      </c>
      <c r="NC5" s="428"/>
      <c r="ND5" s="428"/>
      <c r="NE5" s="428"/>
      <c r="NF5" s="428"/>
      <c r="NG5" s="428"/>
      <c r="NH5" s="428"/>
      <c r="NI5" s="428"/>
      <c r="NJ5" s="428"/>
      <c r="NK5" s="428"/>
      <c r="NL5" s="429"/>
      <c r="NM5" s="427" t="s">
        <v>59</v>
      </c>
      <c r="NN5" s="428"/>
      <c r="NO5" s="428"/>
      <c r="NP5" s="428"/>
      <c r="NQ5" s="428"/>
      <c r="NR5" s="428"/>
      <c r="NS5" s="428"/>
      <c r="NT5" s="428"/>
      <c r="NU5" s="428"/>
      <c r="NV5" s="428"/>
      <c r="NW5" s="429"/>
      <c r="NX5" s="427" t="s">
        <v>148</v>
      </c>
      <c r="NY5" s="428"/>
      <c r="NZ5" s="428"/>
      <c r="OA5" s="428"/>
      <c r="OB5" s="428"/>
      <c r="OC5" s="428"/>
      <c r="OD5" s="428"/>
      <c r="OE5" s="428"/>
      <c r="OF5" s="428"/>
      <c r="OG5" s="428"/>
      <c r="OH5" s="429"/>
      <c r="OI5" s="439"/>
      <c r="OJ5" s="536"/>
      <c r="OK5" s="536"/>
      <c r="OL5" s="536"/>
      <c r="OM5" s="536"/>
      <c r="ON5" s="536"/>
      <c r="OO5" s="536"/>
      <c r="OP5" s="536"/>
      <c r="OQ5" s="536"/>
      <c r="OR5" s="536"/>
      <c r="OS5" s="537"/>
    </row>
    <row r="6" spans="1:409" ht="21" customHeight="1" thickBot="1" x14ac:dyDescent="0.25">
      <c r="B6" s="555"/>
      <c r="C6" s="559"/>
      <c r="D6" s="559"/>
      <c r="E6" s="559"/>
      <c r="F6" s="559"/>
      <c r="G6" s="559"/>
      <c r="H6" s="559"/>
      <c r="I6" s="559"/>
      <c r="J6" s="559"/>
      <c r="K6" s="559"/>
      <c r="L6" s="559"/>
      <c r="M6" s="559"/>
      <c r="N6" s="433"/>
      <c r="O6" s="434"/>
      <c r="P6" s="434"/>
      <c r="Q6" s="434"/>
      <c r="R6" s="434"/>
      <c r="S6" s="434"/>
      <c r="T6" s="434"/>
      <c r="U6" s="434"/>
      <c r="V6" s="434"/>
      <c r="W6" s="434"/>
      <c r="X6" s="435"/>
      <c r="Y6" s="436" t="s">
        <v>70</v>
      </c>
      <c r="Z6" s="437"/>
      <c r="AA6" s="437"/>
      <c r="AB6" s="437"/>
      <c r="AC6" s="437"/>
      <c r="AD6" s="437"/>
      <c r="AE6" s="437"/>
      <c r="AF6" s="437"/>
      <c r="AG6" s="437"/>
      <c r="AH6" s="437"/>
      <c r="AI6" s="438"/>
      <c r="AJ6" s="563" t="s">
        <v>71</v>
      </c>
      <c r="AK6" s="564"/>
      <c r="AL6" s="564"/>
      <c r="AM6" s="564"/>
      <c r="AN6" s="564"/>
      <c r="AO6" s="564"/>
      <c r="AP6" s="564"/>
      <c r="AQ6" s="564"/>
      <c r="AR6" s="564"/>
      <c r="AS6" s="564"/>
      <c r="AT6" s="565"/>
      <c r="AU6" s="573" t="s">
        <v>72</v>
      </c>
      <c r="AV6" s="574"/>
      <c r="AW6" s="574"/>
      <c r="AX6" s="574"/>
      <c r="AY6" s="574"/>
      <c r="AZ6" s="574"/>
      <c r="BA6" s="574"/>
      <c r="BB6" s="574"/>
      <c r="BC6" s="574"/>
      <c r="BD6" s="574"/>
      <c r="BE6" s="575"/>
      <c r="BF6" s="573" t="s">
        <v>73</v>
      </c>
      <c r="BG6" s="574"/>
      <c r="BH6" s="574"/>
      <c r="BI6" s="574"/>
      <c r="BJ6" s="574"/>
      <c r="BK6" s="574"/>
      <c r="BL6" s="574"/>
      <c r="BM6" s="574"/>
      <c r="BN6" s="574"/>
      <c r="BO6" s="574"/>
      <c r="BP6" s="575"/>
      <c r="BQ6" s="573" t="s">
        <v>74</v>
      </c>
      <c r="BR6" s="574"/>
      <c r="BS6" s="574"/>
      <c r="BT6" s="574"/>
      <c r="BU6" s="574"/>
      <c r="BV6" s="574"/>
      <c r="BW6" s="574"/>
      <c r="BX6" s="574"/>
      <c r="BY6" s="574"/>
      <c r="BZ6" s="574"/>
      <c r="CA6" s="575"/>
      <c r="CB6" s="541"/>
      <c r="CC6" s="542"/>
      <c r="CD6" s="542"/>
      <c r="CE6" s="542"/>
      <c r="CF6" s="542"/>
      <c r="CG6" s="542"/>
      <c r="CH6" s="542"/>
      <c r="CI6" s="542"/>
      <c r="CJ6" s="542"/>
      <c r="CK6" s="542"/>
      <c r="CL6" s="543"/>
      <c r="CM6" s="573" t="s">
        <v>75</v>
      </c>
      <c r="CN6" s="574"/>
      <c r="CO6" s="574"/>
      <c r="CP6" s="574"/>
      <c r="CQ6" s="574"/>
      <c r="CR6" s="574"/>
      <c r="CS6" s="574"/>
      <c r="CT6" s="574"/>
      <c r="CU6" s="574"/>
      <c r="CV6" s="574"/>
      <c r="CW6" s="575"/>
      <c r="CX6" s="573" t="s">
        <v>76</v>
      </c>
      <c r="CY6" s="574"/>
      <c r="CZ6" s="574"/>
      <c r="DA6" s="574"/>
      <c r="DB6" s="574"/>
      <c r="DC6" s="574"/>
      <c r="DD6" s="574"/>
      <c r="DE6" s="574"/>
      <c r="DF6" s="574"/>
      <c r="DG6" s="574"/>
      <c r="DH6" s="575"/>
      <c r="DI6" s="541"/>
      <c r="DJ6" s="542"/>
      <c r="DK6" s="542"/>
      <c r="DL6" s="542"/>
      <c r="DM6" s="542"/>
      <c r="DN6" s="542"/>
      <c r="DO6" s="542"/>
      <c r="DP6" s="542"/>
      <c r="DQ6" s="542"/>
      <c r="DR6" s="542"/>
      <c r="DS6" s="542"/>
      <c r="DT6" s="573" t="s">
        <v>77</v>
      </c>
      <c r="DU6" s="574"/>
      <c r="DV6" s="574"/>
      <c r="DW6" s="574"/>
      <c r="DX6" s="574"/>
      <c r="DY6" s="574"/>
      <c r="DZ6" s="574"/>
      <c r="EA6" s="574"/>
      <c r="EB6" s="574"/>
      <c r="EC6" s="574"/>
      <c r="ED6" s="575"/>
      <c r="EE6" s="573" t="s">
        <v>78</v>
      </c>
      <c r="EF6" s="574"/>
      <c r="EG6" s="574"/>
      <c r="EH6" s="574"/>
      <c r="EI6" s="574"/>
      <c r="EJ6" s="574"/>
      <c r="EK6" s="574"/>
      <c r="EL6" s="574"/>
      <c r="EM6" s="574"/>
      <c r="EN6" s="574"/>
      <c r="EO6" s="575"/>
      <c r="EP6" s="573" t="s">
        <v>79</v>
      </c>
      <c r="EQ6" s="574"/>
      <c r="ER6" s="574"/>
      <c r="ES6" s="574"/>
      <c r="ET6" s="574"/>
      <c r="EU6" s="574"/>
      <c r="EV6" s="574"/>
      <c r="EW6" s="574"/>
      <c r="EX6" s="574"/>
      <c r="EY6" s="574"/>
      <c r="EZ6" s="575"/>
      <c r="FA6" s="573" t="s">
        <v>149</v>
      </c>
      <c r="FB6" s="574"/>
      <c r="FC6" s="574"/>
      <c r="FD6" s="574"/>
      <c r="FE6" s="574"/>
      <c r="FF6" s="574"/>
      <c r="FG6" s="574"/>
      <c r="FH6" s="574"/>
      <c r="FI6" s="574"/>
      <c r="FJ6" s="574"/>
      <c r="FK6" s="575"/>
      <c r="FL6" s="541"/>
      <c r="FM6" s="542"/>
      <c r="FN6" s="542"/>
      <c r="FO6" s="542"/>
      <c r="FP6" s="542"/>
      <c r="FQ6" s="542"/>
      <c r="FR6" s="542"/>
      <c r="FS6" s="542"/>
      <c r="FT6" s="542"/>
      <c r="FU6" s="542"/>
      <c r="FV6" s="542"/>
      <c r="FW6" s="573" t="s">
        <v>80</v>
      </c>
      <c r="FX6" s="574"/>
      <c r="FY6" s="574"/>
      <c r="FZ6" s="574"/>
      <c r="GA6" s="574"/>
      <c r="GB6" s="574"/>
      <c r="GC6" s="574"/>
      <c r="GD6" s="574"/>
      <c r="GE6" s="574"/>
      <c r="GF6" s="574"/>
      <c r="GG6" s="575"/>
      <c r="GH6" s="436" t="s">
        <v>81</v>
      </c>
      <c r="GI6" s="437"/>
      <c r="GJ6" s="437"/>
      <c r="GK6" s="437"/>
      <c r="GL6" s="437"/>
      <c r="GM6" s="437"/>
      <c r="GN6" s="437"/>
      <c r="GO6" s="437"/>
      <c r="GP6" s="437"/>
      <c r="GQ6" s="437"/>
      <c r="GR6" s="438"/>
      <c r="GS6" s="436" t="s">
        <v>82</v>
      </c>
      <c r="GT6" s="437"/>
      <c r="GU6" s="437"/>
      <c r="GV6" s="437"/>
      <c r="GW6" s="437"/>
      <c r="GX6" s="437"/>
      <c r="GY6" s="437"/>
      <c r="GZ6" s="437"/>
      <c r="HA6" s="437"/>
      <c r="HB6" s="437"/>
      <c r="HC6" s="438"/>
      <c r="HD6" s="566"/>
      <c r="HE6" s="567"/>
      <c r="HF6" s="567"/>
      <c r="HG6" s="567"/>
      <c r="HH6" s="567"/>
      <c r="HI6" s="567"/>
      <c r="HJ6" s="567"/>
      <c r="HK6" s="567"/>
      <c r="HL6" s="567"/>
      <c r="HM6" s="567"/>
      <c r="HN6" s="568"/>
      <c r="HO6" s="566"/>
      <c r="HP6" s="567"/>
      <c r="HQ6" s="567"/>
      <c r="HR6" s="567"/>
      <c r="HS6" s="567"/>
      <c r="HT6" s="567"/>
      <c r="HU6" s="567"/>
      <c r="HV6" s="567"/>
      <c r="HW6" s="567"/>
      <c r="HX6" s="567"/>
      <c r="HY6" s="568"/>
      <c r="HZ6" s="541"/>
      <c r="IA6" s="542"/>
      <c r="IB6" s="542"/>
      <c r="IC6" s="542"/>
      <c r="ID6" s="542"/>
      <c r="IE6" s="542"/>
      <c r="IF6" s="542"/>
      <c r="IG6" s="542"/>
      <c r="IH6" s="542"/>
      <c r="II6" s="542"/>
      <c r="IJ6" s="543"/>
      <c r="IK6" s="433"/>
      <c r="IL6" s="434"/>
      <c r="IM6" s="434"/>
      <c r="IN6" s="434"/>
      <c r="IO6" s="434"/>
      <c r="IP6" s="434"/>
      <c r="IQ6" s="434"/>
      <c r="IR6" s="434"/>
      <c r="IS6" s="434"/>
      <c r="IT6" s="434"/>
      <c r="IU6" s="435"/>
      <c r="IV6" s="433"/>
      <c r="IW6" s="434"/>
      <c r="IX6" s="434"/>
      <c r="IY6" s="434"/>
      <c r="IZ6" s="434"/>
      <c r="JA6" s="434"/>
      <c r="JB6" s="434"/>
      <c r="JC6" s="434"/>
      <c r="JD6" s="434"/>
      <c r="JE6" s="434"/>
      <c r="JF6" s="435"/>
      <c r="JG6" s="433"/>
      <c r="JH6" s="434"/>
      <c r="JI6" s="434"/>
      <c r="JJ6" s="434"/>
      <c r="JK6" s="434"/>
      <c r="JL6" s="434"/>
      <c r="JM6" s="434"/>
      <c r="JN6" s="434"/>
      <c r="JO6" s="434"/>
      <c r="JP6" s="434"/>
      <c r="JQ6" s="435"/>
      <c r="JR6" s="433"/>
      <c r="JS6" s="434"/>
      <c r="JT6" s="434"/>
      <c r="JU6" s="434"/>
      <c r="JV6" s="434"/>
      <c r="JW6" s="434"/>
      <c r="JX6" s="434"/>
      <c r="JY6" s="434"/>
      <c r="JZ6" s="434"/>
      <c r="KA6" s="434"/>
      <c r="KB6" s="435"/>
      <c r="KC6" s="433"/>
      <c r="KD6" s="434"/>
      <c r="KE6" s="434"/>
      <c r="KF6" s="434"/>
      <c r="KG6" s="434"/>
      <c r="KH6" s="434"/>
      <c r="KI6" s="434"/>
      <c r="KJ6" s="434"/>
      <c r="KK6" s="434"/>
      <c r="KL6" s="434"/>
      <c r="KM6" s="435"/>
      <c r="KN6" s="433"/>
      <c r="KO6" s="434"/>
      <c r="KP6" s="434"/>
      <c r="KQ6" s="434"/>
      <c r="KR6" s="434"/>
      <c r="KS6" s="434"/>
      <c r="KT6" s="434"/>
      <c r="KU6" s="434"/>
      <c r="KV6" s="434"/>
      <c r="KW6" s="434"/>
      <c r="KX6" s="435"/>
      <c r="KY6" s="433"/>
      <c r="KZ6" s="434"/>
      <c r="LA6" s="434"/>
      <c r="LB6" s="434"/>
      <c r="LC6" s="434"/>
      <c r="LD6" s="434"/>
      <c r="LE6" s="434"/>
      <c r="LF6" s="434"/>
      <c r="LG6" s="434"/>
      <c r="LH6" s="434"/>
      <c r="LI6" s="435"/>
      <c r="LJ6" s="541"/>
      <c r="LK6" s="542"/>
      <c r="LL6" s="542"/>
      <c r="LM6" s="542"/>
      <c r="LN6" s="542"/>
      <c r="LO6" s="542"/>
      <c r="LP6" s="542"/>
      <c r="LQ6" s="542"/>
      <c r="LR6" s="542"/>
      <c r="LS6" s="542"/>
      <c r="LT6" s="543"/>
      <c r="LU6" s="541"/>
      <c r="LV6" s="542"/>
      <c r="LW6" s="542"/>
      <c r="LX6" s="542"/>
      <c r="LY6" s="542"/>
      <c r="LZ6" s="542"/>
      <c r="MA6" s="542"/>
      <c r="MB6" s="542"/>
      <c r="MC6" s="542"/>
      <c r="MD6" s="542"/>
      <c r="ME6" s="543"/>
      <c r="MF6" s="541"/>
      <c r="MG6" s="542"/>
      <c r="MH6" s="542"/>
      <c r="MI6" s="542"/>
      <c r="MJ6" s="542"/>
      <c r="MK6" s="542"/>
      <c r="ML6" s="542"/>
      <c r="MM6" s="542"/>
      <c r="MN6" s="542"/>
      <c r="MO6" s="542"/>
      <c r="MP6" s="543"/>
      <c r="MQ6" s="433"/>
      <c r="MR6" s="434"/>
      <c r="MS6" s="434"/>
      <c r="MT6" s="434"/>
      <c r="MU6" s="434"/>
      <c r="MV6" s="434"/>
      <c r="MW6" s="434"/>
      <c r="MX6" s="434"/>
      <c r="MY6" s="434"/>
      <c r="MZ6" s="434"/>
      <c r="NA6" s="435"/>
      <c r="NB6" s="433"/>
      <c r="NC6" s="434"/>
      <c r="ND6" s="434"/>
      <c r="NE6" s="434"/>
      <c r="NF6" s="434"/>
      <c r="NG6" s="434"/>
      <c r="NH6" s="434"/>
      <c r="NI6" s="434"/>
      <c r="NJ6" s="434"/>
      <c r="NK6" s="434"/>
      <c r="NL6" s="435"/>
      <c r="NM6" s="433"/>
      <c r="NN6" s="434"/>
      <c r="NO6" s="434"/>
      <c r="NP6" s="434"/>
      <c r="NQ6" s="434"/>
      <c r="NR6" s="434"/>
      <c r="NS6" s="434"/>
      <c r="NT6" s="434"/>
      <c r="NU6" s="434"/>
      <c r="NV6" s="434"/>
      <c r="NW6" s="435"/>
      <c r="NX6" s="433"/>
      <c r="NY6" s="434"/>
      <c r="NZ6" s="434"/>
      <c r="OA6" s="434"/>
      <c r="OB6" s="434"/>
      <c r="OC6" s="434"/>
      <c r="OD6" s="434"/>
      <c r="OE6" s="434"/>
      <c r="OF6" s="434"/>
      <c r="OG6" s="434"/>
      <c r="OH6" s="435"/>
      <c r="OI6" s="433"/>
      <c r="OJ6" s="434"/>
      <c r="OK6" s="434"/>
      <c r="OL6" s="434"/>
      <c r="OM6" s="434"/>
      <c r="ON6" s="434"/>
      <c r="OO6" s="434"/>
      <c r="OP6" s="434"/>
      <c r="OQ6" s="434"/>
      <c r="OR6" s="434"/>
      <c r="OS6" s="435"/>
    </row>
    <row r="7" spans="1:409" ht="21" customHeight="1" x14ac:dyDescent="0.2">
      <c r="B7" s="555"/>
      <c r="C7" s="506" t="s">
        <v>61</v>
      </c>
      <c r="D7" s="506"/>
      <c r="E7" s="506"/>
      <c r="F7" s="505" t="s">
        <v>62</v>
      </c>
      <c r="G7" s="506"/>
      <c r="H7" s="506"/>
      <c r="I7" s="506"/>
      <c r="J7" s="506"/>
      <c r="K7" s="506"/>
      <c r="L7" s="506"/>
      <c r="M7" s="505" t="s">
        <v>52</v>
      </c>
      <c r="N7" s="570" t="s">
        <v>61</v>
      </c>
      <c r="O7" s="506"/>
      <c r="P7" s="506"/>
      <c r="Q7" s="505" t="s">
        <v>62</v>
      </c>
      <c r="R7" s="506"/>
      <c r="S7" s="506"/>
      <c r="T7" s="506"/>
      <c r="U7" s="506"/>
      <c r="V7" s="506"/>
      <c r="W7" s="507"/>
      <c r="X7" s="533" t="s">
        <v>52</v>
      </c>
      <c r="Y7" s="433" t="s">
        <v>61</v>
      </c>
      <c r="Z7" s="434"/>
      <c r="AA7" s="515"/>
      <c r="AB7" s="514" t="s">
        <v>62</v>
      </c>
      <c r="AC7" s="434"/>
      <c r="AD7" s="434"/>
      <c r="AE7" s="434"/>
      <c r="AF7" s="434"/>
      <c r="AG7" s="434"/>
      <c r="AH7" s="515"/>
      <c r="AI7" s="435" t="s">
        <v>52</v>
      </c>
      <c r="AJ7" s="502" t="s">
        <v>61</v>
      </c>
      <c r="AK7" s="503"/>
      <c r="AL7" s="504"/>
      <c r="AM7" s="531" t="s">
        <v>62</v>
      </c>
      <c r="AN7" s="503"/>
      <c r="AO7" s="503"/>
      <c r="AP7" s="503"/>
      <c r="AQ7" s="503"/>
      <c r="AR7" s="503"/>
      <c r="AS7" s="532"/>
      <c r="AT7" s="571" t="s">
        <v>52</v>
      </c>
      <c r="AU7" s="518" t="s">
        <v>61</v>
      </c>
      <c r="AV7" s="512"/>
      <c r="AW7" s="513"/>
      <c r="AX7" s="534" t="s">
        <v>62</v>
      </c>
      <c r="AY7" s="512"/>
      <c r="AZ7" s="512"/>
      <c r="BA7" s="512"/>
      <c r="BB7" s="512"/>
      <c r="BC7" s="512"/>
      <c r="BD7" s="535"/>
      <c r="BE7" s="435" t="s">
        <v>52</v>
      </c>
      <c r="BF7" s="518" t="s">
        <v>61</v>
      </c>
      <c r="BG7" s="512"/>
      <c r="BH7" s="513"/>
      <c r="BI7" s="534" t="s">
        <v>62</v>
      </c>
      <c r="BJ7" s="512"/>
      <c r="BK7" s="512"/>
      <c r="BL7" s="512"/>
      <c r="BM7" s="512"/>
      <c r="BN7" s="512"/>
      <c r="BO7" s="535"/>
      <c r="BP7" s="435" t="s">
        <v>52</v>
      </c>
      <c r="BQ7" s="518" t="s">
        <v>61</v>
      </c>
      <c r="BR7" s="512"/>
      <c r="BS7" s="513"/>
      <c r="BT7" s="534" t="s">
        <v>62</v>
      </c>
      <c r="BU7" s="512"/>
      <c r="BV7" s="512"/>
      <c r="BW7" s="512"/>
      <c r="BX7" s="512"/>
      <c r="BY7" s="512"/>
      <c r="BZ7" s="535"/>
      <c r="CA7" s="435" t="s">
        <v>52</v>
      </c>
      <c r="CB7" s="502" t="s">
        <v>61</v>
      </c>
      <c r="CC7" s="503"/>
      <c r="CD7" s="504"/>
      <c r="CE7" s="531" t="s">
        <v>62</v>
      </c>
      <c r="CF7" s="503"/>
      <c r="CG7" s="503"/>
      <c r="CH7" s="503"/>
      <c r="CI7" s="503"/>
      <c r="CJ7" s="503"/>
      <c r="CK7" s="532"/>
      <c r="CL7" s="533" t="s">
        <v>52</v>
      </c>
      <c r="CM7" s="518" t="s">
        <v>61</v>
      </c>
      <c r="CN7" s="512"/>
      <c r="CO7" s="535"/>
      <c r="CP7" s="534" t="s">
        <v>62</v>
      </c>
      <c r="CQ7" s="512"/>
      <c r="CR7" s="512"/>
      <c r="CS7" s="512"/>
      <c r="CT7" s="512"/>
      <c r="CU7" s="512"/>
      <c r="CV7" s="535"/>
      <c r="CW7" s="529" t="s">
        <v>52</v>
      </c>
      <c r="CX7" s="518" t="s">
        <v>61</v>
      </c>
      <c r="CY7" s="512"/>
      <c r="CZ7" s="535"/>
      <c r="DA7" s="534" t="s">
        <v>62</v>
      </c>
      <c r="DB7" s="512"/>
      <c r="DC7" s="512"/>
      <c r="DD7" s="512"/>
      <c r="DE7" s="512"/>
      <c r="DF7" s="512"/>
      <c r="DG7" s="535"/>
      <c r="DH7" s="529" t="s">
        <v>52</v>
      </c>
      <c r="DI7" s="502" t="s">
        <v>61</v>
      </c>
      <c r="DJ7" s="503"/>
      <c r="DK7" s="532"/>
      <c r="DL7" s="531" t="s">
        <v>62</v>
      </c>
      <c r="DM7" s="503"/>
      <c r="DN7" s="503"/>
      <c r="DO7" s="503"/>
      <c r="DP7" s="503"/>
      <c r="DQ7" s="503"/>
      <c r="DR7" s="532"/>
      <c r="DS7" s="533" t="s">
        <v>52</v>
      </c>
      <c r="DT7" s="518" t="s">
        <v>61</v>
      </c>
      <c r="DU7" s="512"/>
      <c r="DV7" s="513"/>
      <c r="DW7" s="534" t="s">
        <v>62</v>
      </c>
      <c r="DX7" s="512"/>
      <c r="DY7" s="512"/>
      <c r="DZ7" s="512"/>
      <c r="EA7" s="512"/>
      <c r="EB7" s="512"/>
      <c r="EC7" s="535"/>
      <c r="ED7" s="435" t="s">
        <v>52</v>
      </c>
      <c r="EE7" s="518" t="s">
        <v>61</v>
      </c>
      <c r="EF7" s="512"/>
      <c r="EG7" s="513"/>
      <c r="EH7" s="534" t="s">
        <v>62</v>
      </c>
      <c r="EI7" s="512"/>
      <c r="EJ7" s="512"/>
      <c r="EK7" s="512"/>
      <c r="EL7" s="512"/>
      <c r="EM7" s="512"/>
      <c r="EN7" s="535"/>
      <c r="EO7" s="435" t="s">
        <v>52</v>
      </c>
      <c r="EP7" s="518" t="s">
        <v>61</v>
      </c>
      <c r="EQ7" s="512"/>
      <c r="ER7" s="513"/>
      <c r="ES7" s="534" t="s">
        <v>62</v>
      </c>
      <c r="ET7" s="512"/>
      <c r="EU7" s="512"/>
      <c r="EV7" s="512"/>
      <c r="EW7" s="512"/>
      <c r="EX7" s="512"/>
      <c r="EY7" s="535"/>
      <c r="EZ7" s="435" t="s">
        <v>52</v>
      </c>
      <c r="FA7" s="518" t="s">
        <v>61</v>
      </c>
      <c r="FB7" s="512"/>
      <c r="FC7" s="513"/>
      <c r="FD7" s="534" t="s">
        <v>62</v>
      </c>
      <c r="FE7" s="512"/>
      <c r="FF7" s="512"/>
      <c r="FG7" s="512"/>
      <c r="FH7" s="512"/>
      <c r="FI7" s="512"/>
      <c r="FJ7" s="535"/>
      <c r="FK7" s="435" t="s">
        <v>52</v>
      </c>
      <c r="FL7" s="502" t="s">
        <v>61</v>
      </c>
      <c r="FM7" s="503"/>
      <c r="FN7" s="504"/>
      <c r="FO7" s="531" t="s">
        <v>62</v>
      </c>
      <c r="FP7" s="503"/>
      <c r="FQ7" s="503"/>
      <c r="FR7" s="503"/>
      <c r="FS7" s="503"/>
      <c r="FT7" s="503"/>
      <c r="FU7" s="532"/>
      <c r="FV7" s="506" t="s">
        <v>52</v>
      </c>
      <c r="FW7" s="518" t="s">
        <v>61</v>
      </c>
      <c r="FX7" s="512"/>
      <c r="FY7" s="513"/>
      <c r="FZ7" s="534" t="s">
        <v>62</v>
      </c>
      <c r="GA7" s="512"/>
      <c r="GB7" s="512"/>
      <c r="GC7" s="512"/>
      <c r="GD7" s="512"/>
      <c r="GE7" s="512"/>
      <c r="GF7" s="535"/>
      <c r="GG7" s="435" t="s">
        <v>52</v>
      </c>
      <c r="GH7" s="433" t="s">
        <v>61</v>
      </c>
      <c r="GI7" s="434"/>
      <c r="GJ7" s="434"/>
      <c r="GK7" s="514" t="s">
        <v>62</v>
      </c>
      <c r="GL7" s="434"/>
      <c r="GM7" s="434"/>
      <c r="GN7" s="434"/>
      <c r="GO7" s="434"/>
      <c r="GP7" s="434"/>
      <c r="GQ7" s="515"/>
      <c r="GR7" s="552" t="s">
        <v>52</v>
      </c>
      <c r="GS7" s="433" t="s">
        <v>61</v>
      </c>
      <c r="GT7" s="434"/>
      <c r="GU7" s="515"/>
      <c r="GV7" s="514" t="s">
        <v>62</v>
      </c>
      <c r="GW7" s="434"/>
      <c r="GX7" s="434"/>
      <c r="GY7" s="434"/>
      <c r="GZ7" s="434"/>
      <c r="HA7" s="434"/>
      <c r="HB7" s="515"/>
      <c r="HC7" s="552" t="s">
        <v>52</v>
      </c>
      <c r="HD7" s="518" t="s">
        <v>61</v>
      </c>
      <c r="HE7" s="512"/>
      <c r="HF7" s="513"/>
      <c r="HG7" s="534" t="s">
        <v>62</v>
      </c>
      <c r="HH7" s="512"/>
      <c r="HI7" s="512"/>
      <c r="HJ7" s="512"/>
      <c r="HK7" s="512"/>
      <c r="HL7" s="512"/>
      <c r="HM7" s="535"/>
      <c r="HN7" s="435" t="s">
        <v>52</v>
      </c>
      <c r="HO7" s="518" t="s">
        <v>61</v>
      </c>
      <c r="HP7" s="512"/>
      <c r="HQ7" s="513"/>
      <c r="HR7" s="534" t="s">
        <v>62</v>
      </c>
      <c r="HS7" s="512"/>
      <c r="HT7" s="512"/>
      <c r="HU7" s="512"/>
      <c r="HV7" s="512"/>
      <c r="HW7" s="512"/>
      <c r="HX7" s="535"/>
      <c r="HY7" s="435" t="s">
        <v>52</v>
      </c>
      <c r="HZ7" s="502" t="s">
        <v>61</v>
      </c>
      <c r="IA7" s="503"/>
      <c r="IB7" s="504"/>
      <c r="IC7" s="531" t="s">
        <v>62</v>
      </c>
      <c r="ID7" s="503"/>
      <c r="IE7" s="503"/>
      <c r="IF7" s="503"/>
      <c r="IG7" s="503"/>
      <c r="IH7" s="503"/>
      <c r="II7" s="532"/>
      <c r="IJ7" s="506" t="s">
        <v>52</v>
      </c>
      <c r="IK7" s="518" t="s">
        <v>61</v>
      </c>
      <c r="IL7" s="512"/>
      <c r="IM7" s="513"/>
      <c r="IN7" s="534" t="s">
        <v>62</v>
      </c>
      <c r="IO7" s="512"/>
      <c r="IP7" s="512"/>
      <c r="IQ7" s="512"/>
      <c r="IR7" s="512"/>
      <c r="IS7" s="512"/>
      <c r="IT7" s="535"/>
      <c r="IU7" s="435" t="s">
        <v>52</v>
      </c>
      <c r="IV7" s="518" t="s">
        <v>61</v>
      </c>
      <c r="IW7" s="512"/>
      <c r="IX7" s="535"/>
      <c r="IY7" s="534" t="s">
        <v>62</v>
      </c>
      <c r="IZ7" s="512"/>
      <c r="JA7" s="512"/>
      <c r="JB7" s="512"/>
      <c r="JC7" s="512"/>
      <c r="JD7" s="512"/>
      <c r="JE7" s="535"/>
      <c r="JF7" s="435" t="s">
        <v>52</v>
      </c>
      <c r="JG7" s="518" t="s">
        <v>61</v>
      </c>
      <c r="JH7" s="512"/>
      <c r="JI7" s="513"/>
      <c r="JJ7" s="534" t="s">
        <v>62</v>
      </c>
      <c r="JK7" s="512"/>
      <c r="JL7" s="512"/>
      <c r="JM7" s="512"/>
      <c r="JN7" s="512"/>
      <c r="JO7" s="512"/>
      <c r="JP7" s="535"/>
      <c r="JQ7" s="529" t="s">
        <v>52</v>
      </c>
      <c r="JR7" s="518" t="s">
        <v>61</v>
      </c>
      <c r="JS7" s="512"/>
      <c r="JT7" s="513"/>
      <c r="JU7" s="534" t="s">
        <v>62</v>
      </c>
      <c r="JV7" s="512"/>
      <c r="JW7" s="512"/>
      <c r="JX7" s="512"/>
      <c r="JY7" s="512"/>
      <c r="JZ7" s="512"/>
      <c r="KA7" s="535"/>
      <c r="KB7" s="529" t="s">
        <v>52</v>
      </c>
      <c r="KC7" s="518" t="s">
        <v>61</v>
      </c>
      <c r="KD7" s="512"/>
      <c r="KE7" s="513"/>
      <c r="KF7" s="534" t="s">
        <v>62</v>
      </c>
      <c r="KG7" s="512"/>
      <c r="KH7" s="512"/>
      <c r="KI7" s="512"/>
      <c r="KJ7" s="512"/>
      <c r="KK7" s="512"/>
      <c r="KL7" s="535"/>
      <c r="KM7" s="529" t="s">
        <v>52</v>
      </c>
      <c r="KN7" s="518" t="s">
        <v>61</v>
      </c>
      <c r="KO7" s="512"/>
      <c r="KP7" s="513"/>
      <c r="KQ7" s="534" t="s">
        <v>62</v>
      </c>
      <c r="KR7" s="512"/>
      <c r="KS7" s="512"/>
      <c r="KT7" s="512"/>
      <c r="KU7" s="512"/>
      <c r="KV7" s="512"/>
      <c r="KW7" s="535"/>
      <c r="KX7" s="529" t="s">
        <v>52</v>
      </c>
      <c r="KY7" s="518" t="s">
        <v>61</v>
      </c>
      <c r="KZ7" s="512"/>
      <c r="LA7" s="513"/>
      <c r="LB7" s="534" t="s">
        <v>62</v>
      </c>
      <c r="LC7" s="512"/>
      <c r="LD7" s="512"/>
      <c r="LE7" s="512"/>
      <c r="LF7" s="512"/>
      <c r="LG7" s="512"/>
      <c r="LH7" s="535"/>
      <c r="LI7" s="529" t="s">
        <v>52</v>
      </c>
      <c r="LJ7" s="518" t="s">
        <v>61</v>
      </c>
      <c r="LK7" s="512"/>
      <c r="LL7" s="513"/>
      <c r="LM7" s="534" t="s">
        <v>62</v>
      </c>
      <c r="LN7" s="512"/>
      <c r="LO7" s="512"/>
      <c r="LP7" s="512"/>
      <c r="LQ7" s="512"/>
      <c r="LR7" s="512"/>
      <c r="LS7" s="535"/>
      <c r="LT7" s="529" t="s">
        <v>52</v>
      </c>
      <c r="LU7" s="518" t="s">
        <v>61</v>
      </c>
      <c r="LV7" s="512"/>
      <c r="LW7" s="513"/>
      <c r="LX7" s="534" t="s">
        <v>62</v>
      </c>
      <c r="LY7" s="512"/>
      <c r="LZ7" s="512"/>
      <c r="MA7" s="512"/>
      <c r="MB7" s="512"/>
      <c r="MC7" s="512"/>
      <c r="MD7" s="535"/>
      <c r="ME7" s="529" t="s">
        <v>52</v>
      </c>
      <c r="MF7" s="502" t="s">
        <v>61</v>
      </c>
      <c r="MG7" s="503"/>
      <c r="MH7" s="504"/>
      <c r="MI7" s="531" t="s">
        <v>62</v>
      </c>
      <c r="MJ7" s="503"/>
      <c r="MK7" s="503"/>
      <c r="ML7" s="503"/>
      <c r="MM7" s="503"/>
      <c r="MN7" s="503"/>
      <c r="MO7" s="532"/>
      <c r="MP7" s="533" t="s">
        <v>52</v>
      </c>
      <c r="MQ7" s="518" t="s">
        <v>61</v>
      </c>
      <c r="MR7" s="512"/>
      <c r="MS7" s="513"/>
      <c r="MT7" s="534" t="s">
        <v>62</v>
      </c>
      <c r="MU7" s="512"/>
      <c r="MV7" s="512"/>
      <c r="MW7" s="512"/>
      <c r="MX7" s="512"/>
      <c r="MY7" s="512"/>
      <c r="MZ7" s="535"/>
      <c r="NA7" s="529" t="s">
        <v>52</v>
      </c>
      <c r="NB7" s="518" t="s">
        <v>61</v>
      </c>
      <c r="NC7" s="512"/>
      <c r="ND7" s="513"/>
      <c r="NE7" s="534" t="s">
        <v>62</v>
      </c>
      <c r="NF7" s="512"/>
      <c r="NG7" s="512"/>
      <c r="NH7" s="512"/>
      <c r="NI7" s="512"/>
      <c r="NJ7" s="512"/>
      <c r="NK7" s="535"/>
      <c r="NL7" s="529" t="s">
        <v>52</v>
      </c>
      <c r="NM7" s="518" t="s">
        <v>61</v>
      </c>
      <c r="NN7" s="512"/>
      <c r="NO7" s="513"/>
      <c r="NP7" s="534" t="s">
        <v>62</v>
      </c>
      <c r="NQ7" s="512"/>
      <c r="NR7" s="512"/>
      <c r="NS7" s="512"/>
      <c r="NT7" s="512"/>
      <c r="NU7" s="512"/>
      <c r="NV7" s="535"/>
      <c r="NW7" s="529" t="s">
        <v>52</v>
      </c>
      <c r="NX7" s="518" t="s">
        <v>61</v>
      </c>
      <c r="NY7" s="512"/>
      <c r="NZ7" s="513"/>
      <c r="OA7" s="534" t="s">
        <v>62</v>
      </c>
      <c r="OB7" s="512"/>
      <c r="OC7" s="512"/>
      <c r="OD7" s="512"/>
      <c r="OE7" s="512"/>
      <c r="OF7" s="512"/>
      <c r="OG7" s="535"/>
      <c r="OH7" s="529" t="s">
        <v>52</v>
      </c>
      <c r="OI7" s="502" t="s">
        <v>61</v>
      </c>
      <c r="OJ7" s="503"/>
      <c r="OK7" s="504"/>
      <c r="OL7" s="531" t="s">
        <v>62</v>
      </c>
      <c r="OM7" s="503"/>
      <c r="ON7" s="503"/>
      <c r="OO7" s="503"/>
      <c r="OP7" s="503"/>
      <c r="OQ7" s="503"/>
      <c r="OR7" s="532"/>
      <c r="OS7" s="533" t="s">
        <v>52</v>
      </c>
    </row>
    <row r="8" spans="1:409" ht="30" customHeight="1" thickBot="1" x14ac:dyDescent="0.25">
      <c r="B8" s="556"/>
      <c r="C8" s="249" t="s">
        <v>43</v>
      </c>
      <c r="D8" s="74" t="s">
        <v>44</v>
      </c>
      <c r="E8" s="250" t="s">
        <v>45</v>
      </c>
      <c r="F8" s="76" t="s">
        <v>83</v>
      </c>
      <c r="G8" s="74" t="s">
        <v>47</v>
      </c>
      <c r="H8" s="74" t="s">
        <v>48</v>
      </c>
      <c r="I8" s="74" t="s">
        <v>49</v>
      </c>
      <c r="J8" s="74" t="s">
        <v>50</v>
      </c>
      <c r="K8" s="74" t="s">
        <v>51</v>
      </c>
      <c r="L8" s="75" t="s">
        <v>45</v>
      </c>
      <c r="M8" s="569"/>
      <c r="N8" s="73" t="s">
        <v>43</v>
      </c>
      <c r="O8" s="74" t="s">
        <v>44</v>
      </c>
      <c r="P8" s="75" t="s">
        <v>45</v>
      </c>
      <c r="Q8" s="76" t="s">
        <v>83</v>
      </c>
      <c r="R8" s="74" t="s">
        <v>47</v>
      </c>
      <c r="S8" s="74" t="s">
        <v>48</v>
      </c>
      <c r="T8" s="74" t="s">
        <v>49</v>
      </c>
      <c r="U8" s="74" t="s">
        <v>50</v>
      </c>
      <c r="V8" s="74" t="s">
        <v>51</v>
      </c>
      <c r="W8" s="75" t="s">
        <v>45</v>
      </c>
      <c r="X8" s="550"/>
      <c r="Y8" s="73" t="s">
        <v>43</v>
      </c>
      <c r="Z8" s="74" t="s">
        <v>44</v>
      </c>
      <c r="AA8" s="75" t="s">
        <v>45</v>
      </c>
      <c r="AB8" s="76" t="s">
        <v>83</v>
      </c>
      <c r="AC8" s="74" t="s">
        <v>47</v>
      </c>
      <c r="AD8" s="74" t="s">
        <v>48</v>
      </c>
      <c r="AE8" s="74" t="s">
        <v>49</v>
      </c>
      <c r="AF8" s="74" t="s">
        <v>50</v>
      </c>
      <c r="AG8" s="74" t="s">
        <v>51</v>
      </c>
      <c r="AH8" s="75" t="s">
        <v>45</v>
      </c>
      <c r="AI8" s="551"/>
      <c r="AJ8" s="73" t="s">
        <v>43</v>
      </c>
      <c r="AK8" s="74" t="s">
        <v>44</v>
      </c>
      <c r="AL8" s="250" t="s">
        <v>45</v>
      </c>
      <c r="AM8" s="76" t="s">
        <v>83</v>
      </c>
      <c r="AN8" s="74" t="s">
        <v>47</v>
      </c>
      <c r="AO8" s="74" t="s">
        <v>48</v>
      </c>
      <c r="AP8" s="74" t="s">
        <v>49</v>
      </c>
      <c r="AQ8" s="74" t="s">
        <v>50</v>
      </c>
      <c r="AR8" s="74" t="s">
        <v>51</v>
      </c>
      <c r="AS8" s="75" t="s">
        <v>45</v>
      </c>
      <c r="AT8" s="551"/>
      <c r="AU8" s="73" t="s">
        <v>43</v>
      </c>
      <c r="AV8" s="74" t="s">
        <v>44</v>
      </c>
      <c r="AW8" s="250" t="s">
        <v>45</v>
      </c>
      <c r="AX8" s="76" t="s">
        <v>83</v>
      </c>
      <c r="AY8" s="74" t="s">
        <v>47</v>
      </c>
      <c r="AZ8" s="74" t="s">
        <v>48</v>
      </c>
      <c r="BA8" s="74" t="s">
        <v>49</v>
      </c>
      <c r="BB8" s="74" t="s">
        <v>50</v>
      </c>
      <c r="BC8" s="74" t="s">
        <v>51</v>
      </c>
      <c r="BD8" s="75" t="s">
        <v>45</v>
      </c>
      <c r="BE8" s="551"/>
      <c r="BF8" s="251" t="s">
        <v>43</v>
      </c>
      <c r="BG8" s="74" t="s">
        <v>44</v>
      </c>
      <c r="BH8" s="250" t="s">
        <v>45</v>
      </c>
      <c r="BI8" s="76" t="s">
        <v>83</v>
      </c>
      <c r="BJ8" s="74" t="s">
        <v>47</v>
      </c>
      <c r="BK8" s="74" t="s">
        <v>48</v>
      </c>
      <c r="BL8" s="74" t="s">
        <v>49</v>
      </c>
      <c r="BM8" s="74" t="s">
        <v>50</v>
      </c>
      <c r="BN8" s="74" t="s">
        <v>51</v>
      </c>
      <c r="BO8" s="75" t="s">
        <v>45</v>
      </c>
      <c r="BP8" s="551"/>
      <c r="BQ8" s="73" t="s">
        <v>43</v>
      </c>
      <c r="BR8" s="74" t="s">
        <v>44</v>
      </c>
      <c r="BS8" s="250" t="s">
        <v>45</v>
      </c>
      <c r="BT8" s="76" t="s">
        <v>83</v>
      </c>
      <c r="BU8" s="74" t="s">
        <v>47</v>
      </c>
      <c r="BV8" s="74" t="s">
        <v>48</v>
      </c>
      <c r="BW8" s="74" t="s">
        <v>49</v>
      </c>
      <c r="BX8" s="74" t="s">
        <v>50</v>
      </c>
      <c r="BY8" s="74" t="s">
        <v>51</v>
      </c>
      <c r="BZ8" s="75" t="s">
        <v>45</v>
      </c>
      <c r="CA8" s="551"/>
      <c r="CB8" s="73" t="s">
        <v>43</v>
      </c>
      <c r="CC8" s="74" t="s">
        <v>44</v>
      </c>
      <c r="CD8" s="250" t="s">
        <v>45</v>
      </c>
      <c r="CE8" s="76" t="s">
        <v>83</v>
      </c>
      <c r="CF8" s="74" t="s">
        <v>47</v>
      </c>
      <c r="CG8" s="74" t="s">
        <v>48</v>
      </c>
      <c r="CH8" s="74" t="s">
        <v>49</v>
      </c>
      <c r="CI8" s="74" t="s">
        <v>50</v>
      </c>
      <c r="CJ8" s="74" t="s">
        <v>51</v>
      </c>
      <c r="CK8" s="75" t="s">
        <v>45</v>
      </c>
      <c r="CL8" s="550"/>
      <c r="CM8" s="73" t="s">
        <v>43</v>
      </c>
      <c r="CN8" s="74" t="s">
        <v>44</v>
      </c>
      <c r="CO8" s="75" t="s">
        <v>45</v>
      </c>
      <c r="CP8" s="76" t="s">
        <v>83</v>
      </c>
      <c r="CQ8" s="74" t="s">
        <v>47</v>
      </c>
      <c r="CR8" s="74" t="s">
        <v>48</v>
      </c>
      <c r="CS8" s="74" t="s">
        <v>49</v>
      </c>
      <c r="CT8" s="74" t="s">
        <v>50</v>
      </c>
      <c r="CU8" s="74" t="s">
        <v>51</v>
      </c>
      <c r="CV8" s="75" t="s">
        <v>45</v>
      </c>
      <c r="CW8" s="550"/>
      <c r="CX8" s="73" t="s">
        <v>43</v>
      </c>
      <c r="CY8" s="74" t="s">
        <v>44</v>
      </c>
      <c r="CZ8" s="75" t="s">
        <v>45</v>
      </c>
      <c r="DA8" s="76" t="s">
        <v>83</v>
      </c>
      <c r="DB8" s="74" t="s">
        <v>47</v>
      </c>
      <c r="DC8" s="74" t="s">
        <v>48</v>
      </c>
      <c r="DD8" s="74" t="s">
        <v>49</v>
      </c>
      <c r="DE8" s="74" t="s">
        <v>50</v>
      </c>
      <c r="DF8" s="74" t="s">
        <v>51</v>
      </c>
      <c r="DG8" s="75" t="s">
        <v>45</v>
      </c>
      <c r="DH8" s="550"/>
      <c r="DI8" s="73" t="s">
        <v>43</v>
      </c>
      <c r="DJ8" s="74" t="s">
        <v>44</v>
      </c>
      <c r="DK8" s="75" t="s">
        <v>45</v>
      </c>
      <c r="DL8" s="76" t="s">
        <v>83</v>
      </c>
      <c r="DM8" s="74" t="s">
        <v>47</v>
      </c>
      <c r="DN8" s="74" t="s">
        <v>48</v>
      </c>
      <c r="DO8" s="74" t="s">
        <v>49</v>
      </c>
      <c r="DP8" s="74" t="s">
        <v>50</v>
      </c>
      <c r="DQ8" s="74" t="s">
        <v>51</v>
      </c>
      <c r="DR8" s="75" t="s">
        <v>45</v>
      </c>
      <c r="DS8" s="550"/>
      <c r="DT8" s="73" t="s">
        <v>43</v>
      </c>
      <c r="DU8" s="74" t="s">
        <v>44</v>
      </c>
      <c r="DV8" s="250" t="s">
        <v>45</v>
      </c>
      <c r="DW8" s="76" t="s">
        <v>83</v>
      </c>
      <c r="DX8" s="74" t="s">
        <v>47</v>
      </c>
      <c r="DY8" s="74" t="s">
        <v>48</v>
      </c>
      <c r="DZ8" s="74" t="s">
        <v>49</v>
      </c>
      <c r="EA8" s="74" t="s">
        <v>50</v>
      </c>
      <c r="EB8" s="74" t="s">
        <v>51</v>
      </c>
      <c r="EC8" s="75" t="s">
        <v>45</v>
      </c>
      <c r="ED8" s="551"/>
      <c r="EE8" s="73" t="s">
        <v>43</v>
      </c>
      <c r="EF8" s="74" t="s">
        <v>44</v>
      </c>
      <c r="EG8" s="250" t="s">
        <v>45</v>
      </c>
      <c r="EH8" s="76" t="s">
        <v>83</v>
      </c>
      <c r="EI8" s="74" t="s">
        <v>47</v>
      </c>
      <c r="EJ8" s="74" t="s">
        <v>48</v>
      </c>
      <c r="EK8" s="74" t="s">
        <v>49</v>
      </c>
      <c r="EL8" s="74" t="s">
        <v>50</v>
      </c>
      <c r="EM8" s="74" t="s">
        <v>51</v>
      </c>
      <c r="EN8" s="75" t="s">
        <v>45</v>
      </c>
      <c r="EO8" s="551"/>
      <c r="EP8" s="73" t="s">
        <v>43</v>
      </c>
      <c r="EQ8" s="74" t="s">
        <v>44</v>
      </c>
      <c r="ER8" s="250" t="s">
        <v>45</v>
      </c>
      <c r="ES8" s="76" t="s">
        <v>83</v>
      </c>
      <c r="ET8" s="74" t="s">
        <v>47</v>
      </c>
      <c r="EU8" s="74" t="s">
        <v>48</v>
      </c>
      <c r="EV8" s="74" t="s">
        <v>49</v>
      </c>
      <c r="EW8" s="74" t="s">
        <v>50</v>
      </c>
      <c r="EX8" s="74" t="s">
        <v>51</v>
      </c>
      <c r="EY8" s="75" t="s">
        <v>45</v>
      </c>
      <c r="EZ8" s="551"/>
      <c r="FA8" s="73" t="s">
        <v>43</v>
      </c>
      <c r="FB8" s="74" t="s">
        <v>44</v>
      </c>
      <c r="FC8" s="250" t="s">
        <v>45</v>
      </c>
      <c r="FD8" s="76" t="s">
        <v>83</v>
      </c>
      <c r="FE8" s="74" t="s">
        <v>47</v>
      </c>
      <c r="FF8" s="74" t="s">
        <v>48</v>
      </c>
      <c r="FG8" s="74" t="s">
        <v>49</v>
      </c>
      <c r="FH8" s="74" t="s">
        <v>50</v>
      </c>
      <c r="FI8" s="74" t="s">
        <v>51</v>
      </c>
      <c r="FJ8" s="75" t="s">
        <v>45</v>
      </c>
      <c r="FK8" s="551"/>
      <c r="FL8" s="73" t="s">
        <v>43</v>
      </c>
      <c r="FM8" s="74" t="s">
        <v>44</v>
      </c>
      <c r="FN8" s="250" t="s">
        <v>45</v>
      </c>
      <c r="FO8" s="76" t="s">
        <v>83</v>
      </c>
      <c r="FP8" s="74" t="s">
        <v>47</v>
      </c>
      <c r="FQ8" s="74" t="s">
        <v>48</v>
      </c>
      <c r="FR8" s="74" t="s">
        <v>49</v>
      </c>
      <c r="FS8" s="74" t="s">
        <v>50</v>
      </c>
      <c r="FT8" s="74" t="s">
        <v>51</v>
      </c>
      <c r="FU8" s="75" t="s">
        <v>45</v>
      </c>
      <c r="FV8" s="549"/>
      <c r="FW8" s="73" t="s">
        <v>43</v>
      </c>
      <c r="FX8" s="74" t="s">
        <v>44</v>
      </c>
      <c r="FY8" s="250" t="s">
        <v>45</v>
      </c>
      <c r="FZ8" s="76" t="s">
        <v>83</v>
      </c>
      <c r="GA8" s="74" t="s">
        <v>47</v>
      </c>
      <c r="GB8" s="74" t="s">
        <v>48</v>
      </c>
      <c r="GC8" s="74" t="s">
        <v>49</v>
      </c>
      <c r="GD8" s="74" t="s">
        <v>50</v>
      </c>
      <c r="GE8" s="74" t="s">
        <v>51</v>
      </c>
      <c r="GF8" s="75" t="s">
        <v>45</v>
      </c>
      <c r="GG8" s="551"/>
      <c r="GH8" s="73" t="s">
        <v>43</v>
      </c>
      <c r="GI8" s="74" t="s">
        <v>44</v>
      </c>
      <c r="GJ8" s="250" t="s">
        <v>45</v>
      </c>
      <c r="GK8" s="76" t="s">
        <v>83</v>
      </c>
      <c r="GL8" s="74" t="s">
        <v>47</v>
      </c>
      <c r="GM8" s="74" t="s">
        <v>48</v>
      </c>
      <c r="GN8" s="74" t="s">
        <v>49</v>
      </c>
      <c r="GO8" s="74" t="s">
        <v>50</v>
      </c>
      <c r="GP8" s="74" t="s">
        <v>51</v>
      </c>
      <c r="GQ8" s="75" t="s">
        <v>45</v>
      </c>
      <c r="GR8" s="553"/>
      <c r="GS8" s="73" t="s">
        <v>43</v>
      </c>
      <c r="GT8" s="74" t="s">
        <v>44</v>
      </c>
      <c r="GU8" s="250" t="s">
        <v>45</v>
      </c>
      <c r="GV8" s="76" t="s">
        <v>83</v>
      </c>
      <c r="GW8" s="74" t="s">
        <v>47</v>
      </c>
      <c r="GX8" s="74" t="s">
        <v>48</v>
      </c>
      <c r="GY8" s="74" t="s">
        <v>49</v>
      </c>
      <c r="GZ8" s="74" t="s">
        <v>50</v>
      </c>
      <c r="HA8" s="74" t="s">
        <v>51</v>
      </c>
      <c r="HB8" s="75" t="s">
        <v>45</v>
      </c>
      <c r="HC8" s="553"/>
      <c r="HD8" s="73" t="s">
        <v>43</v>
      </c>
      <c r="HE8" s="74" t="s">
        <v>44</v>
      </c>
      <c r="HF8" s="250" t="s">
        <v>45</v>
      </c>
      <c r="HG8" s="76" t="s">
        <v>83</v>
      </c>
      <c r="HH8" s="74" t="s">
        <v>47</v>
      </c>
      <c r="HI8" s="74" t="s">
        <v>48</v>
      </c>
      <c r="HJ8" s="74" t="s">
        <v>49</v>
      </c>
      <c r="HK8" s="74" t="s">
        <v>50</v>
      </c>
      <c r="HL8" s="74" t="s">
        <v>51</v>
      </c>
      <c r="HM8" s="75" t="s">
        <v>45</v>
      </c>
      <c r="HN8" s="551"/>
      <c r="HO8" s="73" t="s">
        <v>43</v>
      </c>
      <c r="HP8" s="74" t="s">
        <v>44</v>
      </c>
      <c r="HQ8" s="250" t="s">
        <v>45</v>
      </c>
      <c r="HR8" s="76" t="s">
        <v>83</v>
      </c>
      <c r="HS8" s="74" t="s">
        <v>47</v>
      </c>
      <c r="HT8" s="74" t="s">
        <v>48</v>
      </c>
      <c r="HU8" s="74" t="s">
        <v>49</v>
      </c>
      <c r="HV8" s="74" t="s">
        <v>50</v>
      </c>
      <c r="HW8" s="74" t="s">
        <v>51</v>
      </c>
      <c r="HX8" s="75" t="s">
        <v>45</v>
      </c>
      <c r="HY8" s="551"/>
      <c r="HZ8" s="73" t="s">
        <v>43</v>
      </c>
      <c r="IA8" s="74" t="s">
        <v>44</v>
      </c>
      <c r="IB8" s="250" t="s">
        <v>45</v>
      </c>
      <c r="IC8" s="76" t="s">
        <v>83</v>
      </c>
      <c r="ID8" s="74" t="s">
        <v>47</v>
      </c>
      <c r="IE8" s="74" t="s">
        <v>48</v>
      </c>
      <c r="IF8" s="74" t="s">
        <v>49</v>
      </c>
      <c r="IG8" s="74" t="s">
        <v>50</v>
      </c>
      <c r="IH8" s="74" t="s">
        <v>51</v>
      </c>
      <c r="II8" s="75" t="s">
        <v>45</v>
      </c>
      <c r="IJ8" s="549"/>
      <c r="IK8" s="73" t="s">
        <v>43</v>
      </c>
      <c r="IL8" s="74" t="s">
        <v>44</v>
      </c>
      <c r="IM8" s="250" t="s">
        <v>45</v>
      </c>
      <c r="IN8" s="76" t="s">
        <v>83</v>
      </c>
      <c r="IO8" s="252" t="s">
        <v>47</v>
      </c>
      <c r="IP8" s="252" t="s">
        <v>48</v>
      </c>
      <c r="IQ8" s="252" t="s">
        <v>49</v>
      </c>
      <c r="IR8" s="252" t="s">
        <v>50</v>
      </c>
      <c r="IS8" s="252" t="s">
        <v>51</v>
      </c>
      <c r="IT8" s="253" t="s">
        <v>45</v>
      </c>
      <c r="IU8" s="548"/>
      <c r="IV8" s="251" t="s">
        <v>43</v>
      </c>
      <c r="IW8" s="252" t="s">
        <v>44</v>
      </c>
      <c r="IX8" s="253" t="s">
        <v>45</v>
      </c>
      <c r="IY8" s="231" t="s">
        <v>83</v>
      </c>
      <c r="IZ8" s="252" t="s">
        <v>47</v>
      </c>
      <c r="JA8" s="252" t="s">
        <v>48</v>
      </c>
      <c r="JB8" s="252" t="s">
        <v>49</v>
      </c>
      <c r="JC8" s="252" t="s">
        <v>50</v>
      </c>
      <c r="JD8" s="252" t="s">
        <v>51</v>
      </c>
      <c r="JE8" s="253" t="s">
        <v>45</v>
      </c>
      <c r="JF8" s="548"/>
      <c r="JG8" s="251" t="s">
        <v>43</v>
      </c>
      <c r="JH8" s="252" t="s">
        <v>44</v>
      </c>
      <c r="JI8" s="254" t="s">
        <v>45</v>
      </c>
      <c r="JJ8" s="231" t="s">
        <v>83</v>
      </c>
      <c r="JK8" s="252" t="s">
        <v>47</v>
      </c>
      <c r="JL8" s="252" t="s">
        <v>48</v>
      </c>
      <c r="JM8" s="252" t="s">
        <v>49</v>
      </c>
      <c r="JN8" s="252" t="s">
        <v>50</v>
      </c>
      <c r="JO8" s="252" t="s">
        <v>51</v>
      </c>
      <c r="JP8" s="253" t="s">
        <v>45</v>
      </c>
      <c r="JQ8" s="530"/>
      <c r="JR8" s="251" t="s">
        <v>43</v>
      </c>
      <c r="JS8" s="252" t="s">
        <v>44</v>
      </c>
      <c r="JT8" s="254" t="s">
        <v>45</v>
      </c>
      <c r="JU8" s="231" t="s">
        <v>83</v>
      </c>
      <c r="JV8" s="252" t="s">
        <v>47</v>
      </c>
      <c r="JW8" s="252" t="s">
        <v>48</v>
      </c>
      <c r="JX8" s="252" t="s">
        <v>49</v>
      </c>
      <c r="JY8" s="252" t="s">
        <v>50</v>
      </c>
      <c r="JZ8" s="252" t="s">
        <v>51</v>
      </c>
      <c r="KA8" s="253" t="s">
        <v>45</v>
      </c>
      <c r="KB8" s="530"/>
      <c r="KC8" s="251" t="s">
        <v>43</v>
      </c>
      <c r="KD8" s="252" t="s">
        <v>44</v>
      </c>
      <c r="KE8" s="254" t="s">
        <v>45</v>
      </c>
      <c r="KF8" s="231" t="s">
        <v>83</v>
      </c>
      <c r="KG8" s="252" t="s">
        <v>47</v>
      </c>
      <c r="KH8" s="252" t="s">
        <v>48</v>
      </c>
      <c r="KI8" s="252" t="s">
        <v>49</v>
      </c>
      <c r="KJ8" s="252" t="s">
        <v>50</v>
      </c>
      <c r="KK8" s="252" t="s">
        <v>51</v>
      </c>
      <c r="KL8" s="253" t="s">
        <v>45</v>
      </c>
      <c r="KM8" s="530"/>
      <c r="KN8" s="251" t="s">
        <v>43</v>
      </c>
      <c r="KO8" s="252" t="s">
        <v>44</v>
      </c>
      <c r="KP8" s="254" t="s">
        <v>45</v>
      </c>
      <c r="KQ8" s="76" t="s">
        <v>83</v>
      </c>
      <c r="KR8" s="252" t="s">
        <v>47</v>
      </c>
      <c r="KS8" s="252" t="s">
        <v>48</v>
      </c>
      <c r="KT8" s="252" t="s">
        <v>49</v>
      </c>
      <c r="KU8" s="252" t="s">
        <v>50</v>
      </c>
      <c r="KV8" s="252" t="s">
        <v>51</v>
      </c>
      <c r="KW8" s="253" t="s">
        <v>45</v>
      </c>
      <c r="KX8" s="530"/>
      <c r="KY8" s="251" t="s">
        <v>43</v>
      </c>
      <c r="KZ8" s="252" t="s">
        <v>44</v>
      </c>
      <c r="LA8" s="254" t="s">
        <v>45</v>
      </c>
      <c r="LB8" s="76" t="s">
        <v>83</v>
      </c>
      <c r="LC8" s="252" t="s">
        <v>47</v>
      </c>
      <c r="LD8" s="252" t="s">
        <v>48</v>
      </c>
      <c r="LE8" s="252" t="s">
        <v>49</v>
      </c>
      <c r="LF8" s="252" t="s">
        <v>50</v>
      </c>
      <c r="LG8" s="252" t="s">
        <v>51</v>
      </c>
      <c r="LH8" s="253" t="s">
        <v>45</v>
      </c>
      <c r="LI8" s="530"/>
      <c r="LJ8" s="251" t="s">
        <v>43</v>
      </c>
      <c r="LK8" s="252" t="s">
        <v>44</v>
      </c>
      <c r="LL8" s="254" t="s">
        <v>45</v>
      </c>
      <c r="LM8" s="76" t="s">
        <v>83</v>
      </c>
      <c r="LN8" s="252" t="s">
        <v>47</v>
      </c>
      <c r="LO8" s="252" t="s">
        <v>48</v>
      </c>
      <c r="LP8" s="252" t="s">
        <v>49</v>
      </c>
      <c r="LQ8" s="252" t="s">
        <v>50</v>
      </c>
      <c r="LR8" s="252" t="s">
        <v>51</v>
      </c>
      <c r="LS8" s="253" t="s">
        <v>45</v>
      </c>
      <c r="LT8" s="530"/>
      <c r="LU8" s="251" t="s">
        <v>43</v>
      </c>
      <c r="LV8" s="252" t="s">
        <v>44</v>
      </c>
      <c r="LW8" s="254" t="s">
        <v>45</v>
      </c>
      <c r="LX8" s="76" t="s">
        <v>83</v>
      </c>
      <c r="LY8" s="252" t="s">
        <v>47</v>
      </c>
      <c r="LZ8" s="252" t="s">
        <v>48</v>
      </c>
      <c r="MA8" s="252" t="s">
        <v>49</v>
      </c>
      <c r="MB8" s="252" t="s">
        <v>50</v>
      </c>
      <c r="MC8" s="252" t="s">
        <v>51</v>
      </c>
      <c r="MD8" s="253" t="s">
        <v>45</v>
      </c>
      <c r="ME8" s="530"/>
      <c r="MF8" s="251" t="s">
        <v>43</v>
      </c>
      <c r="MG8" s="252" t="s">
        <v>44</v>
      </c>
      <c r="MH8" s="254" t="s">
        <v>45</v>
      </c>
      <c r="MI8" s="76" t="s">
        <v>83</v>
      </c>
      <c r="MJ8" s="252" t="s">
        <v>47</v>
      </c>
      <c r="MK8" s="252" t="s">
        <v>48</v>
      </c>
      <c r="ML8" s="252" t="s">
        <v>49</v>
      </c>
      <c r="MM8" s="252" t="s">
        <v>50</v>
      </c>
      <c r="MN8" s="252" t="s">
        <v>51</v>
      </c>
      <c r="MO8" s="253" t="s">
        <v>45</v>
      </c>
      <c r="MP8" s="530"/>
      <c r="MQ8" s="251" t="s">
        <v>43</v>
      </c>
      <c r="MR8" s="252" t="s">
        <v>44</v>
      </c>
      <c r="MS8" s="254" t="s">
        <v>45</v>
      </c>
      <c r="MT8" s="76" t="s">
        <v>83</v>
      </c>
      <c r="MU8" s="252" t="s">
        <v>47</v>
      </c>
      <c r="MV8" s="252" t="s">
        <v>48</v>
      </c>
      <c r="MW8" s="252" t="s">
        <v>49</v>
      </c>
      <c r="MX8" s="252" t="s">
        <v>50</v>
      </c>
      <c r="MY8" s="252" t="s">
        <v>51</v>
      </c>
      <c r="MZ8" s="253" t="s">
        <v>45</v>
      </c>
      <c r="NA8" s="530"/>
      <c r="NB8" s="251" t="s">
        <v>43</v>
      </c>
      <c r="NC8" s="252" t="s">
        <v>44</v>
      </c>
      <c r="ND8" s="254" t="s">
        <v>45</v>
      </c>
      <c r="NE8" s="76" t="s">
        <v>83</v>
      </c>
      <c r="NF8" s="252" t="s">
        <v>47</v>
      </c>
      <c r="NG8" s="252" t="s">
        <v>48</v>
      </c>
      <c r="NH8" s="252" t="s">
        <v>49</v>
      </c>
      <c r="NI8" s="252" t="s">
        <v>50</v>
      </c>
      <c r="NJ8" s="252" t="s">
        <v>51</v>
      </c>
      <c r="NK8" s="253" t="s">
        <v>45</v>
      </c>
      <c r="NL8" s="530"/>
      <c r="NM8" s="251" t="s">
        <v>43</v>
      </c>
      <c r="NN8" s="252" t="s">
        <v>44</v>
      </c>
      <c r="NO8" s="254" t="s">
        <v>45</v>
      </c>
      <c r="NP8" s="76" t="s">
        <v>83</v>
      </c>
      <c r="NQ8" s="252" t="s">
        <v>47</v>
      </c>
      <c r="NR8" s="252" t="s">
        <v>48</v>
      </c>
      <c r="NS8" s="252" t="s">
        <v>49</v>
      </c>
      <c r="NT8" s="252" t="s">
        <v>50</v>
      </c>
      <c r="NU8" s="252" t="s">
        <v>51</v>
      </c>
      <c r="NV8" s="253" t="s">
        <v>45</v>
      </c>
      <c r="NW8" s="530"/>
      <c r="NX8" s="251" t="s">
        <v>43</v>
      </c>
      <c r="NY8" s="252" t="s">
        <v>44</v>
      </c>
      <c r="NZ8" s="254" t="s">
        <v>45</v>
      </c>
      <c r="OA8" s="76" t="s">
        <v>83</v>
      </c>
      <c r="OB8" s="252" t="s">
        <v>47</v>
      </c>
      <c r="OC8" s="252" t="s">
        <v>48</v>
      </c>
      <c r="OD8" s="252" t="s">
        <v>49</v>
      </c>
      <c r="OE8" s="252" t="s">
        <v>50</v>
      </c>
      <c r="OF8" s="252" t="s">
        <v>51</v>
      </c>
      <c r="OG8" s="253" t="s">
        <v>45</v>
      </c>
      <c r="OH8" s="530"/>
      <c r="OI8" s="251" t="s">
        <v>43</v>
      </c>
      <c r="OJ8" s="252" t="s">
        <v>44</v>
      </c>
      <c r="OK8" s="254" t="s">
        <v>45</v>
      </c>
      <c r="OL8" s="231" t="s">
        <v>83</v>
      </c>
      <c r="OM8" s="252" t="s">
        <v>47</v>
      </c>
      <c r="ON8" s="252" t="s">
        <v>48</v>
      </c>
      <c r="OO8" s="252" t="s">
        <v>49</v>
      </c>
      <c r="OP8" s="252" t="s">
        <v>50</v>
      </c>
      <c r="OQ8" s="252" t="s">
        <v>51</v>
      </c>
      <c r="OR8" s="253" t="s">
        <v>45</v>
      </c>
      <c r="OS8" s="530"/>
    </row>
    <row r="9" spans="1:409" s="407" customFormat="1" ht="21" customHeight="1" x14ac:dyDescent="0.2">
      <c r="A9" s="70"/>
      <c r="B9" s="408" t="s">
        <v>4</v>
      </c>
      <c r="C9" s="255">
        <v>442822402</v>
      </c>
      <c r="D9" s="256">
        <v>936447898</v>
      </c>
      <c r="E9" s="257">
        <v>1379270300</v>
      </c>
      <c r="F9" s="258">
        <v>0</v>
      </c>
      <c r="G9" s="256">
        <v>5664485554</v>
      </c>
      <c r="H9" s="256">
        <v>7944149768</v>
      </c>
      <c r="I9" s="256">
        <v>6446949457</v>
      </c>
      <c r="J9" s="256">
        <v>6090331917</v>
      </c>
      <c r="K9" s="256">
        <v>4560188799</v>
      </c>
      <c r="L9" s="259">
        <v>30706105495</v>
      </c>
      <c r="M9" s="260">
        <v>32085375795</v>
      </c>
      <c r="N9" s="255">
        <v>109634027</v>
      </c>
      <c r="O9" s="256">
        <v>294382115</v>
      </c>
      <c r="P9" s="261">
        <v>404016142</v>
      </c>
      <c r="Q9" s="255">
        <v>0</v>
      </c>
      <c r="R9" s="256">
        <v>1650342994</v>
      </c>
      <c r="S9" s="256">
        <v>2643230744</v>
      </c>
      <c r="T9" s="256">
        <v>2222103740</v>
      </c>
      <c r="U9" s="256">
        <v>2433675538</v>
      </c>
      <c r="V9" s="256">
        <v>2374808867</v>
      </c>
      <c r="W9" s="261">
        <v>11324161883</v>
      </c>
      <c r="X9" s="260">
        <v>11728178025</v>
      </c>
      <c r="Y9" s="255">
        <v>0</v>
      </c>
      <c r="Z9" s="256">
        <v>0</v>
      </c>
      <c r="AA9" s="261">
        <v>0</v>
      </c>
      <c r="AB9" s="262">
        <v>0</v>
      </c>
      <c r="AC9" s="263">
        <v>752869226</v>
      </c>
      <c r="AD9" s="263">
        <v>1264045106</v>
      </c>
      <c r="AE9" s="263">
        <v>1221876909</v>
      </c>
      <c r="AF9" s="263">
        <v>1431712254</v>
      </c>
      <c r="AG9" s="263">
        <v>1395438415</v>
      </c>
      <c r="AH9" s="261">
        <v>6065941910</v>
      </c>
      <c r="AI9" s="260">
        <v>6065941910</v>
      </c>
      <c r="AJ9" s="264">
        <v>56233</v>
      </c>
      <c r="AK9" s="263">
        <v>891816</v>
      </c>
      <c r="AL9" s="261">
        <v>948049</v>
      </c>
      <c r="AM9" s="262">
        <v>0</v>
      </c>
      <c r="AN9" s="263">
        <v>5023024</v>
      </c>
      <c r="AO9" s="259">
        <v>23603289</v>
      </c>
      <c r="AP9" s="263">
        <v>50207151</v>
      </c>
      <c r="AQ9" s="263">
        <v>136630132</v>
      </c>
      <c r="AR9" s="263">
        <v>255505903</v>
      </c>
      <c r="AS9" s="261">
        <v>470969499</v>
      </c>
      <c r="AT9" s="260">
        <v>471917548</v>
      </c>
      <c r="AU9" s="264">
        <v>62528543</v>
      </c>
      <c r="AV9" s="263">
        <v>214412841</v>
      </c>
      <c r="AW9" s="261">
        <v>276941384</v>
      </c>
      <c r="AX9" s="262">
        <v>0</v>
      </c>
      <c r="AY9" s="263">
        <v>556607184</v>
      </c>
      <c r="AZ9" s="263">
        <v>911391468</v>
      </c>
      <c r="BA9" s="263">
        <v>576659905</v>
      </c>
      <c r="BB9" s="263">
        <v>507181615</v>
      </c>
      <c r="BC9" s="263">
        <v>452951740</v>
      </c>
      <c r="BD9" s="261">
        <v>3004791912</v>
      </c>
      <c r="BE9" s="265">
        <v>3281733296</v>
      </c>
      <c r="BF9" s="264">
        <v>7442310</v>
      </c>
      <c r="BG9" s="259">
        <v>28265080</v>
      </c>
      <c r="BH9" s="266">
        <v>35707390</v>
      </c>
      <c r="BI9" s="262">
        <v>0</v>
      </c>
      <c r="BJ9" s="263">
        <v>47741027</v>
      </c>
      <c r="BK9" s="263">
        <v>76192838</v>
      </c>
      <c r="BL9" s="263">
        <v>48721141</v>
      </c>
      <c r="BM9" s="263">
        <v>39392665</v>
      </c>
      <c r="BN9" s="263">
        <v>26921828</v>
      </c>
      <c r="BO9" s="261">
        <v>238969499</v>
      </c>
      <c r="BP9" s="260">
        <v>274676889</v>
      </c>
      <c r="BQ9" s="264">
        <v>39606941</v>
      </c>
      <c r="BR9" s="263">
        <v>50812378</v>
      </c>
      <c r="BS9" s="261">
        <v>90419319</v>
      </c>
      <c r="BT9" s="262">
        <v>0</v>
      </c>
      <c r="BU9" s="263">
        <v>288102533</v>
      </c>
      <c r="BV9" s="263">
        <v>367998043</v>
      </c>
      <c r="BW9" s="263">
        <v>324638634</v>
      </c>
      <c r="BX9" s="263">
        <v>318758872</v>
      </c>
      <c r="BY9" s="263">
        <v>243990981</v>
      </c>
      <c r="BZ9" s="261">
        <v>1543489063</v>
      </c>
      <c r="CA9" s="260">
        <v>1633908382</v>
      </c>
      <c r="CB9" s="264">
        <v>40926337</v>
      </c>
      <c r="CC9" s="263">
        <v>124114469</v>
      </c>
      <c r="CD9" s="261">
        <v>165040806</v>
      </c>
      <c r="CE9" s="262">
        <v>0</v>
      </c>
      <c r="CF9" s="263">
        <v>1571804819</v>
      </c>
      <c r="CG9" s="263">
        <v>2113075271</v>
      </c>
      <c r="CH9" s="267">
        <v>1466206978</v>
      </c>
      <c r="CI9" s="263">
        <v>951424463</v>
      </c>
      <c r="CJ9" s="263">
        <v>474937340</v>
      </c>
      <c r="CK9" s="261">
        <v>6577448871</v>
      </c>
      <c r="CL9" s="260">
        <v>6742489677</v>
      </c>
      <c r="CM9" s="255">
        <v>0</v>
      </c>
      <c r="CN9" s="256">
        <v>21321</v>
      </c>
      <c r="CO9" s="261">
        <v>21321</v>
      </c>
      <c r="CP9" s="262">
        <v>0</v>
      </c>
      <c r="CQ9" s="263">
        <v>1314524909</v>
      </c>
      <c r="CR9" s="263">
        <v>1652632746</v>
      </c>
      <c r="CS9" s="263">
        <v>1148493690</v>
      </c>
      <c r="CT9" s="263">
        <v>724583489</v>
      </c>
      <c r="CU9" s="263">
        <v>381841908</v>
      </c>
      <c r="CV9" s="268">
        <v>5222076742</v>
      </c>
      <c r="CW9" s="260">
        <v>5222098063</v>
      </c>
      <c r="CX9" s="264">
        <v>40926337</v>
      </c>
      <c r="CY9" s="263">
        <v>124093148</v>
      </c>
      <c r="CZ9" s="261">
        <v>165019485</v>
      </c>
      <c r="DA9" s="262">
        <v>0</v>
      </c>
      <c r="DB9" s="263">
        <v>257279910</v>
      </c>
      <c r="DC9" s="263">
        <v>460442525</v>
      </c>
      <c r="DD9" s="263">
        <v>317713288</v>
      </c>
      <c r="DE9" s="263">
        <v>226840974</v>
      </c>
      <c r="DF9" s="263">
        <v>93095432</v>
      </c>
      <c r="DG9" s="261">
        <v>1355372129</v>
      </c>
      <c r="DH9" s="260">
        <v>1520391614</v>
      </c>
      <c r="DI9" s="264">
        <v>2263048</v>
      </c>
      <c r="DJ9" s="263">
        <v>10352051</v>
      </c>
      <c r="DK9" s="266">
        <v>12615099</v>
      </c>
      <c r="DL9" s="262">
        <v>0</v>
      </c>
      <c r="DM9" s="263">
        <v>143426314</v>
      </c>
      <c r="DN9" s="263">
        <v>306973433</v>
      </c>
      <c r="DO9" s="263">
        <v>544418551</v>
      </c>
      <c r="DP9" s="263">
        <v>474149493</v>
      </c>
      <c r="DQ9" s="263">
        <v>268441722</v>
      </c>
      <c r="DR9" s="269">
        <v>1737409513</v>
      </c>
      <c r="DS9" s="260">
        <v>1750024612</v>
      </c>
      <c r="DT9" s="264">
        <v>2093468</v>
      </c>
      <c r="DU9" s="263">
        <v>9579625</v>
      </c>
      <c r="DV9" s="261">
        <v>11673093</v>
      </c>
      <c r="DW9" s="262">
        <v>0</v>
      </c>
      <c r="DX9" s="263">
        <v>129499868</v>
      </c>
      <c r="DY9" s="263">
        <v>270583566</v>
      </c>
      <c r="DZ9" s="263">
        <v>495740691</v>
      </c>
      <c r="EA9" s="263">
        <v>421425983</v>
      </c>
      <c r="EB9" s="263">
        <v>230408733</v>
      </c>
      <c r="EC9" s="261">
        <v>1547658841</v>
      </c>
      <c r="ED9" s="260">
        <v>1559331934</v>
      </c>
      <c r="EE9" s="264">
        <v>169580</v>
      </c>
      <c r="EF9" s="259">
        <v>772426</v>
      </c>
      <c r="EG9" s="261">
        <v>942006</v>
      </c>
      <c r="EH9" s="265">
        <v>0</v>
      </c>
      <c r="EI9" s="263">
        <v>13926446</v>
      </c>
      <c r="EJ9" s="263">
        <v>36389867</v>
      </c>
      <c r="EK9" s="263">
        <v>48677860</v>
      </c>
      <c r="EL9" s="263">
        <v>52723510</v>
      </c>
      <c r="EM9" s="267">
        <v>38032989</v>
      </c>
      <c r="EN9" s="259">
        <v>189750672</v>
      </c>
      <c r="EO9" s="260">
        <v>190692678</v>
      </c>
      <c r="EP9" s="264">
        <v>0</v>
      </c>
      <c r="EQ9" s="263">
        <v>0</v>
      </c>
      <c r="ER9" s="259">
        <v>0</v>
      </c>
      <c r="ES9" s="262">
        <v>0</v>
      </c>
      <c r="ET9" s="263">
        <v>0</v>
      </c>
      <c r="EU9" s="263">
        <v>0</v>
      </c>
      <c r="EV9" s="263">
        <v>0</v>
      </c>
      <c r="EW9" s="263">
        <v>0</v>
      </c>
      <c r="EX9" s="263">
        <v>0</v>
      </c>
      <c r="EY9" s="268">
        <v>0</v>
      </c>
      <c r="EZ9" s="260">
        <v>0</v>
      </c>
      <c r="FA9" s="264">
        <v>0</v>
      </c>
      <c r="FB9" s="263">
        <v>0</v>
      </c>
      <c r="FC9" s="259">
        <v>0</v>
      </c>
      <c r="FD9" s="262">
        <v>0</v>
      </c>
      <c r="FE9" s="263">
        <v>0</v>
      </c>
      <c r="FF9" s="263">
        <v>0</v>
      </c>
      <c r="FG9" s="263">
        <v>0</v>
      </c>
      <c r="FH9" s="263">
        <v>0</v>
      </c>
      <c r="FI9" s="263">
        <v>0</v>
      </c>
      <c r="FJ9" s="268">
        <v>0</v>
      </c>
      <c r="FK9" s="260">
        <v>0</v>
      </c>
      <c r="FL9" s="264">
        <v>105443731</v>
      </c>
      <c r="FM9" s="263">
        <v>216793220</v>
      </c>
      <c r="FN9" s="261">
        <v>322236951</v>
      </c>
      <c r="FO9" s="262">
        <v>0</v>
      </c>
      <c r="FP9" s="263">
        <v>269475947</v>
      </c>
      <c r="FQ9" s="263">
        <v>694214080</v>
      </c>
      <c r="FR9" s="263">
        <v>474766303</v>
      </c>
      <c r="FS9" s="263">
        <v>424785971</v>
      </c>
      <c r="FT9" s="263">
        <v>309688170</v>
      </c>
      <c r="FU9" s="261">
        <v>2172930471</v>
      </c>
      <c r="FV9" s="260">
        <v>2495167422</v>
      </c>
      <c r="FW9" s="264">
        <v>60514610</v>
      </c>
      <c r="FX9" s="263">
        <v>162519887</v>
      </c>
      <c r="FY9" s="259">
        <v>223034497</v>
      </c>
      <c r="FZ9" s="265">
        <v>0</v>
      </c>
      <c r="GA9" s="263">
        <v>215703731</v>
      </c>
      <c r="GB9" s="270">
        <v>637352499</v>
      </c>
      <c r="GC9" s="263">
        <v>440562540</v>
      </c>
      <c r="GD9" s="270">
        <v>396138344</v>
      </c>
      <c r="GE9" s="263">
        <v>296860338</v>
      </c>
      <c r="GF9" s="268">
        <v>1986617452</v>
      </c>
      <c r="GG9" s="271">
        <v>2209651949</v>
      </c>
      <c r="GH9" s="272">
        <v>6684350</v>
      </c>
      <c r="GI9" s="263">
        <v>11260606</v>
      </c>
      <c r="GJ9" s="270">
        <v>17944956</v>
      </c>
      <c r="GK9" s="258">
        <v>0</v>
      </c>
      <c r="GL9" s="263">
        <v>14936893</v>
      </c>
      <c r="GM9" s="259">
        <v>18946702</v>
      </c>
      <c r="GN9" s="263">
        <v>13948805</v>
      </c>
      <c r="GO9" s="259">
        <v>12851521</v>
      </c>
      <c r="GP9" s="263">
        <v>5600271</v>
      </c>
      <c r="GQ9" s="269">
        <v>66284192</v>
      </c>
      <c r="GR9" s="260">
        <v>84229148</v>
      </c>
      <c r="GS9" s="259">
        <v>38244771</v>
      </c>
      <c r="GT9" s="263">
        <v>43012727</v>
      </c>
      <c r="GU9" s="261">
        <v>81257498</v>
      </c>
      <c r="GV9" s="259">
        <v>0</v>
      </c>
      <c r="GW9" s="263">
        <v>38835323</v>
      </c>
      <c r="GX9" s="259">
        <v>37914879</v>
      </c>
      <c r="GY9" s="263">
        <v>20254958</v>
      </c>
      <c r="GZ9" s="259">
        <v>15796106</v>
      </c>
      <c r="HA9" s="263">
        <v>7227561</v>
      </c>
      <c r="HB9" s="259">
        <v>120028827</v>
      </c>
      <c r="HC9" s="260">
        <v>201286325</v>
      </c>
      <c r="HD9" s="259">
        <v>106309114</v>
      </c>
      <c r="HE9" s="263">
        <v>136268682</v>
      </c>
      <c r="HF9" s="259">
        <v>242577796</v>
      </c>
      <c r="HG9" s="265">
        <v>0</v>
      </c>
      <c r="HH9" s="263">
        <v>1120587203</v>
      </c>
      <c r="HI9" s="270">
        <v>1202549080</v>
      </c>
      <c r="HJ9" s="263">
        <v>1122341134</v>
      </c>
      <c r="HK9" s="270">
        <v>1379507695</v>
      </c>
      <c r="HL9" s="263">
        <v>873664939</v>
      </c>
      <c r="HM9" s="268">
        <v>5698650051</v>
      </c>
      <c r="HN9" s="259">
        <v>5941227847</v>
      </c>
      <c r="HO9" s="272">
        <v>78246145</v>
      </c>
      <c r="HP9" s="263">
        <v>154537361</v>
      </c>
      <c r="HQ9" s="268">
        <v>232783506</v>
      </c>
      <c r="HR9" s="259">
        <v>0</v>
      </c>
      <c r="HS9" s="263">
        <v>908848277</v>
      </c>
      <c r="HT9" s="259">
        <v>984107160</v>
      </c>
      <c r="HU9" s="263">
        <v>617112751</v>
      </c>
      <c r="HV9" s="259">
        <v>426788757</v>
      </c>
      <c r="HW9" s="263">
        <v>258647761</v>
      </c>
      <c r="HX9" s="259">
        <v>3195504706</v>
      </c>
      <c r="HY9" s="260">
        <v>3428288212</v>
      </c>
      <c r="HZ9" s="273">
        <v>9635368</v>
      </c>
      <c r="IA9" s="274">
        <v>36749396</v>
      </c>
      <c r="IB9" s="275">
        <v>46384764</v>
      </c>
      <c r="IC9" s="276">
        <v>0</v>
      </c>
      <c r="ID9" s="274">
        <v>1797169704</v>
      </c>
      <c r="IE9" s="277">
        <v>2411513325</v>
      </c>
      <c r="IF9" s="278">
        <v>2517779021</v>
      </c>
      <c r="IG9" s="274">
        <v>1875348508</v>
      </c>
      <c r="IH9" s="278">
        <v>1324607431</v>
      </c>
      <c r="II9" s="279">
        <v>9926417989</v>
      </c>
      <c r="IJ9" s="280">
        <v>9972802753</v>
      </c>
      <c r="IK9" s="281">
        <v>0</v>
      </c>
      <c r="IL9" s="282">
        <v>0</v>
      </c>
      <c r="IM9" s="283">
        <v>0</v>
      </c>
      <c r="IN9" s="406">
        <v>0</v>
      </c>
      <c r="IO9" s="284">
        <v>29388600</v>
      </c>
      <c r="IP9" s="284">
        <v>58048026</v>
      </c>
      <c r="IQ9" s="284">
        <v>76410770</v>
      </c>
      <c r="IR9" s="284">
        <v>113196238</v>
      </c>
      <c r="IS9" s="284">
        <v>112051045</v>
      </c>
      <c r="IT9" s="285">
        <v>389094679</v>
      </c>
      <c r="IU9" s="286">
        <v>389094679</v>
      </c>
      <c r="IV9" s="287">
        <v>0</v>
      </c>
      <c r="IW9" s="284">
        <v>0</v>
      </c>
      <c r="IX9" s="288">
        <v>0</v>
      </c>
      <c r="IY9" s="412">
        <v>0</v>
      </c>
      <c r="IZ9" s="284">
        <v>3815631</v>
      </c>
      <c r="JA9" s="284">
        <v>10150743</v>
      </c>
      <c r="JB9" s="284">
        <v>12194967</v>
      </c>
      <c r="JC9" s="284">
        <v>13549581</v>
      </c>
      <c r="JD9" s="284">
        <v>17763624</v>
      </c>
      <c r="JE9" s="288">
        <v>57474546</v>
      </c>
      <c r="JF9" s="289">
        <v>57474546</v>
      </c>
      <c r="JG9" s="287">
        <v>0</v>
      </c>
      <c r="JH9" s="284">
        <v>0</v>
      </c>
      <c r="JI9" s="285">
        <v>0</v>
      </c>
      <c r="JJ9" s="290">
        <v>0</v>
      </c>
      <c r="JK9" s="284">
        <v>698022242</v>
      </c>
      <c r="JL9" s="284">
        <v>854432205</v>
      </c>
      <c r="JM9" s="284">
        <v>608988569</v>
      </c>
      <c r="JN9" s="284">
        <v>364294466</v>
      </c>
      <c r="JO9" s="284">
        <v>185572454</v>
      </c>
      <c r="JP9" s="288">
        <v>2711309936</v>
      </c>
      <c r="JQ9" s="286">
        <v>2711309936</v>
      </c>
      <c r="JR9" s="287">
        <v>408889</v>
      </c>
      <c r="JS9" s="284">
        <v>759033</v>
      </c>
      <c r="JT9" s="285">
        <v>1167922</v>
      </c>
      <c r="JU9" s="290">
        <v>0</v>
      </c>
      <c r="JV9" s="284">
        <v>75833862</v>
      </c>
      <c r="JW9" s="284">
        <v>112957767</v>
      </c>
      <c r="JX9" s="284">
        <v>159449794</v>
      </c>
      <c r="JY9" s="284">
        <v>96585468</v>
      </c>
      <c r="JZ9" s="284">
        <v>76791407</v>
      </c>
      <c r="KA9" s="288">
        <v>521618298</v>
      </c>
      <c r="KB9" s="286">
        <v>522786220</v>
      </c>
      <c r="KC9" s="291">
        <v>9226479</v>
      </c>
      <c r="KD9" s="292">
        <v>25725526</v>
      </c>
      <c r="KE9" s="288">
        <v>34952005</v>
      </c>
      <c r="KF9" s="290">
        <v>0</v>
      </c>
      <c r="KG9" s="284">
        <v>216897750</v>
      </c>
      <c r="KH9" s="284">
        <v>323809833</v>
      </c>
      <c r="KI9" s="284">
        <v>376055267</v>
      </c>
      <c r="KJ9" s="284">
        <v>282873438</v>
      </c>
      <c r="KK9" s="284">
        <v>187935549</v>
      </c>
      <c r="KL9" s="288">
        <v>1387571837</v>
      </c>
      <c r="KM9" s="293">
        <v>1422523842</v>
      </c>
      <c r="KN9" s="281">
        <v>0</v>
      </c>
      <c r="KO9" s="282">
        <v>10264837</v>
      </c>
      <c r="KP9" s="283">
        <v>10264837</v>
      </c>
      <c r="KQ9" s="412">
        <v>0</v>
      </c>
      <c r="KR9" s="284">
        <v>725119883</v>
      </c>
      <c r="KS9" s="284">
        <v>963582849</v>
      </c>
      <c r="KT9" s="284">
        <v>1103651714</v>
      </c>
      <c r="KU9" s="284">
        <v>743066427</v>
      </c>
      <c r="KV9" s="284">
        <v>487560214</v>
      </c>
      <c r="KW9" s="288">
        <v>4022981087</v>
      </c>
      <c r="KX9" s="286">
        <v>4033245924</v>
      </c>
      <c r="KY9" s="287">
        <v>0</v>
      </c>
      <c r="KZ9" s="284">
        <v>0</v>
      </c>
      <c r="LA9" s="288">
        <v>0</v>
      </c>
      <c r="LB9" s="412">
        <v>0</v>
      </c>
      <c r="LC9" s="284">
        <v>6572818</v>
      </c>
      <c r="LD9" s="284">
        <v>9556872</v>
      </c>
      <c r="LE9" s="284">
        <v>16455296</v>
      </c>
      <c r="LF9" s="284">
        <v>16815262</v>
      </c>
      <c r="LG9" s="284">
        <v>14712167</v>
      </c>
      <c r="LH9" s="288">
        <v>64112415</v>
      </c>
      <c r="LI9" s="289">
        <v>64112415</v>
      </c>
      <c r="LJ9" s="287">
        <v>0</v>
      </c>
      <c r="LK9" s="284">
        <v>0</v>
      </c>
      <c r="LL9" s="288">
        <v>0</v>
      </c>
      <c r="LM9" s="412">
        <v>0</v>
      </c>
      <c r="LN9" s="284">
        <v>1488787</v>
      </c>
      <c r="LO9" s="284">
        <v>8187005</v>
      </c>
      <c r="LP9" s="284">
        <v>64746637</v>
      </c>
      <c r="LQ9" s="284">
        <v>111799413</v>
      </c>
      <c r="LR9" s="284">
        <v>72047028</v>
      </c>
      <c r="LS9" s="288">
        <v>258268870</v>
      </c>
      <c r="LT9" s="286">
        <v>258268870</v>
      </c>
      <c r="LU9" s="287">
        <v>0</v>
      </c>
      <c r="LV9" s="284">
        <v>0</v>
      </c>
      <c r="LW9" s="288">
        <v>0</v>
      </c>
      <c r="LX9" s="412">
        <v>0</v>
      </c>
      <c r="LY9" s="284">
        <v>40030131</v>
      </c>
      <c r="LZ9" s="284">
        <v>70788025</v>
      </c>
      <c r="MA9" s="284">
        <v>99826007</v>
      </c>
      <c r="MB9" s="284">
        <v>133168215</v>
      </c>
      <c r="MC9" s="284">
        <v>170173943</v>
      </c>
      <c r="MD9" s="288">
        <v>513986321</v>
      </c>
      <c r="ME9" s="289">
        <v>513986321</v>
      </c>
      <c r="MF9" s="287">
        <v>0</v>
      </c>
      <c r="MG9" s="284">
        <v>0</v>
      </c>
      <c r="MH9" s="288">
        <v>0</v>
      </c>
      <c r="MI9" s="412">
        <v>0</v>
      </c>
      <c r="MJ9" s="284">
        <v>568150057</v>
      </c>
      <c r="MK9" s="284">
        <v>1465251441</v>
      </c>
      <c r="ML9" s="284">
        <v>4504592250</v>
      </c>
      <c r="MM9" s="284">
        <v>6708846479</v>
      </c>
      <c r="MN9" s="284">
        <v>4467981185</v>
      </c>
      <c r="MO9" s="288">
        <v>17714821412</v>
      </c>
      <c r="MP9" s="293">
        <v>17714821412</v>
      </c>
      <c r="MQ9" s="287">
        <v>0</v>
      </c>
      <c r="MR9" s="284">
        <v>0</v>
      </c>
      <c r="MS9" s="288">
        <v>0</v>
      </c>
      <c r="MT9" s="412">
        <v>0</v>
      </c>
      <c r="MU9" s="284">
        <v>118336518</v>
      </c>
      <c r="MV9" s="284">
        <v>459709840</v>
      </c>
      <c r="MW9" s="284">
        <v>2944339693</v>
      </c>
      <c r="MX9" s="284">
        <v>4589981703</v>
      </c>
      <c r="MY9" s="284">
        <v>3213994345</v>
      </c>
      <c r="MZ9" s="288">
        <v>11326362099</v>
      </c>
      <c r="NA9" s="293">
        <v>11326362099</v>
      </c>
      <c r="NB9" s="287">
        <v>0</v>
      </c>
      <c r="NC9" s="284">
        <v>0</v>
      </c>
      <c r="ND9" s="288">
        <v>0</v>
      </c>
      <c r="NE9" s="412">
        <v>0</v>
      </c>
      <c r="NF9" s="284">
        <v>445864819</v>
      </c>
      <c r="NG9" s="284">
        <v>999897332</v>
      </c>
      <c r="NH9" s="284">
        <v>1537220673</v>
      </c>
      <c r="NI9" s="284">
        <v>1967016395</v>
      </c>
      <c r="NJ9" s="284">
        <v>1041416924</v>
      </c>
      <c r="NK9" s="288">
        <v>5991416143</v>
      </c>
      <c r="NL9" s="286">
        <v>5991416143</v>
      </c>
      <c r="NM9" s="287">
        <v>0</v>
      </c>
      <c r="NN9" s="284">
        <v>0</v>
      </c>
      <c r="NO9" s="288">
        <v>0</v>
      </c>
      <c r="NP9" s="412">
        <v>0</v>
      </c>
      <c r="NQ9" s="284">
        <v>0</v>
      </c>
      <c r="NR9" s="284">
        <v>0</v>
      </c>
      <c r="NS9" s="284">
        <v>0</v>
      </c>
      <c r="NT9" s="284">
        <v>0</v>
      </c>
      <c r="NU9" s="284">
        <v>0</v>
      </c>
      <c r="NV9" s="288">
        <v>0</v>
      </c>
      <c r="NW9" s="289">
        <v>0</v>
      </c>
      <c r="NX9" s="287">
        <v>0</v>
      </c>
      <c r="NY9" s="284">
        <v>0</v>
      </c>
      <c r="NZ9" s="288">
        <v>0</v>
      </c>
      <c r="OA9" s="412">
        <v>0</v>
      </c>
      <c r="OB9" s="284">
        <v>3948720</v>
      </c>
      <c r="OC9" s="284">
        <v>5644269</v>
      </c>
      <c r="OD9" s="284">
        <v>23031884</v>
      </c>
      <c r="OE9" s="284">
        <v>151848381</v>
      </c>
      <c r="OF9" s="284">
        <v>212569916</v>
      </c>
      <c r="OG9" s="288">
        <v>397043170</v>
      </c>
      <c r="OH9" s="289">
        <v>397043170</v>
      </c>
      <c r="OI9" s="287">
        <v>452457770</v>
      </c>
      <c r="OJ9" s="284">
        <v>973197294</v>
      </c>
      <c r="OK9" s="285">
        <v>1425655064</v>
      </c>
      <c r="OL9" s="290">
        <v>0</v>
      </c>
      <c r="OM9" s="284">
        <v>8029805315</v>
      </c>
      <c r="ON9" s="284">
        <v>11820914534</v>
      </c>
      <c r="OO9" s="284">
        <v>13469320728</v>
      </c>
      <c r="OP9" s="284">
        <v>14674526904</v>
      </c>
      <c r="OQ9" s="284">
        <v>10352777415</v>
      </c>
      <c r="OR9" s="288">
        <v>58347344896</v>
      </c>
      <c r="OS9" s="293">
        <v>59772999960</v>
      </c>
    </row>
    <row r="10" spans="1:409" s="407" customFormat="1" ht="21" customHeight="1" x14ac:dyDescent="0.2">
      <c r="A10" s="70"/>
      <c r="B10" s="409" t="s">
        <v>5</v>
      </c>
      <c r="C10" s="295">
        <v>172688018</v>
      </c>
      <c r="D10" s="296">
        <v>448685010</v>
      </c>
      <c r="E10" s="297">
        <v>621373028</v>
      </c>
      <c r="F10" s="298">
        <v>0</v>
      </c>
      <c r="G10" s="296">
        <v>1953204173</v>
      </c>
      <c r="H10" s="296">
        <v>3584926789</v>
      </c>
      <c r="I10" s="296">
        <v>2667412925</v>
      </c>
      <c r="J10" s="296">
        <v>2455877996</v>
      </c>
      <c r="K10" s="296">
        <v>1833066159</v>
      </c>
      <c r="L10" s="298">
        <v>12494488042</v>
      </c>
      <c r="M10" s="299">
        <v>13115861070</v>
      </c>
      <c r="N10" s="295">
        <v>45729006</v>
      </c>
      <c r="O10" s="296">
        <v>159030897</v>
      </c>
      <c r="P10" s="297">
        <v>204759903</v>
      </c>
      <c r="Q10" s="295">
        <v>0</v>
      </c>
      <c r="R10" s="296">
        <v>583925481</v>
      </c>
      <c r="S10" s="296">
        <v>1246477345</v>
      </c>
      <c r="T10" s="296">
        <v>925601622</v>
      </c>
      <c r="U10" s="296">
        <v>955943300</v>
      </c>
      <c r="V10" s="296">
        <v>955952787</v>
      </c>
      <c r="W10" s="297">
        <v>4667900535</v>
      </c>
      <c r="X10" s="299">
        <v>4872660438</v>
      </c>
      <c r="Y10" s="295">
        <v>0</v>
      </c>
      <c r="Z10" s="296">
        <v>0</v>
      </c>
      <c r="AA10" s="297">
        <v>0</v>
      </c>
      <c r="AB10" s="295">
        <v>0</v>
      </c>
      <c r="AC10" s="296">
        <v>255634201</v>
      </c>
      <c r="AD10" s="296">
        <v>560128425</v>
      </c>
      <c r="AE10" s="296">
        <v>459503026</v>
      </c>
      <c r="AF10" s="296">
        <v>518840920</v>
      </c>
      <c r="AG10" s="296">
        <v>529769887</v>
      </c>
      <c r="AH10" s="297">
        <v>2323876459</v>
      </c>
      <c r="AI10" s="299">
        <v>2323876459</v>
      </c>
      <c r="AJ10" s="295">
        <v>37489</v>
      </c>
      <c r="AK10" s="296">
        <v>500651</v>
      </c>
      <c r="AL10" s="297">
        <v>538140</v>
      </c>
      <c r="AM10" s="295">
        <v>0</v>
      </c>
      <c r="AN10" s="296">
        <v>1109676</v>
      </c>
      <c r="AO10" s="296">
        <v>8139529</v>
      </c>
      <c r="AP10" s="296">
        <v>20684198</v>
      </c>
      <c r="AQ10" s="296">
        <v>54790677</v>
      </c>
      <c r="AR10" s="296">
        <v>114954595</v>
      </c>
      <c r="AS10" s="297">
        <v>199678675</v>
      </c>
      <c r="AT10" s="299">
        <v>200216815</v>
      </c>
      <c r="AU10" s="295">
        <v>27269093</v>
      </c>
      <c r="AV10" s="296">
        <v>117871879</v>
      </c>
      <c r="AW10" s="297">
        <v>145140972</v>
      </c>
      <c r="AX10" s="295">
        <v>0</v>
      </c>
      <c r="AY10" s="296">
        <v>205817592</v>
      </c>
      <c r="AZ10" s="296">
        <v>483732617</v>
      </c>
      <c r="BA10" s="296">
        <v>290188885</v>
      </c>
      <c r="BB10" s="296">
        <v>235517372</v>
      </c>
      <c r="BC10" s="296">
        <v>201611950</v>
      </c>
      <c r="BD10" s="297">
        <v>1416868416</v>
      </c>
      <c r="BE10" s="299">
        <v>1562009388</v>
      </c>
      <c r="BF10" s="295">
        <v>2472058</v>
      </c>
      <c r="BG10" s="296">
        <v>14812606</v>
      </c>
      <c r="BH10" s="300">
        <v>17284664</v>
      </c>
      <c r="BI10" s="301">
        <v>0</v>
      </c>
      <c r="BJ10" s="296">
        <v>11917043</v>
      </c>
      <c r="BK10" s="296">
        <v>31393827</v>
      </c>
      <c r="BL10" s="296">
        <v>22268847</v>
      </c>
      <c r="BM10" s="296">
        <v>16437340</v>
      </c>
      <c r="BN10" s="296">
        <v>11375482</v>
      </c>
      <c r="BO10" s="297">
        <v>93392539</v>
      </c>
      <c r="BP10" s="299">
        <v>110677203</v>
      </c>
      <c r="BQ10" s="295">
        <v>15950366</v>
      </c>
      <c r="BR10" s="296">
        <v>25845761</v>
      </c>
      <c r="BS10" s="297">
        <v>41796127</v>
      </c>
      <c r="BT10" s="295">
        <v>0</v>
      </c>
      <c r="BU10" s="296">
        <v>109446969</v>
      </c>
      <c r="BV10" s="296">
        <v>163082947</v>
      </c>
      <c r="BW10" s="296">
        <v>132956666</v>
      </c>
      <c r="BX10" s="296">
        <v>130356991</v>
      </c>
      <c r="BY10" s="296">
        <v>98240873</v>
      </c>
      <c r="BZ10" s="297">
        <v>634084446</v>
      </c>
      <c r="CA10" s="299">
        <v>675880573</v>
      </c>
      <c r="CB10" s="295">
        <v>18131179</v>
      </c>
      <c r="CC10" s="296">
        <v>56863660</v>
      </c>
      <c r="CD10" s="297">
        <v>74994839</v>
      </c>
      <c r="CE10" s="295">
        <v>0</v>
      </c>
      <c r="CF10" s="296">
        <v>493132348</v>
      </c>
      <c r="CG10" s="296">
        <v>881713518</v>
      </c>
      <c r="CH10" s="296">
        <v>560784408</v>
      </c>
      <c r="CI10" s="296">
        <v>350392854</v>
      </c>
      <c r="CJ10" s="296">
        <v>168838972</v>
      </c>
      <c r="CK10" s="297">
        <v>2454862100</v>
      </c>
      <c r="CL10" s="299">
        <v>2529856939</v>
      </c>
      <c r="CM10" s="295">
        <v>0</v>
      </c>
      <c r="CN10" s="296">
        <v>21321</v>
      </c>
      <c r="CO10" s="297">
        <v>21321</v>
      </c>
      <c r="CP10" s="301">
        <v>0</v>
      </c>
      <c r="CQ10" s="296">
        <v>416143957</v>
      </c>
      <c r="CR10" s="296">
        <v>671537618</v>
      </c>
      <c r="CS10" s="296">
        <v>414231449</v>
      </c>
      <c r="CT10" s="296">
        <v>248978956</v>
      </c>
      <c r="CU10" s="296">
        <v>130326574</v>
      </c>
      <c r="CV10" s="297">
        <v>1881218554</v>
      </c>
      <c r="CW10" s="299">
        <v>1881239875</v>
      </c>
      <c r="CX10" s="295">
        <v>18131179</v>
      </c>
      <c r="CY10" s="296">
        <v>56842339</v>
      </c>
      <c r="CZ10" s="297">
        <v>74973518</v>
      </c>
      <c r="DA10" s="295">
        <v>0</v>
      </c>
      <c r="DB10" s="296">
        <v>76988391</v>
      </c>
      <c r="DC10" s="296">
        <v>210175900</v>
      </c>
      <c r="DD10" s="296">
        <v>146552959</v>
      </c>
      <c r="DE10" s="296">
        <v>101413898</v>
      </c>
      <c r="DF10" s="296">
        <v>38512398</v>
      </c>
      <c r="DG10" s="297">
        <v>573643546</v>
      </c>
      <c r="DH10" s="299">
        <v>648617064</v>
      </c>
      <c r="DI10" s="295">
        <v>802565</v>
      </c>
      <c r="DJ10" s="296">
        <v>4145926</v>
      </c>
      <c r="DK10" s="300">
        <v>4948491</v>
      </c>
      <c r="DL10" s="301">
        <v>0</v>
      </c>
      <c r="DM10" s="296">
        <v>46350677</v>
      </c>
      <c r="DN10" s="296">
        <v>123030829</v>
      </c>
      <c r="DO10" s="296">
        <v>222025067</v>
      </c>
      <c r="DP10" s="296">
        <v>186293298</v>
      </c>
      <c r="DQ10" s="296">
        <v>110731339</v>
      </c>
      <c r="DR10" s="297">
        <v>688431210</v>
      </c>
      <c r="DS10" s="299">
        <v>693379701</v>
      </c>
      <c r="DT10" s="295">
        <v>708925</v>
      </c>
      <c r="DU10" s="296">
        <v>3759697</v>
      </c>
      <c r="DV10" s="297">
        <v>4468622</v>
      </c>
      <c r="DW10" s="295">
        <v>0</v>
      </c>
      <c r="DX10" s="296">
        <v>40408742</v>
      </c>
      <c r="DY10" s="296">
        <v>102163330</v>
      </c>
      <c r="DZ10" s="296">
        <v>191526178</v>
      </c>
      <c r="EA10" s="296">
        <v>155343994</v>
      </c>
      <c r="EB10" s="296">
        <v>87984772</v>
      </c>
      <c r="EC10" s="297">
        <v>577427016</v>
      </c>
      <c r="ED10" s="299">
        <v>581895638</v>
      </c>
      <c r="EE10" s="295">
        <v>93640</v>
      </c>
      <c r="EF10" s="300">
        <v>386229</v>
      </c>
      <c r="EG10" s="297">
        <v>479869</v>
      </c>
      <c r="EH10" s="295">
        <v>0</v>
      </c>
      <c r="EI10" s="296">
        <v>5941935</v>
      </c>
      <c r="EJ10" s="296">
        <v>20867499</v>
      </c>
      <c r="EK10" s="296">
        <v>30498889</v>
      </c>
      <c r="EL10" s="296">
        <v>30949304</v>
      </c>
      <c r="EM10" s="296">
        <v>22746567</v>
      </c>
      <c r="EN10" s="300">
        <v>111004194</v>
      </c>
      <c r="EO10" s="299">
        <v>111484063</v>
      </c>
      <c r="EP10" s="295">
        <v>0</v>
      </c>
      <c r="EQ10" s="296">
        <v>0</v>
      </c>
      <c r="ER10" s="300">
        <v>0</v>
      </c>
      <c r="ES10" s="301">
        <v>0</v>
      </c>
      <c r="ET10" s="296">
        <v>0</v>
      </c>
      <c r="EU10" s="296">
        <v>0</v>
      </c>
      <c r="EV10" s="296">
        <v>0</v>
      </c>
      <c r="EW10" s="296">
        <v>0</v>
      </c>
      <c r="EX10" s="296">
        <v>0</v>
      </c>
      <c r="EY10" s="297">
        <v>0</v>
      </c>
      <c r="EZ10" s="299">
        <v>0</v>
      </c>
      <c r="FA10" s="295">
        <v>0</v>
      </c>
      <c r="FB10" s="296">
        <v>0</v>
      </c>
      <c r="FC10" s="300">
        <v>0</v>
      </c>
      <c r="FD10" s="301">
        <v>0</v>
      </c>
      <c r="FE10" s="296">
        <v>0</v>
      </c>
      <c r="FF10" s="296">
        <v>0</v>
      </c>
      <c r="FG10" s="296">
        <v>0</v>
      </c>
      <c r="FH10" s="296">
        <v>0</v>
      </c>
      <c r="FI10" s="296">
        <v>0</v>
      </c>
      <c r="FJ10" s="297">
        <v>0</v>
      </c>
      <c r="FK10" s="299">
        <v>0</v>
      </c>
      <c r="FL10" s="295">
        <v>35858491</v>
      </c>
      <c r="FM10" s="296">
        <v>91627348</v>
      </c>
      <c r="FN10" s="297">
        <v>127485839</v>
      </c>
      <c r="FO10" s="295">
        <v>0</v>
      </c>
      <c r="FP10" s="296">
        <v>73357054</v>
      </c>
      <c r="FQ10" s="296">
        <v>300927518</v>
      </c>
      <c r="FR10" s="296">
        <v>192599087</v>
      </c>
      <c r="FS10" s="296">
        <v>166699468</v>
      </c>
      <c r="FT10" s="296">
        <v>123102181</v>
      </c>
      <c r="FU10" s="297">
        <v>856685308</v>
      </c>
      <c r="FV10" s="299">
        <v>984171147</v>
      </c>
      <c r="FW10" s="302">
        <v>18438417</v>
      </c>
      <c r="FX10" s="296">
        <v>67882593</v>
      </c>
      <c r="FY10" s="300">
        <v>86321010</v>
      </c>
      <c r="FZ10" s="301">
        <v>0</v>
      </c>
      <c r="GA10" s="296">
        <v>56222234</v>
      </c>
      <c r="GB10" s="296">
        <v>276659375</v>
      </c>
      <c r="GC10" s="296">
        <v>178795977</v>
      </c>
      <c r="GD10" s="296">
        <v>155833400</v>
      </c>
      <c r="GE10" s="296">
        <v>117854981</v>
      </c>
      <c r="GF10" s="297">
        <v>785365967</v>
      </c>
      <c r="GG10" s="303">
        <v>871686977</v>
      </c>
      <c r="GH10" s="302">
        <v>2002185</v>
      </c>
      <c r="GI10" s="296">
        <v>4704470</v>
      </c>
      <c r="GJ10" s="300">
        <v>6706655</v>
      </c>
      <c r="GK10" s="301">
        <v>0</v>
      </c>
      <c r="GL10" s="296">
        <v>3839651</v>
      </c>
      <c r="GM10" s="296">
        <v>7539707</v>
      </c>
      <c r="GN10" s="296">
        <v>5263806</v>
      </c>
      <c r="GO10" s="296">
        <v>4754033</v>
      </c>
      <c r="GP10" s="296">
        <v>2457100</v>
      </c>
      <c r="GQ10" s="297">
        <v>23854297</v>
      </c>
      <c r="GR10" s="299">
        <v>30560952</v>
      </c>
      <c r="GS10" s="295">
        <v>15417889</v>
      </c>
      <c r="GT10" s="296">
        <v>19040285</v>
      </c>
      <c r="GU10" s="297">
        <v>34458174</v>
      </c>
      <c r="GV10" s="295">
        <v>0</v>
      </c>
      <c r="GW10" s="296">
        <v>13295169</v>
      </c>
      <c r="GX10" s="296">
        <v>16728436</v>
      </c>
      <c r="GY10" s="296">
        <v>8539304</v>
      </c>
      <c r="GZ10" s="296">
        <v>6112035</v>
      </c>
      <c r="HA10" s="296">
        <v>2790100</v>
      </c>
      <c r="HB10" s="300">
        <v>47465044</v>
      </c>
      <c r="HC10" s="299">
        <v>81923218</v>
      </c>
      <c r="HD10" s="295">
        <v>43905877</v>
      </c>
      <c r="HE10" s="296">
        <v>67237565</v>
      </c>
      <c r="HF10" s="300">
        <v>111143442</v>
      </c>
      <c r="HG10" s="301">
        <v>0</v>
      </c>
      <c r="HH10" s="296">
        <v>452400987</v>
      </c>
      <c r="HI10" s="296">
        <v>576285172</v>
      </c>
      <c r="HJ10" s="296">
        <v>504011775</v>
      </c>
      <c r="HK10" s="296">
        <v>620918071</v>
      </c>
      <c r="HL10" s="296">
        <v>368207156</v>
      </c>
      <c r="HM10" s="297">
        <v>2521823161</v>
      </c>
      <c r="HN10" s="298">
        <v>2632966603</v>
      </c>
      <c r="HO10" s="302">
        <v>28260900</v>
      </c>
      <c r="HP10" s="296">
        <v>69779614</v>
      </c>
      <c r="HQ10" s="297">
        <v>98040514</v>
      </c>
      <c r="HR10" s="295">
        <v>0</v>
      </c>
      <c r="HS10" s="296">
        <v>304037626</v>
      </c>
      <c r="HT10" s="296">
        <v>456492407</v>
      </c>
      <c r="HU10" s="296">
        <v>262390966</v>
      </c>
      <c r="HV10" s="296">
        <v>175631005</v>
      </c>
      <c r="HW10" s="296">
        <v>106233724</v>
      </c>
      <c r="HX10" s="300">
        <v>1304785728</v>
      </c>
      <c r="HY10" s="299">
        <v>1402826242</v>
      </c>
      <c r="HZ10" s="304">
        <v>3617170</v>
      </c>
      <c r="IA10" s="305">
        <v>16525129</v>
      </c>
      <c r="IB10" s="306">
        <v>20142299</v>
      </c>
      <c r="IC10" s="307">
        <v>0</v>
      </c>
      <c r="ID10" s="308">
        <v>705874581</v>
      </c>
      <c r="IE10" s="309">
        <v>1083424330</v>
      </c>
      <c r="IF10" s="310">
        <v>1066795017</v>
      </c>
      <c r="IG10" s="308">
        <v>792841955</v>
      </c>
      <c r="IH10" s="310">
        <v>576580311</v>
      </c>
      <c r="II10" s="311">
        <v>4225516194</v>
      </c>
      <c r="IJ10" s="312">
        <v>4245658493</v>
      </c>
      <c r="IK10" s="313">
        <v>0</v>
      </c>
      <c r="IL10" s="314">
        <v>0</v>
      </c>
      <c r="IM10" s="315">
        <v>0</v>
      </c>
      <c r="IN10" s="403">
        <v>0</v>
      </c>
      <c r="IO10" s="316">
        <v>10751148</v>
      </c>
      <c r="IP10" s="316">
        <v>26137260</v>
      </c>
      <c r="IQ10" s="316">
        <v>33676866</v>
      </c>
      <c r="IR10" s="316">
        <v>57921735</v>
      </c>
      <c r="IS10" s="316">
        <v>50019141</v>
      </c>
      <c r="IT10" s="317">
        <v>178506150</v>
      </c>
      <c r="IU10" s="318">
        <v>178506150</v>
      </c>
      <c r="IV10" s="319">
        <v>0</v>
      </c>
      <c r="IW10" s="316">
        <v>0</v>
      </c>
      <c r="IX10" s="320">
        <v>0</v>
      </c>
      <c r="IY10" s="413">
        <v>0</v>
      </c>
      <c r="IZ10" s="316">
        <v>1950086</v>
      </c>
      <c r="JA10" s="316">
        <v>7489243</v>
      </c>
      <c r="JB10" s="316">
        <v>8759131</v>
      </c>
      <c r="JC10" s="316">
        <v>9703521</v>
      </c>
      <c r="JD10" s="316">
        <v>14204102</v>
      </c>
      <c r="JE10" s="320">
        <v>42106083</v>
      </c>
      <c r="JF10" s="321">
        <v>42106083</v>
      </c>
      <c r="JG10" s="319">
        <v>0</v>
      </c>
      <c r="JH10" s="316">
        <v>0</v>
      </c>
      <c r="JI10" s="317">
        <v>0</v>
      </c>
      <c r="JJ10" s="322">
        <v>0</v>
      </c>
      <c r="JK10" s="316">
        <v>243782592</v>
      </c>
      <c r="JL10" s="316">
        <v>394111671</v>
      </c>
      <c r="JM10" s="316">
        <v>282502435</v>
      </c>
      <c r="JN10" s="316">
        <v>163731967</v>
      </c>
      <c r="JO10" s="316">
        <v>82886251</v>
      </c>
      <c r="JP10" s="320">
        <v>1167014916</v>
      </c>
      <c r="JQ10" s="318">
        <v>1167014916</v>
      </c>
      <c r="JR10" s="319">
        <v>269854</v>
      </c>
      <c r="JS10" s="316">
        <v>152448</v>
      </c>
      <c r="JT10" s="317">
        <v>422302</v>
      </c>
      <c r="JU10" s="322">
        <v>0</v>
      </c>
      <c r="JV10" s="316">
        <v>38650200</v>
      </c>
      <c r="JW10" s="316">
        <v>58972869</v>
      </c>
      <c r="JX10" s="316">
        <v>84648543</v>
      </c>
      <c r="JY10" s="316">
        <v>55165930</v>
      </c>
      <c r="JZ10" s="316">
        <v>40313530</v>
      </c>
      <c r="KA10" s="320">
        <v>277751072</v>
      </c>
      <c r="KB10" s="318">
        <v>278173374</v>
      </c>
      <c r="KC10" s="323">
        <v>3347316</v>
      </c>
      <c r="KD10" s="324">
        <v>10835129</v>
      </c>
      <c r="KE10" s="320">
        <v>14182445</v>
      </c>
      <c r="KF10" s="322">
        <v>0</v>
      </c>
      <c r="KG10" s="316">
        <v>82840885</v>
      </c>
      <c r="KH10" s="316">
        <v>155394889</v>
      </c>
      <c r="KI10" s="316">
        <v>155982362</v>
      </c>
      <c r="KJ10" s="316">
        <v>131711117</v>
      </c>
      <c r="KK10" s="316">
        <v>92541663</v>
      </c>
      <c r="KL10" s="320">
        <v>618470916</v>
      </c>
      <c r="KM10" s="325">
        <v>632653361</v>
      </c>
      <c r="KN10" s="313">
        <v>0</v>
      </c>
      <c r="KO10" s="314">
        <v>5537552</v>
      </c>
      <c r="KP10" s="315">
        <v>5537552</v>
      </c>
      <c r="KQ10" s="413">
        <v>0</v>
      </c>
      <c r="KR10" s="316">
        <v>322790576</v>
      </c>
      <c r="KS10" s="316">
        <v>421434545</v>
      </c>
      <c r="KT10" s="316">
        <v>475322018</v>
      </c>
      <c r="KU10" s="316">
        <v>322290534</v>
      </c>
      <c r="KV10" s="316">
        <v>222546447</v>
      </c>
      <c r="KW10" s="320">
        <v>1764384120</v>
      </c>
      <c r="KX10" s="318">
        <v>1769921672</v>
      </c>
      <c r="KY10" s="319">
        <v>0</v>
      </c>
      <c r="KZ10" s="316">
        <v>0</v>
      </c>
      <c r="LA10" s="320">
        <v>0</v>
      </c>
      <c r="LB10" s="413">
        <v>0</v>
      </c>
      <c r="LC10" s="316">
        <v>360534</v>
      </c>
      <c r="LD10" s="316">
        <v>1216311</v>
      </c>
      <c r="LE10" s="316">
        <v>1809300</v>
      </c>
      <c r="LF10" s="316">
        <v>495249</v>
      </c>
      <c r="LG10" s="316">
        <v>1624389</v>
      </c>
      <c r="LH10" s="320">
        <v>5505783</v>
      </c>
      <c r="LI10" s="321">
        <v>5505783</v>
      </c>
      <c r="LJ10" s="319">
        <v>0</v>
      </c>
      <c r="LK10" s="316">
        <v>0</v>
      </c>
      <c r="LL10" s="320">
        <v>0</v>
      </c>
      <c r="LM10" s="413">
        <v>0</v>
      </c>
      <c r="LN10" s="316">
        <v>789083</v>
      </c>
      <c r="LO10" s="316">
        <v>3592448</v>
      </c>
      <c r="LP10" s="316">
        <v>6583517</v>
      </c>
      <c r="LQ10" s="316">
        <v>15634401</v>
      </c>
      <c r="LR10" s="316">
        <v>11699607</v>
      </c>
      <c r="LS10" s="320">
        <v>38299056</v>
      </c>
      <c r="LT10" s="318">
        <v>38299056</v>
      </c>
      <c r="LU10" s="319">
        <v>0</v>
      </c>
      <c r="LV10" s="316">
        <v>0</v>
      </c>
      <c r="LW10" s="320">
        <v>0</v>
      </c>
      <c r="LX10" s="413">
        <v>0</v>
      </c>
      <c r="LY10" s="316">
        <v>3959477</v>
      </c>
      <c r="LZ10" s="316">
        <v>15075094</v>
      </c>
      <c r="MA10" s="316">
        <v>17510845</v>
      </c>
      <c r="MB10" s="316">
        <v>36187501</v>
      </c>
      <c r="MC10" s="316">
        <v>60745181</v>
      </c>
      <c r="MD10" s="320">
        <v>133478098</v>
      </c>
      <c r="ME10" s="321">
        <v>133478098</v>
      </c>
      <c r="MF10" s="319">
        <v>0</v>
      </c>
      <c r="MG10" s="316">
        <v>0</v>
      </c>
      <c r="MH10" s="320">
        <v>0</v>
      </c>
      <c r="MI10" s="413">
        <v>0</v>
      </c>
      <c r="MJ10" s="316">
        <v>239178997</v>
      </c>
      <c r="MK10" s="316">
        <v>782596247</v>
      </c>
      <c r="ML10" s="316">
        <v>2036100965</v>
      </c>
      <c r="MM10" s="316">
        <v>2916551012</v>
      </c>
      <c r="MN10" s="316">
        <v>1919933320</v>
      </c>
      <c r="MO10" s="320">
        <v>7894360541</v>
      </c>
      <c r="MP10" s="325">
        <v>7894360541</v>
      </c>
      <c r="MQ10" s="319">
        <v>0</v>
      </c>
      <c r="MR10" s="316">
        <v>0</v>
      </c>
      <c r="MS10" s="320">
        <v>0</v>
      </c>
      <c r="MT10" s="413">
        <v>0</v>
      </c>
      <c r="MU10" s="316">
        <v>71245909</v>
      </c>
      <c r="MV10" s="316">
        <v>317635040</v>
      </c>
      <c r="MW10" s="316">
        <v>1342340890</v>
      </c>
      <c r="MX10" s="316">
        <v>1953161769</v>
      </c>
      <c r="MY10" s="316">
        <v>1367837791</v>
      </c>
      <c r="MZ10" s="320">
        <v>5052221399</v>
      </c>
      <c r="NA10" s="325">
        <v>5052221399</v>
      </c>
      <c r="NB10" s="319">
        <v>0</v>
      </c>
      <c r="NC10" s="316">
        <v>0</v>
      </c>
      <c r="ND10" s="320">
        <v>0</v>
      </c>
      <c r="NE10" s="413">
        <v>0</v>
      </c>
      <c r="NF10" s="316">
        <v>167420732</v>
      </c>
      <c r="NG10" s="316">
        <v>464667233</v>
      </c>
      <c r="NH10" s="316">
        <v>689275950</v>
      </c>
      <c r="NI10" s="316">
        <v>919485021</v>
      </c>
      <c r="NJ10" s="316">
        <v>498044362</v>
      </c>
      <c r="NK10" s="320">
        <v>2738893298</v>
      </c>
      <c r="NL10" s="318">
        <v>2738893298</v>
      </c>
      <c r="NM10" s="319">
        <v>0</v>
      </c>
      <c r="NN10" s="316">
        <v>0</v>
      </c>
      <c r="NO10" s="320">
        <v>0</v>
      </c>
      <c r="NP10" s="413">
        <v>0</v>
      </c>
      <c r="NQ10" s="316">
        <v>0</v>
      </c>
      <c r="NR10" s="316">
        <v>0</v>
      </c>
      <c r="NS10" s="316">
        <v>0</v>
      </c>
      <c r="NT10" s="316">
        <v>0</v>
      </c>
      <c r="NU10" s="316">
        <v>0</v>
      </c>
      <c r="NV10" s="320">
        <v>0</v>
      </c>
      <c r="NW10" s="321">
        <v>0</v>
      </c>
      <c r="NX10" s="319">
        <v>0</v>
      </c>
      <c r="NY10" s="316">
        <v>0</v>
      </c>
      <c r="NZ10" s="320">
        <v>0</v>
      </c>
      <c r="OA10" s="413">
        <v>0</v>
      </c>
      <c r="OB10" s="316">
        <v>512356</v>
      </c>
      <c r="OC10" s="316">
        <v>293974</v>
      </c>
      <c r="OD10" s="316">
        <v>4484125</v>
      </c>
      <c r="OE10" s="316">
        <v>43904222</v>
      </c>
      <c r="OF10" s="316">
        <v>54051167</v>
      </c>
      <c r="OG10" s="320">
        <v>103245844</v>
      </c>
      <c r="OH10" s="321">
        <v>103245844</v>
      </c>
      <c r="OI10" s="319">
        <v>176305188</v>
      </c>
      <c r="OJ10" s="316">
        <v>465210139</v>
      </c>
      <c r="OK10" s="317">
        <v>641515327</v>
      </c>
      <c r="OL10" s="322">
        <v>0</v>
      </c>
      <c r="OM10" s="316">
        <v>2898257751</v>
      </c>
      <c r="ON10" s="316">
        <v>5450947366</v>
      </c>
      <c r="OO10" s="316">
        <v>5770308907</v>
      </c>
      <c r="OP10" s="316">
        <v>6165270963</v>
      </c>
      <c r="OQ10" s="316">
        <v>4329579790</v>
      </c>
      <c r="OR10" s="320">
        <v>24614364777</v>
      </c>
      <c r="OS10" s="325">
        <v>25255880104</v>
      </c>
    </row>
    <row r="11" spans="1:409" s="70" customFormat="1" ht="21" customHeight="1" x14ac:dyDescent="0.2">
      <c r="B11" s="410" t="s">
        <v>6</v>
      </c>
      <c r="C11" s="326">
        <v>60881485</v>
      </c>
      <c r="D11" s="327">
        <v>104571170</v>
      </c>
      <c r="E11" s="328">
        <v>165452655</v>
      </c>
      <c r="F11" s="329">
        <v>0</v>
      </c>
      <c r="G11" s="327">
        <v>946345898</v>
      </c>
      <c r="H11" s="327">
        <v>1093953671</v>
      </c>
      <c r="I11" s="327">
        <v>895323494</v>
      </c>
      <c r="J11" s="327">
        <v>878926510</v>
      </c>
      <c r="K11" s="327">
        <v>712457601</v>
      </c>
      <c r="L11" s="329">
        <v>4527007174</v>
      </c>
      <c r="M11" s="330">
        <v>4692459829</v>
      </c>
      <c r="N11" s="326">
        <v>18168009</v>
      </c>
      <c r="O11" s="327">
        <v>35281666</v>
      </c>
      <c r="P11" s="328">
        <v>53449675</v>
      </c>
      <c r="Q11" s="326">
        <v>0</v>
      </c>
      <c r="R11" s="327">
        <v>313205757</v>
      </c>
      <c r="S11" s="327">
        <v>390979435</v>
      </c>
      <c r="T11" s="327">
        <v>327697196</v>
      </c>
      <c r="U11" s="327">
        <v>371583433</v>
      </c>
      <c r="V11" s="327">
        <v>378365317</v>
      </c>
      <c r="W11" s="328">
        <v>1781831138</v>
      </c>
      <c r="X11" s="330">
        <v>1835280813</v>
      </c>
      <c r="Y11" s="326">
        <v>0</v>
      </c>
      <c r="Z11" s="327">
        <v>0</v>
      </c>
      <c r="AA11" s="328">
        <v>0</v>
      </c>
      <c r="AB11" s="326">
        <v>0</v>
      </c>
      <c r="AC11" s="327">
        <v>141427762</v>
      </c>
      <c r="AD11" s="327">
        <v>192733842</v>
      </c>
      <c r="AE11" s="327">
        <v>186147638</v>
      </c>
      <c r="AF11" s="327">
        <v>228143931</v>
      </c>
      <c r="AG11" s="327">
        <v>228468841</v>
      </c>
      <c r="AH11" s="328">
        <v>976922014</v>
      </c>
      <c r="AI11" s="330">
        <v>976922014</v>
      </c>
      <c r="AJ11" s="326">
        <v>18744</v>
      </c>
      <c r="AK11" s="327">
        <v>37489</v>
      </c>
      <c r="AL11" s="328">
        <v>56233</v>
      </c>
      <c r="AM11" s="326">
        <v>0</v>
      </c>
      <c r="AN11" s="327">
        <v>900312</v>
      </c>
      <c r="AO11" s="327">
        <v>2732279</v>
      </c>
      <c r="AP11" s="327">
        <v>7020044</v>
      </c>
      <c r="AQ11" s="327">
        <v>17760231</v>
      </c>
      <c r="AR11" s="327">
        <v>36142966</v>
      </c>
      <c r="AS11" s="328">
        <v>64555832</v>
      </c>
      <c r="AT11" s="330">
        <v>64612065</v>
      </c>
      <c r="AU11" s="326">
        <v>10400050</v>
      </c>
      <c r="AV11" s="327">
        <v>25607652</v>
      </c>
      <c r="AW11" s="328">
        <v>36007702</v>
      </c>
      <c r="AX11" s="326">
        <v>0</v>
      </c>
      <c r="AY11" s="327">
        <v>107733636</v>
      </c>
      <c r="AZ11" s="327">
        <v>123248263</v>
      </c>
      <c r="BA11" s="327">
        <v>75690994</v>
      </c>
      <c r="BB11" s="327">
        <v>68056175</v>
      </c>
      <c r="BC11" s="327">
        <v>66626331</v>
      </c>
      <c r="BD11" s="328">
        <v>441355399</v>
      </c>
      <c r="BE11" s="330">
        <v>477363101</v>
      </c>
      <c r="BF11" s="326">
        <v>785296</v>
      </c>
      <c r="BG11" s="327">
        <v>2125058</v>
      </c>
      <c r="BH11" s="331">
        <v>2910354</v>
      </c>
      <c r="BI11" s="332">
        <v>0</v>
      </c>
      <c r="BJ11" s="327">
        <v>8413539</v>
      </c>
      <c r="BK11" s="327">
        <v>9372007</v>
      </c>
      <c r="BL11" s="327">
        <v>5086180</v>
      </c>
      <c r="BM11" s="327">
        <v>5299630</v>
      </c>
      <c r="BN11" s="327">
        <v>3452498</v>
      </c>
      <c r="BO11" s="328">
        <v>31623854</v>
      </c>
      <c r="BP11" s="330">
        <v>34534208</v>
      </c>
      <c r="BQ11" s="326">
        <v>6963919</v>
      </c>
      <c r="BR11" s="327">
        <v>7511467</v>
      </c>
      <c r="BS11" s="328">
        <v>14475386</v>
      </c>
      <c r="BT11" s="326">
        <v>0</v>
      </c>
      <c r="BU11" s="327">
        <v>54730508</v>
      </c>
      <c r="BV11" s="327">
        <v>62893044</v>
      </c>
      <c r="BW11" s="327">
        <v>53752340</v>
      </c>
      <c r="BX11" s="327">
        <v>52323466</v>
      </c>
      <c r="BY11" s="327">
        <v>43674681</v>
      </c>
      <c r="BZ11" s="328">
        <v>267374039</v>
      </c>
      <c r="CA11" s="330">
        <v>281849425</v>
      </c>
      <c r="CB11" s="326">
        <v>2796301</v>
      </c>
      <c r="CC11" s="327">
        <v>9566876</v>
      </c>
      <c r="CD11" s="328">
        <v>12363177</v>
      </c>
      <c r="CE11" s="326">
        <v>0</v>
      </c>
      <c r="CF11" s="327">
        <v>251902425</v>
      </c>
      <c r="CG11" s="327">
        <v>285194911</v>
      </c>
      <c r="CH11" s="327">
        <v>201140667</v>
      </c>
      <c r="CI11" s="327">
        <v>133841256</v>
      </c>
      <c r="CJ11" s="327">
        <v>69026929</v>
      </c>
      <c r="CK11" s="328">
        <v>941106188</v>
      </c>
      <c r="CL11" s="330">
        <v>953469365</v>
      </c>
      <c r="CM11" s="326">
        <v>0</v>
      </c>
      <c r="CN11" s="327">
        <v>0</v>
      </c>
      <c r="CO11" s="328">
        <v>0</v>
      </c>
      <c r="CP11" s="332">
        <v>0</v>
      </c>
      <c r="CQ11" s="327">
        <v>210979008</v>
      </c>
      <c r="CR11" s="327">
        <v>231444285</v>
      </c>
      <c r="CS11" s="327">
        <v>161528112</v>
      </c>
      <c r="CT11" s="327">
        <v>106036572</v>
      </c>
      <c r="CU11" s="327">
        <v>55933615</v>
      </c>
      <c r="CV11" s="328">
        <v>765921592</v>
      </c>
      <c r="CW11" s="330">
        <v>765921592</v>
      </c>
      <c r="CX11" s="326">
        <v>2796301</v>
      </c>
      <c r="CY11" s="327">
        <v>9566876</v>
      </c>
      <c r="CZ11" s="328">
        <v>12363177</v>
      </c>
      <c r="DA11" s="326">
        <v>0</v>
      </c>
      <c r="DB11" s="327">
        <v>40923417</v>
      </c>
      <c r="DC11" s="327">
        <v>53750626</v>
      </c>
      <c r="DD11" s="327">
        <v>39612555</v>
      </c>
      <c r="DE11" s="327">
        <v>27804684</v>
      </c>
      <c r="DF11" s="327">
        <v>13093314</v>
      </c>
      <c r="DG11" s="328">
        <v>175184596</v>
      </c>
      <c r="DH11" s="330">
        <v>187547773</v>
      </c>
      <c r="DI11" s="326">
        <v>175737</v>
      </c>
      <c r="DJ11" s="327">
        <v>838588</v>
      </c>
      <c r="DK11" s="331">
        <v>1014325</v>
      </c>
      <c r="DL11" s="332">
        <v>0</v>
      </c>
      <c r="DM11" s="327">
        <v>13578873</v>
      </c>
      <c r="DN11" s="327">
        <v>32868185</v>
      </c>
      <c r="DO11" s="327">
        <v>58553518</v>
      </c>
      <c r="DP11" s="327">
        <v>52193608</v>
      </c>
      <c r="DQ11" s="327">
        <v>33022167</v>
      </c>
      <c r="DR11" s="328">
        <v>190216351</v>
      </c>
      <c r="DS11" s="330">
        <v>191230676</v>
      </c>
      <c r="DT11" s="326">
        <v>175737</v>
      </c>
      <c r="DU11" s="327">
        <v>723102</v>
      </c>
      <c r="DV11" s="328">
        <v>898839</v>
      </c>
      <c r="DW11" s="326">
        <v>0</v>
      </c>
      <c r="DX11" s="327">
        <v>11425015</v>
      </c>
      <c r="DY11" s="327">
        <v>27976196</v>
      </c>
      <c r="DZ11" s="327">
        <v>52247407</v>
      </c>
      <c r="EA11" s="327">
        <v>46116833</v>
      </c>
      <c r="EB11" s="327">
        <v>28259469</v>
      </c>
      <c r="EC11" s="328">
        <v>166024920</v>
      </c>
      <c r="ED11" s="330">
        <v>166923759</v>
      </c>
      <c r="EE11" s="326">
        <v>0</v>
      </c>
      <c r="EF11" s="331">
        <v>115486</v>
      </c>
      <c r="EG11" s="328">
        <v>115486</v>
      </c>
      <c r="EH11" s="326">
        <v>0</v>
      </c>
      <c r="EI11" s="327">
        <v>2153858</v>
      </c>
      <c r="EJ11" s="327">
        <v>4891989</v>
      </c>
      <c r="EK11" s="327">
        <v>6306111</v>
      </c>
      <c r="EL11" s="327">
        <v>6076775</v>
      </c>
      <c r="EM11" s="327">
        <v>4762698</v>
      </c>
      <c r="EN11" s="331">
        <v>24191431</v>
      </c>
      <c r="EO11" s="330">
        <v>24306917</v>
      </c>
      <c r="EP11" s="326">
        <v>0</v>
      </c>
      <c r="EQ11" s="327">
        <v>0</v>
      </c>
      <c r="ER11" s="331">
        <v>0</v>
      </c>
      <c r="ES11" s="332">
        <v>0</v>
      </c>
      <c r="ET11" s="327">
        <v>0</v>
      </c>
      <c r="EU11" s="327">
        <v>0</v>
      </c>
      <c r="EV11" s="327">
        <v>0</v>
      </c>
      <c r="EW11" s="327">
        <v>0</v>
      </c>
      <c r="EX11" s="327">
        <v>0</v>
      </c>
      <c r="EY11" s="328">
        <v>0</v>
      </c>
      <c r="EZ11" s="330">
        <v>0</v>
      </c>
      <c r="FA11" s="326">
        <v>0</v>
      </c>
      <c r="FB11" s="327">
        <v>0</v>
      </c>
      <c r="FC11" s="331">
        <v>0</v>
      </c>
      <c r="FD11" s="332">
        <v>0</v>
      </c>
      <c r="FE11" s="327">
        <v>0</v>
      </c>
      <c r="FF11" s="327">
        <v>0</v>
      </c>
      <c r="FG11" s="327">
        <v>0</v>
      </c>
      <c r="FH11" s="327">
        <v>0</v>
      </c>
      <c r="FI11" s="327">
        <v>0</v>
      </c>
      <c r="FJ11" s="328">
        <v>0</v>
      </c>
      <c r="FK11" s="330">
        <v>0</v>
      </c>
      <c r="FL11" s="326">
        <v>13052154</v>
      </c>
      <c r="FM11" s="327">
        <v>24008258</v>
      </c>
      <c r="FN11" s="328">
        <v>37060412</v>
      </c>
      <c r="FO11" s="326">
        <v>0</v>
      </c>
      <c r="FP11" s="327">
        <v>49078901</v>
      </c>
      <c r="FQ11" s="327">
        <v>94494152</v>
      </c>
      <c r="FR11" s="327">
        <v>66275047</v>
      </c>
      <c r="FS11" s="327">
        <v>63313911</v>
      </c>
      <c r="FT11" s="327">
        <v>48804432</v>
      </c>
      <c r="FU11" s="328">
        <v>321966443</v>
      </c>
      <c r="FV11" s="330">
        <v>359026855</v>
      </c>
      <c r="FW11" s="333">
        <v>8855892</v>
      </c>
      <c r="FX11" s="327">
        <v>19344118</v>
      </c>
      <c r="FY11" s="331">
        <v>28200010</v>
      </c>
      <c r="FZ11" s="332">
        <v>0</v>
      </c>
      <c r="GA11" s="327">
        <v>42271443</v>
      </c>
      <c r="GB11" s="327">
        <v>86807476</v>
      </c>
      <c r="GC11" s="327">
        <v>62503903</v>
      </c>
      <c r="GD11" s="327">
        <v>59164136</v>
      </c>
      <c r="GE11" s="327">
        <v>47298852</v>
      </c>
      <c r="GF11" s="328">
        <v>298045810</v>
      </c>
      <c r="GG11" s="334">
        <v>326245820</v>
      </c>
      <c r="GH11" s="333">
        <v>1235133</v>
      </c>
      <c r="GI11" s="327">
        <v>1631478</v>
      </c>
      <c r="GJ11" s="331">
        <v>2866611</v>
      </c>
      <c r="GK11" s="332">
        <v>0</v>
      </c>
      <c r="GL11" s="327">
        <v>3030061</v>
      </c>
      <c r="GM11" s="327">
        <v>3023922</v>
      </c>
      <c r="GN11" s="327">
        <v>2098311</v>
      </c>
      <c r="GO11" s="327">
        <v>1830590</v>
      </c>
      <c r="GP11" s="327">
        <v>849859</v>
      </c>
      <c r="GQ11" s="328">
        <v>10832743</v>
      </c>
      <c r="GR11" s="330">
        <v>13699354</v>
      </c>
      <c r="GS11" s="326">
        <v>2961129</v>
      </c>
      <c r="GT11" s="327">
        <v>3032662</v>
      </c>
      <c r="GU11" s="328">
        <v>5993791</v>
      </c>
      <c r="GV11" s="326">
        <v>0</v>
      </c>
      <c r="GW11" s="327">
        <v>3777397</v>
      </c>
      <c r="GX11" s="327">
        <v>4662754</v>
      </c>
      <c r="GY11" s="327">
        <v>1672833</v>
      </c>
      <c r="GZ11" s="327">
        <v>2319185</v>
      </c>
      <c r="HA11" s="327">
        <v>655721</v>
      </c>
      <c r="HB11" s="331">
        <v>13087890</v>
      </c>
      <c r="HC11" s="330">
        <v>19081681</v>
      </c>
      <c r="HD11" s="326">
        <v>15246844</v>
      </c>
      <c r="HE11" s="327">
        <v>16320726</v>
      </c>
      <c r="HF11" s="331">
        <v>31567570</v>
      </c>
      <c r="HG11" s="332">
        <v>0</v>
      </c>
      <c r="HH11" s="327">
        <v>171477158</v>
      </c>
      <c r="HI11" s="327">
        <v>164712852</v>
      </c>
      <c r="HJ11" s="327">
        <v>158892222</v>
      </c>
      <c r="HK11" s="327">
        <v>198089428</v>
      </c>
      <c r="HL11" s="327">
        <v>143834615</v>
      </c>
      <c r="HM11" s="328">
        <v>837006275</v>
      </c>
      <c r="HN11" s="329">
        <v>868573845</v>
      </c>
      <c r="HO11" s="333">
        <v>11442440</v>
      </c>
      <c r="HP11" s="327">
        <v>18555056</v>
      </c>
      <c r="HQ11" s="328">
        <v>29997496</v>
      </c>
      <c r="HR11" s="326">
        <v>0</v>
      </c>
      <c r="HS11" s="327">
        <v>147102784</v>
      </c>
      <c r="HT11" s="327">
        <v>125704136</v>
      </c>
      <c r="HU11" s="327">
        <v>82764844</v>
      </c>
      <c r="HV11" s="327">
        <v>59904874</v>
      </c>
      <c r="HW11" s="327">
        <v>39404141</v>
      </c>
      <c r="HX11" s="331">
        <v>454880779</v>
      </c>
      <c r="HY11" s="330">
        <v>484878275</v>
      </c>
      <c r="HZ11" s="335">
        <v>1415544</v>
      </c>
      <c r="IA11" s="336">
        <v>5108232</v>
      </c>
      <c r="IB11" s="337">
        <v>6523776</v>
      </c>
      <c r="IC11" s="338">
        <v>0</v>
      </c>
      <c r="ID11" s="336">
        <v>296686353</v>
      </c>
      <c r="IE11" s="339">
        <v>371184258</v>
      </c>
      <c r="IF11" s="337">
        <v>387398936</v>
      </c>
      <c r="IG11" s="336">
        <v>309221021</v>
      </c>
      <c r="IH11" s="337">
        <v>240948764</v>
      </c>
      <c r="II11" s="340">
        <v>1605439332</v>
      </c>
      <c r="IJ11" s="341">
        <v>1611963108</v>
      </c>
      <c r="IK11" s="342">
        <v>0</v>
      </c>
      <c r="IL11" s="343">
        <v>0</v>
      </c>
      <c r="IM11" s="344">
        <v>0</v>
      </c>
      <c r="IN11" s="404">
        <v>0</v>
      </c>
      <c r="IO11" s="345">
        <v>5628045</v>
      </c>
      <c r="IP11" s="345">
        <v>10027106</v>
      </c>
      <c r="IQ11" s="345">
        <v>12074396</v>
      </c>
      <c r="IR11" s="345">
        <v>27787765</v>
      </c>
      <c r="IS11" s="345">
        <v>31021211</v>
      </c>
      <c r="IT11" s="346">
        <v>86538523</v>
      </c>
      <c r="IU11" s="347">
        <v>86538523</v>
      </c>
      <c r="IV11" s="348">
        <v>0</v>
      </c>
      <c r="IW11" s="345">
        <v>0</v>
      </c>
      <c r="IX11" s="349">
        <v>0</v>
      </c>
      <c r="IY11" s="413">
        <v>0</v>
      </c>
      <c r="IZ11" s="345">
        <v>1428334</v>
      </c>
      <c r="JA11" s="345">
        <v>2299856</v>
      </c>
      <c r="JB11" s="345">
        <v>3071305</v>
      </c>
      <c r="JC11" s="345">
        <v>2974892</v>
      </c>
      <c r="JD11" s="345">
        <v>2831436</v>
      </c>
      <c r="JE11" s="349">
        <v>12605823</v>
      </c>
      <c r="JF11" s="350">
        <v>12605823</v>
      </c>
      <c r="JG11" s="348">
        <v>0</v>
      </c>
      <c r="JH11" s="345">
        <v>0</v>
      </c>
      <c r="JI11" s="346">
        <v>0</v>
      </c>
      <c r="JJ11" s="351">
        <v>0</v>
      </c>
      <c r="JK11" s="345">
        <v>93761510</v>
      </c>
      <c r="JL11" s="345">
        <v>96584225</v>
      </c>
      <c r="JM11" s="345">
        <v>70940101</v>
      </c>
      <c r="JN11" s="345">
        <v>47936417</v>
      </c>
      <c r="JO11" s="345">
        <v>28557657</v>
      </c>
      <c r="JP11" s="349">
        <v>337779910</v>
      </c>
      <c r="JQ11" s="347">
        <v>337779910</v>
      </c>
      <c r="JR11" s="348">
        <v>31089</v>
      </c>
      <c r="JS11" s="345">
        <v>0</v>
      </c>
      <c r="JT11" s="346">
        <v>31089</v>
      </c>
      <c r="JU11" s="351">
        <v>0</v>
      </c>
      <c r="JV11" s="345">
        <v>15027417</v>
      </c>
      <c r="JW11" s="345">
        <v>28713535</v>
      </c>
      <c r="JX11" s="345">
        <v>35470188</v>
      </c>
      <c r="JY11" s="345">
        <v>21162227</v>
      </c>
      <c r="JZ11" s="345">
        <v>20152791</v>
      </c>
      <c r="KA11" s="349">
        <v>120526158</v>
      </c>
      <c r="KB11" s="347">
        <v>120557247</v>
      </c>
      <c r="KC11" s="352">
        <v>1384455</v>
      </c>
      <c r="KD11" s="353">
        <v>3784445</v>
      </c>
      <c r="KE11" s="349">
        <v>5168900</v>
      </c>
      <c r="KF11" s="351">
        <v>0</v>
      </c>
      <c r="KG11" s="345">
        <v>34765901</v>
      </c>
      <c r="KH11" s="345">
        <v>37568647</v>
      </c>
      <c r="KI11" s="345">
        <v>50208638</v>
      </c>
      <c r="KJ11" s="345">
        <v>33737290</v>
      </c>
      <c r="KK11" s="345">
        <v>18511562</v>
      </c>
      <c r="KL11" s="349">
        <v>174792038</v>
      </c>
      <c r="KM11" s="354">
        <v>179960938</v>
      </c>
      <c r="KN11" s="342">
        <v>0</v>
      </c>
      <c r="KO11" s="343">
        <v>1323787</v>
      </c>
      <c r="KP11" s="344">
        <v>1323787</v>
      </c>
      <c r="KQ11" s="413">
        <v>0</v>
      </c>
      <c r="KR11" s="345">
        <v>132586736</v>
      </c>
      <c r="KS11" s="345">
        <v>173259737</v>
      </c>
      <c r="KT11" s="345">
        <v>168856230</v>
      </c>
      <c r="KU11" s="345">
        <v>114652245</v>
      </c>
      <c r="KV11" s="345">
        <v>77953903</v>
      </c>
      <c r="KW11" s="349">
        <v>667308851</v>
      </c>
      <c r="KX11" s="347">
        <v>668632638</v>
      </c>
      <c r="KY11" s="348">
        <v>0</v>
      </c>
      <c r="KZ11" s="345">
        <v>0</v>
      </c>
      <c r="LA11" s="349">
        <v>0</v>
      </c>
      <c r="LB11" s="413">
        <v>0</v>
      </c>
      <c r="LC11" s="345">
        <v>0</v>
      </c>
      <c r="LD11" s="345">
        <v>0</v>
      </c>
      <c r="LE11" s="345">
        <v>0</v>
      </c>
      <c r="LF11" s="345">
        <v>0</v>
      </c>
      <c r="LG11" s="345">
        <v>0</v>
      </c>
      <c r="LH11" s="349">
        <v>0</v>
      </c>
      <c r="LI11" s="350">
        <v>0</v>
      </c>
      <c r="LJ11" s="348">
        <v>0</v>
      </c>
      <c r="LK11" s="345">
        <v>0</v>
      </c>
      <c r="LL11" s="349">
        <v>0</v>
      </c>
      <c r="LM11" s="413">
        <v>0</v>
      </c>
      <c r="LN11" s="345">
        <v>503837</v>
      </c>
      <c r="LO11" s="345">
        <v>2514563</v>
      </c>
      <c r="LP11" s="345">
        <v>20965902</v>
      </c>
      <c r="LQ11" s="345">
        <v>31176157</v>
      </c>
      <c r="LR11" s="345">
        <v>23335898</v>
      </c>
      <c r="LS11" s="349">
        <v>78496357</v>
      </c>
      <c r="LT11" s="347">
        <v>78496357</v>
      </c>
      <c r="LU11" s="348">
        <v>0</v>
      </c>
      <c r="LV11" s="345">
        <v>0</v>
      </c>
      <c r="LW11" s="349">
        <v>0</v>
      </c>
      <c r="LX11" s="413">
        <v>0</v>
      </c>
      <c r="LY11" s="345">
        <v>12984573</v>
      </c>
      <c r="LZ11" s="345">
        <v>20216589</v>
      </c>
      <c r="MA11" s="345">
        <v>25812176</v>
      </c>
      <c r="MB11" s="345">
        <v>29794028</v>
      </c>
      <c r="MC11" s="345">
        <v>38584306</v>
      </c>
      <c r="MD11" s="349">
        <v>127391672</v>
      </c>
      <c r="ME11" s="350">
        <v>127391672</v>
      </c>
      <c r="MF11" s="348">
        <v>0</v>
      </c>
      <c r="MG11" s="345">
        <v>0</v>
      </c>
      <c r="MH11" s="349">
        <v>0</v>
      </c>
      <c r="MI11" s="413">
        <v>0</v>
      </c>
      <c r="MJ11" s="345">
        <v>78430242</v>
      </c>
      <c r="MK11" s="345">
        <v>143526923</v>
      </c>
      <c r="ML11" s="345">
        <v>518184882</v>
      </c>
      <c r="MM11" s="345">
        <v>786296265</v>
      </c>
      <c r="MN11" s="345">
        <v>553800735</v>
      </c>
      <c r="MO11" s="349">
        <v>2080239047</v>
      </c>
      <c r="MP11" s="354">
        <v>2080239047</v>
      </c>
      <c r="MQ11" s="348">
        <v>0</v>
      </c>
      <c r="MR11" s="345">
        <v>0</v>
      </c>
      <c r="MS11" s="349">
        <v>0</v>
      </c>
      <c r="MT11" s="413">
        <v>0</v>
      </c>
      <c r="MU11" s="345">
        <v>21206484</v>
      </c>
      <c r="MV11" s="345">
        <v>47772968</v>
      </c>
      <c r="MW11" s="345">
        <v>353889128</v>
      </c>
      <c r="MX11" s="345">
        <v>544595672</v>
      </c>
      <c r="MY11" s="345">
        <v>403366242</v>
      </c>
      <c r="MZ11" s="349">
        <v>1370830494</v>
      </c>
      <c r="NA11" s="354">
        <v>1370830494</v>
      </c>
      <c r="NB11" s="348">
        <v>0</v>
      </c>
      <c r="NC11" s="345">
        <v>0</v>
      </c>
      <c r="ND11" s="349">
        <v>0</v>
      </c>
      <c r="NE11" s="413">
        <v>0</v>
      </c>
      <c r="NF11" s="345">
        <v>57223758</v>
      </c>
      <c r="NG11" s="345">
        <v>95496065</v>
      </c>
      <c r="NH11" s="345">
        <v>163914791</v>
      </c>
      <c r="NI11" s="345">
        <v>227738513</v>
      </c>
      <c r="NJ11" s="345">
        <v>123449481</v>
      </c>
      <c r="NK11" s="349">
        <v>667822608</v>
      </c>
      <c r="NL11" s="347">
        <v>667822608</v>
      </c>
      <c r="NM11" s="348">
        <v>0</v>
      </c>
      <c r="NN11" s="345">
        <v>0</v>
      </c>
      <c r="NO11" s="349">
        <v>0</v>
      </c>
      <c r="NP11" s="413">
        <v>0</v>
      </c>
      <c r="NQ11" s="345">
        <v>0</v>
      </c>
      <c r="NR11" s="345">
        <v>0</v>
      </c>
      <c r="NS11" s="345">
        <v>0</v>
      </c>
      <c r="NT11" s="345">
        <v>0</v>
      </c>
      <c r="NU11" s="345">
        <v>0</v>
      </c>
      <c r="NV11" s="349">
        <v>0</v>
      </c>
      <c r="NW11" s="350">
        <v>0</v>
      </c>
      <c r="NX11" s="348">
        <v>0</v>
      </c>
      <c r="NY11" s="345">
        <v>0</v>
      </c>
      <c r="NZ11" s="349">
        <v>0</v>
      </c>
      <c r="OA11" s="413">
        <v>0</v>
      </c>
      <c r="OB11" s="345">
        <v>0</v>
      </c>
      <c r="OC11" s="345">
        <v>257890</v>
      </c>
      <c r="OD11" s="345">
        <v>380963</v>
      </c>
      <c r="OE11" s="345">
        <v>13962080</v>
      </c>
      <c r="OF11" s="345">
        <v>26985012</v>
      </c>
      <c r="OG11" s="349">
        <v>41585945</v>
      </c>
      <c r="OH11" s="350">
        <v>41585945</v>
      </c>
      <c r="OI11" s="348">
        <v>62297029</v>
      </c>
      <c r="OJ11" s="345">
        <v>109679402</v>
      </c>
      <c r="OK11" s="346">
        <v>171976431</v>
      </c>
      <c r="OL11" s="351">
        <v>0</v>
      </c>
      <c r="OM11" s="345">
        <v>1321462493</v>
      </c>
      <c r="ON11" s="345">
        <v>1608664852</v>
      </c>
      <c r="OO11" s="345">
        <v>1800907312</v>
      </c>
      <c r="OP11" s="345">
        <v>1974443796</v>
      </c>
      <c r="OQ11" s="345">
        <v>1507207100</v>
      </c>
      <c r="OR11" s="349">
        <v>8212685553</v>
      </c>
      <c r="OS11" s="354">
        <v>8384661984</v>
      </c>
    </row>
    <row r="12" spans="1:409" s="70" customFormat="1" ht="21" customHeight="1" x14ac:dyDescent="0.2">
      <c r="B12" s="410" t="s">
        <v>14</v>
      </c>
      <c r="C12" s="326">
        <v>30994509</v>
      </c>
      <c r="D12" s="327">
        <v>80306705</v>
      </c>
      <c r="E12" s="328">
        <v>111301214</v>
      </c>
      <c r="F12" s="329">
        <v>0</v>
      </c>
      <c r="G12" s="327">
        <v>356610899</v>
      </c>
      <c r="H12" s="327">
        <v>584170258</v>
      </c>
      <c r="I12" s="327">
        <v>535006165</v>
      </c>
      <c r="J12" s="327">
        <v>467209064</v>
      </c>
      <c r="K12" s="327">
        <v>317470863</v>
      </c>
      <c r="L12" s="331">
        <v>2260467249</v>
      </c>
      <c r="M12" s="330">
        <v>2371768463</v>
      </c>
      <c r="N12" s="326">
        <v>5550118</v>
      </c>
      <c r="O12" s="327">
        <v>20088500</v>
      </c>
      <c r="P12" s="328">
        <v>25638618</v>
      </c>
      <c r="Q12" s="326">
        <v>0</v>
      </c>
      <c r="R12" s="327">
        <v>99624788</v>
      </c>
      <c r="S12" s="327">
        <v>188813418</v>
      </c>
      <c r="T12" s="327">
        <v>184136735</v>
      </c>
      <c r="U12" s="327">
        <v>196867049</v>
      </c>
      <c r="V12" s="327">
        <v>165667391</v>
      </c>
      <c r="W12" s="328">
        <v>835109381</v>
      </c>
      <c r="X12" s="330">
        <v>860747999</v>
      </c>
      <c r="Y12" s="326">
        <v>0</v>
      </c>
      <c r="Z12" s="327">
        <v>0</v>
      </c>
      <c r="AA12" s="328">
        <v>0</v>
      </c>
      <c r="AB12" s="326">
        <v>0</v>
      </c>
      <c r="AC12" s="327">
        <v>49244289</v>
      </c>
      <c r="AD12" s="327">
        <v>100329722</v>
      </c>
      <c r="AE12" s="327">
        <v>105257293</v>
      </c>
      <c r="AF12" s="327">
        <v>123931720</v>
      </c>
      <c r="AG12" s="327">
        <v>99186111</v>
      </c>
      <c r="AH12" s="328">
        <v>477949135</v>
      </c>
      <c r="AI12" s="330">
        <v>477949135</v>
      </c>
      <c r="AJ12" s="326">
        <v>0</v>
      </c>
      <c r="AK12" s="327">
        <v>67555</v>
      </c>
      <c r="AL12" s="328">
        <v>67555</v>
      </c>
      <c r="AM12" s="326">
        <v>0</v>
      </c>
      <c r="AN12" s="327">
        <v>0</v>
      </c>
      <c r="AO12" s="327">
        <v>1422255</v>
      </c>
      <c r="AP12" s="327">
        <v>3074629</v>
      </c>
      <c r="AQ12" s="327">
        <v>8982416</v>
      </c>
      <c r="AR12" s="327">
        <v>15378722</v>
      </c>
      <c r="AS12" s="328">
        <v>28858022</v>
      </c>
      <c r="AT12" s="330">
        <v>28925577</v>
      </c>
      <c r="AU12" s="326">
        <v>2593118</v>
      </c>
      <c r="AV12" s="327">
        <v>14315040</v>
      </c>
      <c r="AW12" s="328">
        <v>16908158</v>
      </c>
      <c r="AX12" s="326">
        <v>0</v>
      </c>
      <c r="AY12" s="327">
        <v>29853084</v>
      </c>
      <c r="AZ12" s="327">
        <v>55966597</v>
      </c>
      <c r="BA12" s="327">
        <v>44250976</v>
      </c>
      <c r="BB12" s="327">
        <v>36493252</v>
      </c>
      <c r="BC12" s="327">
        <v>31597416</v>
      </c>
      <c r="BD12" s="328">
        <v>198161325</v>
      </c>
      <c r="BE12" s="330">
        <v>215069483</v>
      </c>
      <c r="BF12" s="326">
        <v>201669</v>
      </c>
      <c r="BG12" s="327">
        <v>1138889</v>
      </c>
      <c r="BH12" s="331">
        <v>1340558</v>
      </c>
      <c r="BI12" s="332">
        <v>0</v>
      </c>
      <c r="BJ12" s="327">
        <v>946991</v>
      </c>
      <c r="BK12" s="327">
        <v>2833278</v>
      </c>
      <c r="BL12" s="327">
        <v>1556776</v>
      </c>
      <c r="BM12" s="327">
        <v>1865169</v>
      </c>
      <c r="BN12" s="327">
        <v>794448</v>
      </c>
      <c r="BO12" s="328">
        <v>7996662</v>
      </c>
      <c r="BP12" s="330">
        <v>9337220</v>
      </c>
      <c r="BQ12" s="326">
        <v>2755331</v>
      </c>
      <c r="BR12" s="327">
        <v>4567016</v>
      </c>
      <c r="BS12" s="328">
        <v>7322347</v>
      </c>
      <c r="BT12" s="326">
        <v>0</v>
      </c>
      <c r="BU12" s="327">
        <v>19580424</v>
      </c>
      <c r="BV12" s="327">
        <v>28261566</v>
      </c>
      <c r="BW12" s="327">
        <v>29997061</v>
      </c>
      <c r="BX12" s="327">
        <v>25594492</v>
      </c>
      <c r="BY12" s="327">
        <v>18710694</v>
      </c>
      <c r="BZ12" s="328">
        <v>122144237</v>
      </c>
      <c r="CA12" s="330">
        <v>129466584</v>
      </c>
      <c r="CB12" s="326">
        <v>2099777</v>
      </c>
      <c r="CC12" s="327">
        <v>7599109</v>
      </c>
      <c r="CD12" s="328">
        <v>9698886</v>
      </c>
      <c r="CE12" s="326">
        <v>0</v>
      </c>
      <c r="CF12" s="327">
        <v>107688244</v>
      </c>
      <c r="CG12" s="327">
        <v>176434070</v>
      </c>
      <c r="CH12" s="327">
        <v>139940049</v>
      </c>
      <c r="CI12" s="327">
        <v>82977102</v>
      </c>
      <c r="CJ12" s="327">
        <v>43246984</v>
      </c>
      <c r="CK12" s="328">
        <v>550286449</v>
      </c>
      <c r="CL12" s="330">
        <v>559985335</v>
      </c>
      <c r="CM12" s="326">
        <v>0</v>
      </c>
      <c r="CN12" s="327">
        <v>0</v>
      </c>
      <c r="CO12" s="328">
        <v>0</v>
      </c>
      <c r="CP12" s="332">
        <v>0</v>
      </c>
      <c r="CQ12" s="327">
        <v>100453020</v>
      </c>
      <c r="CR12" s="327">
        <v>150454414</v>
      </c>
      <c r="CS12" s="327">
        <v>120917036</v>
      </c>
      <c r="CT12" s="327">
        <v>70390040</v>
      </c>
      <c r="CU12" s="327">
        <v>37672600</v>
      </c>
      <c r="CV12" s="328">
        <v>479887110</v>
      </c>
      <c r="CW12" s="330">
        <v>479887110</v>
      </c>
      <c r="CX12" s="326">
        <v>2099777</v>
      </c>
      <c r="CY12" s="327">
        <v>7599109</v>
      </c>
      <c r="CZ12" s="328">
        <v>9698886</v>
      </c>
      <c r="DA12" s="326">
        <v>0</v>
      </c>
      <c r="DB12" s="327">
        <v>7235224</v>
      </c>
      <c r="DC12" s="327">
        <v>25979656</v>
      </c>
      <c r="DD12" s="327">
        <v>19023013</v>
      </c>
      <c r="DE12" s="327">
        <v>12587062</v>
      </c>
      <c r="DF12" s="327">
        <v>5574384</v>
      </c>
      <c r="DG12" s="328">
        <v>70399339</v>
      </c>
      <c r="DH12" s="330">
        <v>80098225</v>
      </c>
      <c r="DI12" s="326">
        <v>94956</v>
      </c>
      <c r="DJ12" s="327">
        <v>791236</v>
      </c>
      <c r="DK12" s="331">
        <v>886192</v>
      </c>
      <c r="DL12" s="332">
        <v>0</v>
      </c>
      <c r="DM12" s="327">
        <v>7677681</v>
      </c>
      <c r="DN12" s="327">
        <v>20387848</v>
      </c>
      <c r="DO12" s="327">
        <v>47541459</v>
      </c>
      <c r="DP12" s="327">
        <v>41053169</v>
      </c>
      <c r="DQ12" s="327">
        <v>21450853</v>
      </c>
      <c r="DR12" s="328">
        <v>138111010</v>
      </c>
      <c r="DS12" s="330">
        <v>138997202</v>
      </c>
      <c r="DT12" s="326">
        <v>94956</v>
      </c>
      <c r="DU12" s="327">
        <v>748091</v>
      </c>
      <c r="DV12" s="328">
        <v>843047</v>
      </c>
      <c r="DW12" s="326">
        <v>0</v>
      </c>
      <c r="DX12" s="327">
        <v>7509980</v>
      </c>
      <c r="DY12" s="327">
        <v>19767406</v>
      </c>
      <c r="DZ12" s="327">
        <v>46575651</v>
      </c>
      <c r="EA12" s="327">
        <v>39985206</v>
      </c>
      <c r="EB12" s="327">
        <v>20364458</v>
      </c>
      <c r="EC12" s="328">
        <v>134202701</v>
      </c>
      <c r="ED12" s="330">
        <v>135045748</v>
      </c>
      <c r="EE12" s="326">
        <v>0</v>
      </c>
      <c r="EF12" s="331">
        <v>43145</v>
      </c>
      <c r="EG12" s="328">
        <v>43145</v>
      </c>
      <c r="EH12" s="326">
        <v>0</v>
      </c>
      <c r="EI12" s="327">
        <v>167701</v>
      </c>
      <c r="EJ12" s="327">
        <v>620442</v>
      </c>
      <c r="EK12" s="327">
        <v>965808</v>
      </c>
      <c r="EL12" s="327">
        <v>1067963</v>
      </c>
      <c r="EM12" s="327">
        <v>1086395</v>
      </c>
      <c r="EN12" s="331">
        <v>3908309</v>
      </c>
      <c r="EO12" s="330">
        <v>3951454</v>
      </c>
      <c r="EP12" s="326">
        <v>0</v>
      </c>
      <c r="EQ12" s="327">
        <v>0</v>
      </c>
      <c r="ER12" s="331">
        <v>0</v>
      </c>
      <c r="ES12" s="332">
        <v>0</v>
      </c>
      <c r="ET12" s="327">
        <v>0</v>
      </c>
      <c r="EU12" s="327">
        <v>0</v>
      </c>
      <c r="EV12" s="327">
        <v>0</v>
      </c>
      <c r="EW12" s="327">
        <v>0</v>
      </c>
      <c r="EX12" s="327">
        <v>0</v>
      </c>
      <c r="EY12" s="328">
        <v>0</v>
      </c>
      <c r="EZ12" s="330">
        <v>0</v>
      </c>
      <c r="FA12" s="326">
        <v>0</v>
      </c>
      <c r="FB12" s="327">
        <v>0</v>
      </c>
      <c r="FC12" s="331">
        <v>0</v>
      </c>
      <c r="FD12" s="332">
        <v>0</v>
      </c>
      <c r="FE12" s="327">
        <v>0</v>
      </c>
      <c r="FF12" s="327">
        <v>0</v>
      </c>
      <c r="FG12" s="327">
        <v>0</v>
      </c>
      <c r="FH12" s="327">
        <v>0</v>
      </c>
      <c r="FI12" s="327">
        <v>0</v>
      </c>
      <c r="FJ12" s="328">
        <v>0</v>
      </c>
      <c r="FK12" s="330">
        <v>0</v>
      </c>
      <c r="FL12" s="326">
        <v>9927016</v>
      </c>
      <c r="FM12" s="327">
        <v>24869050</v>
      </c>
      <c r="FN12" s="328">
        <v>34796066</v>
      </c>
      <c r="FO12" s="326">
        <v>0</v>
      </c>
      <c r="FP12" s="327">
        <v>19415919</v>
      </c>
      <c r="FQ12" s="327">
        <v>59059598</v>
      </c>
      <c r="FR12" s="327">
        <v>43356433</v>
      </c>
      <c r="FS12" s="327">
        <v>37238717</v>
      </c>
      <c r="FT12" s="327">
        <v>23109423</v>
      </c>
      <c r="FU12" s="328">
        <v>182180090</v>
      </c>
      <c r="FV12" s="330">
        <v>216976156</v>
      </c>
      <c r="FW12" s="333">
        <v>5673303</v>
      </c>
      <c r="FX12" s="327">
        <v>18932226</v>
      </c>
      <c r="FY12" s="331">
        <v>24605529</v>
      </c>
      <c r="FZ12" s="332">
        <v>0</v>
      </c>
      <c r="GA12" s="327">
        <v>16702082</v>
      </c>
      <c r="GB12" s="327">
        <v>54473275</v>
      </c>
      <c r="GC12" s="327">
        <v>40149400</v>
      </c>
      <c r="GD12" s="327">
        <v>33905285</v>
      </c>
      <c r="GE12" s="327">
        <v>22524428</v>
      </c>
      <c r="GF12" s="328">
        <v>167754470</v>
      </c>
      <c r="GG12" s="334">
        <v>192359999</v>
      </c>
      <c r="GH12" s="333">
        <v>464771</v>
      </c>
      <c r="GI12" s="327">
        <v>1219135</v>
      </c>
      <c r="GJ12" s="331">
        <v>1683906</v>
      </c>
      <c r="GK12" s="332">
        <v>0</v>
      </c>
      <c r="GL12" s="327">
        <v>1131986</v>
      </c>
      <c r="GM12" s="327">
        <v>1369391</v>
      </c>
      <c r="GN12" s="327">
        <v>1265013</v>
      </c>
      <c r="GO12" s="327">
        <v>1615195</v>
      </c>
      <c r="GP12" s="327">
        <v>355482</v>
      </c>
      <c r="GQ12" s="328">
        <v>5737067</v>
      </c>
      <c r="GR12" s="330">
        <v>7420973</v>
      </c>
      <c r="GS12" s="326">
        <v>3788942</v>
      </c>
      <c r="GT12" s="327">
        <v>4717689</v>
      </c>
      <c r="GU12" s="328">
        <v>8506631</v>
      </c>
      <c r="GV12" s="326">
        <v>0</v>
      </c>
      <c r="GW12" s="327">
        <v>1581851</v>
      </c>
      <c r="GX12" s="327">
        <v>3216932</v>
      </c>
      <c r="GY12" s="327">
        <v>1942020</v>
      </c>
      <c r="GZ12" s="327">
        <v>1718237</v>
      </c>
      <c r="HA12" s="327">
        <v>229513</v>
      </c>
      <c r="HB12" s="331">
        <v>8688553</v>
      </c>
      <c r="HC12" s="330">
        <v>17195184</v>
      </c>
      <c r="HD12" s="326">
        <v>7914603</v>
      </c>
      <c r="HE12" s="327">
        <v>12736208</v>
      </c>
      <c r="HF12" s="331">
        <v>20650811</v>
      </c>
      <c r="HG12" s="332">
        <v>0</v>
      </c>
      <c r="HH12" s="327">
        <v>61320056</v>
      </c>
      <c r="HI12" s="327">
        <v>60711531</v>
      </c>
      <c r="HJ12" s="327">
        <v>65457468</v>
      </c>
      <c r="HK12" s="327">
        <v>74473714</v>
      </c>
      <c r="HL12" s="327">
        <v>44920701</v>
      </c>
      <c r="HM12" s="328">
        <v>306883470</v>
      </c>
      <c r="HN12" s="329">
        <v>327534281</v>
      </c>
      <c r="HO12" s="333">
        <v>5408039</v>
      </c>
      <c r="HP12" s="327">
        <v>14222602</v>
      </c>
      <c r="HQ12" s="328">
        <v>19630641</v>
      </c>
      <c r="HR12" s="326">
        <v>0</v>
      </c>
      <c r="HS12" s="327">
        <v>60884211</v>
      </c>
      <c r="HT12" s="327">
        <v>78763793</v>
      </c>
      <c r="HU12" s="327">
        <v>54574021</v>
      </c>
      <c r="HV12" s="327">
        <v>34599313</v>
      </c>
      <c r="HW12" s="327">
        <v>19075511</v>
      </c>
      <c r="HX12" s="331">
        <v>247896849</v>
      </c>
      <c r="HY12" s="330">
        <v>267527490</v>
      </c>
      <c r="HZ12" s="335">
        <v>938284</v>
      </c>
      <c r="IA12" s="336">
        <v>2891713</v>
      </c>
      <c r="IB12" s="337">
        <v>3829997</v>
      </c>
      <c r="IC12" s="355">
        <v>0</v>
      </c>
      <c r="ID12" s="356">
        <v>134870619</v>
      </c>
      <c r="IE12" s="357">
        <v>202432309</v>
      </c>
      <c r="IF12" s="358">
        <v>246213500</v>
      </c>
      <c r="IG12" s="356">
        <v>154242188</v>
      </c>
      <c r="IH12" s="358">
        <v>96081243</v>
      </c>
      <c r="II12" s="359">
        <v>833839859</v>
      </c>
      <c r="IJ12" s="341">
        <v>837669856</v>
      </c>
      <c r="IK12" s="342">
        <v>0</v>
      </c>
      <c r="IL12" s="343">
        <v>0</v>
      </c>
      <c r="IM12" s="344">
        <v>0</v>
      </c>
      <c r="IN12" s="404">
        <v>0</v>
      </c>
      <c r="IO12" s="345">
        <v>5223464</v>
      </c>
      <c r="IP12" s="345">
        <v>8817648</v>
      </c>
      <c r="IQ12" s="345">
        <v>15011058</v>
      </c>
      <c r="IR12" s="345">
        <v>7794255</v>
      </c>
      <c r="IS12" s="345">
        <v>11374892</v>
      </c>
      <c r="IT12" s="346">
        <v>48221317</v>
      </c>
      <c r="IU12" s="347">
        <v>48221317</v>
      </c>
      <c r="IV12" s="348">
        <v>0</v>
      </c>
      <c r="IW12" s="345">
        <v>0</v>
      </c>
      <c r="IX12" s="349">
        <v>0</v>
      </c>
      <c r="IY12" s="413">
        <v>0</v>
      </c>
      <c r="IZ12" s="345">
        <v>0</v>
      </c>
      <c r="JA12" s="345">
        <v>0</v>
      </c>
      <c r="JB12" s="345">
        <v>0</v>
      </c>
      <c r="JC12" s="345">
        <v>0</v>
      </c>
      <c r="JD12" s="345">
        <v>0</v>
      </c>
      <c r="JE12" s="349">
        <v>0</v>
      </c>
      <c r="JF12" s="350">
        <v>0</v>
      </c>
      <c r="JG12" s="348">
        <v>0</v>
      </c>
      <c r="JH12" s="345">
        <v>0</v>
      </c>
      <c r="JI12" s="346">
        <v>0</v>
      </c>
      <c r="JJ12" s="351">
        <v>0</v>
      </c>
      <c r="JK12" s="345">
        <v>53087736</v>
      </c>
      <c r="JL12" s="345">
        <v>71583796</v>
      </c>
      <c r="JM12" s="345">
        <v>55049675</v>
      </c>
      <c r="JN12" s="345">
        <v>32588494</v>
      </c>
      <c r="JO12" s="345">
        <v>15812616</v>
      </c>
      <c r="JP12" s="349">
        <v>228122317</v>
      </c>
      <c r="JQ12" s="347">
        <v>228122317</v>
      </c>
      <c r="JR12" s="348">
        <v>0</v>
      </c>
      <c r="JS12" s="345">
        <v>0</v>
      </c>
      <c r="JT12" s="346">
        <v>0</v>
      </c>
      <c r="JU12" s="351">
        <v>0</v>
      </c>
      <c r="JV12" s="345">
        <v>1444414</v>
      </c>
      <c r="JW12" s="345">
        <v>1974683</v>
      </c>
      <c r="JX12" s="345">
        <v>5257887</v>
      </c>
      <c r="JY12" s="345">
        <v>2050465</v>
      </c>
      <c r="JZ12" s="345">
        <v>3092153</v>
      </c>
      <c r="KA12" s="349">
        <v>13819602</v>
      </c>
      <c r="KB12" s="347">
        <v>13819602</v>
      </c>
      <c r="KC12" s="352">
        <v>938284</v>
      </c>
      <c r="KD12" s="353">
        <v>2341575</v>
      </c>
      <c r="KE12" s="349">
        <v>3279859</v>
      </c>
      <c r="KF12" s="351">
        <v>0</v>
      </c>
      <c r="KG12" s="345">
        <v>17322985</v>
      </c>
      <c r="KH12" s="345">
        <v>29806166</v>
      </c>
      <c r="KI12" s="345">
        <v>34645886</v>
      </c>
      <c r="KJ12" s="345">
        <v>25171336</v>
      </c>
      <c r="KK12" s="345">
        <v>13994624</v>
      </c>
      <c r="KL12" s="349">
        <v>120940997</v>
      </c>
      <c r="KM12" s="354">
        <v>124220856</v>
      </c>
      <c r="KN12" s="342">
        <v>0</v>
      </c>
      <c r="KO12" s="343">
        <v>550138</v>
      </c>
      <c r="KP12" s="344">
        <v>550138</v>
      </c>
      <c r="KQ12" s="413">
        <v>0</v>
      </c>
      <c r="KR12" s="345">
        <v>54560298</v>
      </c>
      <c r="KS12" s="345">
        <v>84614991</v>
      </c>
      <c r="KT12" s="345">
        <v>120448047</v>
      </c>
      <c r="KU12" s="345">
        <v>62277291</v>
      </c>
      <c r="KV12" s="345">
        <v>34915752</v>
      </c>
      <c r="KW12" s="349">
        <v>356816379</v>
      </c>
      <c r="KX12" s="347">
        <v>357366517</v>
      </c>
      <c r="KY12" s="348">
        <v>0</v>
      </c>
      <c r="KZ12" s="345">
        <v>0</v>
      </c>
      <c r="LA12" s="349">
        <v>0</v>
      </c>
      <c r="LB12" s="413">
        <v>0</v>
      </c>
      <c r="LC12" s="345">
        <v>0</v>
      </c>
      <c r="LD12" s="345">
        <v>0</v>
      </c>
      <c r="LE12" s="345">
        <v>0</v>
      </c>
      <c r="LF12" s="345">
        <v>0</v>
      </c>
      <c r="LG12" s="345">
        <v>0</v>
      </c>
      <c r="LH12" s="349">
        <v>0</v>
      </c>
      <c r="LI12" s="350">
        <v>0</v>
      </c>
      <c r="LJ12" s="348">
        <v>0</v>
      </c>
      <c r="LK12" s="345">
        <v>0</v>
      </c>
      <c r="LL12" s="349">
        <v>0</v>
      </c>
      <c r="LM12" s="413">
        <v>0</v>
      </c>
      <c r="LN12" s="345">
        <v>0</v>
      </c>
      <c r="LO12" s="345">
        <v>0</v>
      </c>
      <c r="LP12" s="345">
        <v>3675575</v>
      </c>
      <c r="LQ12" s="345">
        <v>9655490</v>
      </c>
      <c r="LR12" s="345">
        <v>3341413</v>
      </c>
      <c r="LS12" s="349">
        <v>16672478</v>
      </c>
      <c r="LT12" s="347">
        <v>16672478</v>
      </c>
      <c r="LU12" s="348">
        <v>0</v>
      </c>
      <c r="LV12" s="345">
        <v>0</v>
      </c>
      <c r="LW12" s="349">
        <v>0</v>
      </c>
      <c r="LX12" s="413">
        <v>0</v>
      </c>
      <c r="LY12" s="345">
        <v>3231722</v>
      </c>
      <c r="LZ12" s="345">
        <v>5635025</v>
      </c>
      <c r="MA12" s="345">
        <v>12125372</v>
      </c>
      <c r="MB12" s="345">
        <v>14704857</v>
      </c>
      <c r="MC12" s="345">
        <v>13549793</v>
      </c>
      <c r="MD12" s="349">
        <v>49246769</v>
      </c>
      <c r="ME12" s="350">
        <v>49246769</v>
      </c>
      <c r="MF12" s="348">
        <v>0</v>
      </c>
      <c r="MG12" s="345">
        <v>0</v>
      </c>
      <c r="MH12" s="349">
        <v>0</v>
      </c>
      <c r="MI12" s="413">
        <v>0</v>
      </c>
      <c r="MJ12" s="345">
        <v>20932888</v>
      </c>
      <c r="MK12" s="345">
        <v>72128323</v>
      </c>
      <c r="ML12" s="345">
        <v>345899746</v>
      </c>
      <c r="MM12" s="345">
        <v>564856080</v>
      </c>
      <c r="MN12" s="345">
        <v>380809698</v>
      </c>
      <c r="MO12" s="349">
        <v>1384626735</v>
      </c>
      <c r="MP12" s="354">
        <v>1384626735</v>
      </c>
      <c r="MQ12" s="348">
        <v>0</v>
      </c>
      <c r="MR12" s="345">
        <v>0</v>
      </c>
      <c r="MS12" s="349">
        <v>0</v>
      </c>
      <c r="MT12" s="413">
        <v>0</v>
      </c>
      <c r="MU12" s="345">
        <v>1713605</v>
      </c>
      <c r="MV12" s="345">
        <v>11004140</v>
      </c>
      <c r="MW12" s="345">
        <v>241601698</v>
      </c>
      <c r="MX12" s="345">
        <v>389619315</v>
      </c>
      <c r="MY12" s="345">
        <v>267253457</v>
      </c>
      <c r="MZ12" s="349">
        <v>911192215</v>
      </c>
      <c r="NA12" s="354">
        <v>911192215</v>
      </c>
      <c r="NB12" s="348">
        <v>0</v>
      </c>
      <c r="NC12" s="345">
        <v>0</v>
      </c>
      <c r="ND12" s="349">
        <v>0</v>
      </c>
      <c r="NE12" s="413">
        <v>0</v>
      </c>
      <c r="NF12" s="345">
        <v>18950749</v>
      </c>
      <c r="NG12" s="345">
        <v>61124183</v>
      </c>
      <c r="NH12" s="345">
        <v>100047172</v>
      </c>
      <c r="NI12" s="345">
        <v>136639245</v>
      </c>
      <c r="NJ12" s="345">
        <v>71459635</v>
      </c>
      <c r="NK12" s="349">
        <v>388220984</v>
      </c>
      <c r="NL12" s="347">
        <v>388220984</v>
      </c>
      <c r="NM12" s="348">
        <v>0</v>
      </c>
      <c r="NN12" s="345">
        <v>0</v>
      </c>
      <c r="NO12" s="349">
        <v>0</v>
      </c>
      <c r="NP12" s="413">
        <v>0</v>
      </c>
      <c r="NQ12" s="345">
        <v>0</v>
      </c>
      <c r="NR12" s="345">
        <v>0</v>
      </c>
      <c r="NS12" s="345">
        <v>0</v>
      </c>
      <c r="NT12" s="345">
        <v>0</v>
      </c>
      <c r="NU12" s="345">
        <v>0</v>
      </c>
      <c r="NV12" s="349">
        <v>0</v>
      </c>
      <c r="NW12" s="350">
        <v>0</v>
      </c>
      <c r="NX12" s="348">
        <v>0</v>
      </c>
      <c r="NY12" s="345">
        <v>0</v>
      </c>
      <c r="NZ12" s="349">
        <v>0</v>
      </c>
      <c r="OA12" s="413">
        <v>0</v>
      </c>
      <c r="OB12" s="345">
        <v>268534</v>
      </c>
      <c r="OC12" s="345">
        <v>0</v>
      </c>
      <c r="OD12" s="345">
        <v>4250876</v>
      </c>
      <c r="OE12" s="345">
        <v>38597520</v>
      </c>
      <c r="OF12" s="345">
        <v>42096606</v>
      </c>
      <c r="OG12" s="349">
        <v>85213536</v>
      </c>
      <c r="OH12" s="350">
        <v>85213536</v>
      </c>
      <c r="OI12" s="348">
        <v>31932793</v>
      </c>
      <c r="OJ12" s="345">
        <v>83198418</v>
      </c>
      <c r="OK12" s="346">
        <v>115131211</v>
      </c>
      <c r="OL12" s="351">
        <v>0</v>
      </c>
      <c r="OM12" s="345">
        <v>512414406</v>
      </c>
      <c r="ON12" s="345">
        <v>858730890</v>
      </c>
      <c r="OO12" s="345">
        <v>1127119411</v>
      </c>
      <c r="OP12" s="345">
        <v>1186307332</v>
      </c>
      <c r="OQ12" s="345">
        <v>794361804</v>
      </c>
      <c r="OR12" s="349">
        <v>4478933843</v>
      </c>
      <c r="OS12" s="354">
        <v>4594065054</v>
      </c>
    </row>
    <row r="13" spans="1:409" s="70" customFormat="1" ht="21" customHeight="1" x14ac:dyDescent="0.2">
      <c r="B13" s="410" t="s">
        <v>7</v>
      </c>
      <c r="C13" s="326">
        <v>17271590</v>
      </c>
      <c r="D13" s="327">
        <v>22546980</v>
      </c>
      <c r="E13" s="328">
        <v>39818570</v>
      </c>
      <c r="F13" s="329">
        <v>0</v>
      </c>
      <c r="G13" s="327">
        <v>395890153</v>
      </c>
      <c r="H13" s="327">
        <v>355622640</v>
      </c>
      <c r="I13" s="327">
        <v>292962828</v>
      </c>
      <c r="J13" s="327">
        <v>312614742</v>
      </c>
      <c r="K13" s="327">
        <v>215297426</v>
      </c>
      <c r="L13" s="329">
        <v>1572387789</v>
      </c>
      <c r="M13" s="330">
        <v>1612206359</v>
      </c>
      <c r="N13" s="326">
        <v>2937101</v>
      </c>
      <c r="O13" s="327">
        <v>3055125</v>
      </c>
      <c r="P13" s="328">
        <v>5992226</v>
      </c>
      <c r="Q13" s="326">
        <v>0</v>
      </c>
      <c r="R13" s="327">
        <v>99785306</v>
      </c>
      <c r="S13" s="327">
        <v>102663150</v>
      </c>
      <c r="T13" s="327">
        <v>101476461</v>
      </c>
      <c r="U13" s="327">
        <v>139650718</v>
      </c>
      <c r="V13" s="327">
        <v>113978685</v>
      </c>
      <c r="W13" s="328">
        <v>557554320</v>
      </c>
      <c r="X13" s="330">
        <v>563546546</v>
      </c>
      <c r="Y13" s="326">
        <v>0</v>
      </c>
      <c r="Z13" s="327">
        <v>0</v>
      </c>
      <c r="AA13" s="328">
        <v>0</v>
      </c>
      <c r="AB13" s="326">
        <v>0</v>
      </c>
      <c r="AC13" s="327">
        <v>52760106</v>
      </c>
      <c r="AD13" s="327">
        <v>56081511</v>
      </c>
      <c r="AE13" s="327">
        <v>65808862</v>
      </c>
      <c r="AF13" s="327">
        <v>92108306</v>
      </c>
      <c r="AG13" s="327">
        <v>69529442</v>
      </c>
      <c r="AH13" s="328">
        <v>336288227</v>
      </c>
      <c r="AI13" s="330">
        <v>336288227</v>
      </c>
      <c r="AJ13" s="326">
        <v>0</v>
      </c>
      <c r="AK13" s="327">
        <v>0</v>
      </c>
      <c r="AL13" s="328">
        <v>0</v>
      </c>
      <c r="AM13" s="326">
        <v>0</v>
      </c>
      <c r="AN13" s="327">
        <v>779493</v>
      </c>
      <c r="AO13" s="327">
        <v>2131872</v>
      </c>
      <c r="AP13" s="327">
        <v>2579553</v>
      </c>
      <c r="AQ13" s="327">
        <v>10590120</v>
      </c>
      <c r="AR13" s="327">
        <v>13298307</v>
      </c>
      <c r="AS13" s="328">
        <v>29379345</v>
      </c>
      <c r="AT13" s="330">
        <v>29379345</v>
      </c>
      <c r="AU13" s="326">
        <v>757655</v>
      </c>
      <c r="AV13" s="327">
        <v>1425303</v>
      </c>
      <c r="AW13" s="328">
        <v>2182958</v>
      </c>
      <c r="AX13" s="326">
        <v>0</v>
      </c>
      <c r="AY13" s="327">
        <v>25875418</v>
      </c>
      <c r="AZ13" s="327">
        <v>25669219</v>
      </c>
      <c r="BA13" s="327">
        <v>17505139</v>
      </c>
      <c r="BB13" s="327">
        <v>19788596</v>
      </c>
      <c r="BC13" s="327">
        <v>20164276</v>
      </c>
      <c r="BD13" s="328">
        <v>109002648</v>
      </c>
      <c r="BE13" s="330">
        <v>111185606</v>
      </c>
      <c r="BF13" s="326">
        <v>110179</v>
      </c>
      <c r="BG13" s="327">
        <v>394930</v>
      </c>
      <c r="BH13" s="331">
        <v>505109</v>
      </c>
      <c r="BI13" s="332">
        <v>0</v>
      </c>
      <c r="BJ13" s="327">
        <v>3310793</v>
      </c>
      <c r="BK13" s="327">
        <v>3910324</v>
      </c>
      <c r="BL13" s="327">
        <v>2241015</v>
      </c>
      <c r="BM13" s="327">
        <v>2195953</v>
      </c>
      <c r="BN13" s="327">
        <v>1437555</v>
      </c>
      <c r="BO13" s="328">
        <v>13095640</v>
      </c>
      <c r="BP13" s="330">
        <v>13600749</v>
      </c>
      <c r="BQ13" s="326">
        <v>2069267</v>
      </c>
      <c r="BR13" s="327">
        <v>1234892</v>
      </c>
      <c r="BS13" s="328">
        <v>3304159</v>
      </c>
      <c r="BT13" s="326">
        <v>0</v>
      </c>
      <c r="BU13" s="327">
        <v>17059496</v>
      </c>
      <c r="BV13" s="327">
        <v>14870224</v>
      </c>
      <c r="BW13" s="327">
        <v>13341892</v>
      </c>
      <c r="BX13" s="327">
        <v>14967743</v>
      </c>
      <c r="BY13" s="327">
        <v>9549105</v>
      </c>
      <c r="BZ13" s="328">
        <v>69788460</v>
      </c>
      <c r="CA13" s="330">
        <v>73092619</v>
      </c>
      <c r="CB13" s="326">
        <v>1152712</v>
      </c>
      <c r="CC13" s="327">
        <v>3783255</v>
      </c>
      <c r="CD13" s="328">
        <v>4935967</v>
      </c>
      <c r="CE13" s="326">
        <v>0</v>
      </c>
      <c r="CF13" s="327">
        <v>112173759</v>
      </c>
      <c r="CG13" s="327">
        <v>90356682</v>
      </c>
      <c r="CH13" s="327">
        <v>59049224</v>
      </c>
      <c r="CI13" s="327">
        <v>35201210</v>
      </c>
      <c r="CJ13" s="327">
        <v>18702330</v>
      </c>
      <c r="CK13" s="328">
        <v>315483205</v>
      </c>
      <c r="CL13" s="330">
        <v>320419172</v>
      </c>
      <c r="CM13" s="326">
        <v>0</v>
      </c>
      <c r="CN13" s="327">
        <v>0</v>
      </c>
      <c r="CO13" s="328">
        <v>0</v>
      </c>
      <c r="CP13" s="332">
        <v>0</v>
      </c>
      <c r="CQ13" s="327">
        <v>94330945</v>
      </c>
      <c r="CR13" s="327">
        <v>73882582</v>
      </c>
      <c r="CS13" s="327">
        <v>48020716</v>
      </c>
      <c r="CT13" s="327">
        <v>26368476</v>
      </c>
      <c r="CU13" s="327">
        <v>15264225</v>
      </c>
      <c r="CV13" s="328">
        <v>257866944</v>
      </c>
      <c r="CW13" s="330">
        <v>257866944</v>
      </c>
      <c r="CX13" s="326">
        <v>1152712</v>
      </c>
      <c r="CY13" s="327">
        <v>3783255</v>
      </c>
      <c r="CZ13" s="328">
        <v>4935967</v>
      </c>
      <c r="DA13" s="326">
        <v>0</v>
      </c>
      <c r="DB13" s="327">
        <v>17842814</v>
      </c>
      <c r="DC13" s="327">
        <v>16474100</v>
      </c>
      <c r="DD13" s="327">
        <v>11028508</v>
      </c>
      <c r="DE13" s="327">
        <v>8832734</v>
      </c>
      <c r="DF13" s="327">
        <v>3438105</v>
      </c>
      <c r="DG13" s="328">
        <v>57616261</v>
      </c>
      <c r="DH13" s="330">
        <v>62552228</v>
      </c>
      <c r="DI13" s="326">
        <v>71699</v>
      </c>
      <c r="DJ13" s="327">
        <v>94238</v>
      </c>
      <c r="DK13" s="331">
        <v>165937</v>
      </c>
      <c r="DL13" s="332">
        <v>0</v>
      </c>
      <c r="DM13" s="327">
        <v>16166626</v>
      </c>
      <c r="DN13" s="327">
        <v>20932208</v>
      </c>
      <c r="DO13" s="327">
        <v>27634476</v>
      </c>
      <c r="DP13" s="327">
        <v>26141876</v>
      </c>
      <c r="DQ13" s="327">
        <v>12977929</v>
      </c>
      <c r="DR13" s="328">
        <v>103853115</v>
      </c>
      <c r="DS13" s="330">
        <v>104019052</v>
      </c>
      <c r="DT13" s="326">
        <v>71699</v>
      </c>
      <c r="DU13" s="327">
        <v>94238</v>
      </c>
      <c r="DV13" s="328">
        <v>165937</v>
      </c>
      <c r="DW13" s="326">
        <v>0</v>
      </c>
      <c r="DX13" s="327">
        <v>15724859</v>
      </c>
      <c r="DY13" s="327">
        <v>19723399</v>
      </c>
      <c r="DZ13" s="327">
        <v>26859219</v>
      </c>
      <c r="EA13" s="327">
        <v>24203686</v>
      </c>
      <c r="EB13" s="327">
        <v>11894531</v>
      </c>
      <c r="EC13" s="328">
        <v>98405694</v>
      </c>
      <c r="ED13" s="330">
        <v>98571631</v>
      </c>
      <c r="EE13" s="326">
        <v>0</v>
      </c>
      <c r="EF13" s="331">
        <v>0</v>
      </c>
      <c r="EG13" s="328">
        <v>0</v>
      </c>
      <c r="EH13" s="326">
        <v>0</v>
      </c>
      <c r="EI13" s="327">
        <v>441767</v>
      </c>
      <c r="EJ13" s="327">
        <v>1208809</v>
      </c>
      <c r="EK13" s="327">
        <v>775257</v>
      </c>
      <c r="EL13" s="327">
        <v>1938190</v>
      </c>
      <c r="EM13" s="327">
        <v>1083398</v>
      </c>
      <c r="EN13" s="331">
        <v>5447421</v>
      </c>
      <c r="EO13" s="330">
        <v>5447421</v>
      </c>
      <c r="EP13" s="326">
        <v>0</v>
      </c>
      <c r="EQ13" s="327">
        <v>0</v>
      </c>
      <c r="ER13" s="331">
        <v>0</v>
      </c>
      <c r="ES13" s="332">
        <v>0</v>
      </c>
      <c r="ET13" s="327">
        <v>0</v>
      </c>
      <c r="EU13" s="327">
        <v>0</v>
      </c>
      <c r="EV13" s="327">
        <v>0</v>
      </c>
      <c r="EW13" s="327">
        <v>0</v>
      </c>
      <c r="EX13" s="327">
        <v>0</v>
      </c>
      <c r="EY13" s="328">
        <v>0</v>
      </c>
      <c r="EZ13" s="330">
        <v>0</v>
      </c>
      <c r="FA13" s="326">
        <v>0</v>
      </c>
      <c r="FB13" s="327">
        <v>0</v>
      </c>
      <c r="FC13" s="331">
        <v>0</v>
      </c>
      <c r="FD13" s="332">
        <v>0</v>
      </c>
      <c r="FE13" s="327">
        <v>0</v>
      </c>
      <c r="FF13" s="327">
        <v>0</v>
      </c>
      <c r="FG13" s="327">
        <v>0</v>
      </c>
      <c r="FH13" s="327">
        <v>0</v>
      </c>
      <c r="FI13" s="327">
        <v>0</v>
      </c>
      <c r="FJ13" s="328">
        <v>0</v>
      </c>
      <c r="FK13" s="330">
        <v>0</v>
      </c>
      <c r="FL13" s="326">
        <v>3714349</v>
      </c>
      <c r="FM13" s="327">
        <v>6469998</v>
      </c>
      <c r="FN13" s="328">
        <v>10184347</v>
      </c>
      <c r="FO13" s="326">
        <v>0</v>
      </c>
      <c r="FP13" s="327">
        <v>18173381</v>
      </c>
      <c r="FQ13" s="327">
        <v>32312372</v>
      </c>
      <c r="FR13" s="327">
        <v>20353898</v>
      </c>
      <c r="FS13" s="327">
        <v>19993597</v>
      </c>
      <c r="FT13" s="327">
        <v>14615151</v>
      </c>
      <c r="FU13" s="328">
        <v>105448399</v>
      </c>
      <c r="FV13" s="330">
        <v>115632746</v>
      </c>
      <c r="FW13" s="333">
        <v>2108619</v>
      </c>
      <c r="FX13" s="327">
        <v>4144247</v>
      </c>
      <c r="FY13" s="331">
        <v>6252866</v>
      </c>
      <c r="FZ13" s="332">
        <v>0</v>
      </c>
      <c r="GA13" s="327">
        <v>13489203</v>
      </c>
      <c r="GB13" s="327">
        <v>29111140</v>
      </c>
      <c r="GC13" s="327">
        <v>19341408</v>
      </c>
      <c r="GD13" s="327">
        <v>18887842</v>
      </c>
      <c r="GE13" s="327">
        <v>13388204</v>
      </c>
      <c r="GF13" s="328">
        <v>94217797</v>
      </c>
      <c r="GG13" s="334">
        <v>100470663</v>
      </c>
      <c r="GH13" s="333">
        <v>192133</v>
      </c>
      <c r="GI13" s="327">
        <v>442892</v>
      </c>
      <c r="GJ13" s="331">
        <v>635025</v>
      </c>
      <c r="GK13" s="332">
        <v>0</v>
      </c>
      <c r="GL13" s="327">
        <v>901665</v>
      </c>
      <c r="GM13" s="327">
        <v>925321</v>
      </c>
      <c r="GN13" s="327">
        <v>319890</v>
      </c>
      <c r="GO13" s="327">
        <v>605945</v>
      </c>
      <c r="GP13" s="327">
        <v>397488</v>
      </c>
      <c r="GQ13" s="328">
        <v>3150309</v>
      </c>
      <c r="GR13" s="330">
        <v>3785334</v>
      </c>
      <c r="GS13" s="326">
        <v>1413597</v>
      </c>
      <c r="GT13" s="327">
        <v>1882859</v>
      </c>
      <c r="GU13" s="328">
        <v>3296456</v>
      </c>
      <c r="GV13" s="326">
        <v>0</v>
      </c>
      <c r="GW13" s="327">
        <v>3782513</v>
      </c>
      <c r="GX13" s="327">
        <v>2275911</v>
      </c>
      <c r="GY13" s="327">
        <v>692600</v>
      </c>
      <c r="GZ13" s="327">
        <v>499810</v>
      </c>
      <c r="HA13" s="327">
        <v>829459</v>
      </c>
      <c r="HB13" s="331">
        <v>8080293</v>
      </c>
      <c r="HC13" s="330">
        <v>11376749</v>
      </c>
      <c r="HD13" s="326">
        <v>6740142</v>
      </c>
      <c r="HE13" s="327">
        <v>4522791</v>
      </c>
      <c r="HF13" s="331">
        <v>11262933</v>
      </c>
      <c r="HG13" s="332">
        <v>0</v>
      </c>
      <c r="HH13" s="327">
        <v>76660426</v>
      </c>
      <c r="HI13" s="327">
        <v>61378783</v>
      </c>
      <c r="HJ13" s="327">
        <v>55483767</v>
      </c>
      <c r="HK13" s="327">
        <v>69679702</v>
      </c>
      <c r="HL13" s="327">
        <v>42133684</v>
      </c>
      <c r="HM13" s="328">
        <v>305336362</v>
      </c>
      <c r="HN13" s="329">
        <v>316599295</v>
      </c>
      <c r="HO13" s="333">
        <v>2655587</v>
      </c>
      <c r="HP13" s="327">
        <v>4621573</v>
      </c>
      <c r="HQ13" s="328">
        <v>7277160</v>
      </c>
      <c r="HR13" s="326">
        <v>0</v>
      </c>
      <c r="HS13" s="327">
        <v>72930655</v>
      </c>
      <c r="HT13" s="327">
        <v>47979445</v>
      </c>
      <c r="HU13" s="327">
        <v>28965002</v>
      </c>
      <c r="HV13" s="327">
        <v>21947639</v>
      </c>
      <c r="HW13" s="327">
        <v>12889647</v>
      </c>
      <c r="HX13" s="331">
        <v>184712388</v>
      </c>
      <c r="HY13" s="330">
        <v>191989548</v>
      </c>
      <c r="HZ13" s="335">
        <v>75060</v>
      </c>
      <c r="IA13" s="336">
        <v>578101</v>
      </c>
      <c r="IB13" s="337">
        <v>653161</v>
      </c>
      <c r="IC13" s="338">
        <v>0</v>
      </c>
      <c r="ID13" s="336">
        <v>116904064</v>
      </c>
      <c r="IE13" s="339">
        <v>113339918</v>
      </c>
      <c r="IF13" s="337">
        <v>99893218</v>
      </c>
      <c r="IG13" s="336">
        <v>70335410</v>
      </c>
      <c r="IH13" s="337">
        <v>46949335</v>
      </c>
      <c r="II13" s="340">
        <v>447421945</v>
      </c>
      <c r="IJ13" s="341">
        <v>448075106</v>
      </c>
      <c r="IK13" s="342">
        <v>0</v>
      </c>
      <c r="IL13" s="343">
        <v>0</v>
      </c>
      <c r="IM13" s="344">
        <v>0</v>
      </c>
      <c r="IN13" s="404">
        <v>0</v>
      </c>
      <c r="IO13" s="345">
        <v>552911</v>
      </c>
      <c r="IP13" s="345">
        <v>1608712</v>
      </c>
      <c r="IQ13" s="345">
        <v>1336409</v>
      </c>
      <c r="IR13" s="345">
        <v>1889634</v>
      </c>
      <c r="IS13" s="345">
        <v>1854474</v>
      </c>
      <c r="IT13" s="346">
        <v>7242140</v>
      </c>
      <c r="IU13" s="347">
        <v>7242140</v>
      </c>
      <c r="IV13" s="348">
        <v>0</v>
      </c>
      <c r="IW13" s="345">
        <v>0</v>
      </c>
      <c r="IX13" s="349">
        <v>0</v>
      </c>
      <c r="IY13" s="413">
        <v>0</v>
      </c>
      <c r="IZ13" s="345">
        <v>0</v>
      </c>
      <c r="JA13" s="345">
        <v>0</v>
      </c>
      <c r="JB13" s="345">
        <v>0</v>
      </c>
      <c r="JC13" s="345">
        <v>0</v>
      </c>
      <c r="JD13" s="345">
        <v>0</v>
      </c>
      <c r="JE13" s="349">
        <v>0</v>
      </c>
      <c r="JF13" s="350">
        <v>0</v>
      </c>
      <c r="JG13" s="348">
        <v>0</v>
      </c>
      <c r="JH13" s="345">
        <v>0</v>
      </c>
      <c r="JI13" s="346">
        <v>0</v>
      </c>
      <c r="JJ13" s="351">
        <v>0</v>
      </c>
      <c r="JK13" s="345">
        <v>58383190</v>
      </c>
      <c r="JL13" s="345">
        <v>48481516</v>
      </c>
      <c r="JM13" s="345">
        <v>27254652</v>
      </c>
      <c r="JN13" s="345">
        <v>11988837</v>
      </c>
      <c r="JO13" s="345">
        <v>7372841</v>
      </c>
      <c r="JP13" s="349">
        <v>153481036</v>
      </c>
      <c r="JQ13" s="347">
        <v>153481036</v>
      </c>
      <c r="JR13" s="348">
        <v>0</v>
      </c>
      <c r="JS13" s="345">
        <v>334483</v>
      </c>
      <c r="JT13" s="346">
        <v>334483</v>
      </c>
      <c r="JU13" s="351">
        <v>0</v>
      </c>
      <c r="JV13" s="345">
        <v>8440141</v>
      </c>
      <c r="JW13" s="345">
        <v>10356782</v>
      </c>
      <c r="JX13" s="345">
        <v>13262867</v>
      </c>
      <c r="JY13" s="345">
        <v>5508905</v>
      </c>
      <c r="JZ13" s="345">
        <v>4158401</v>
      </c>
      <c r="KA13" s="349">
        <v>41727096</v>
      </c>
      <c r="KB13" s="347">
        <v>42061579</v>
      </c>
      <c r="KC13" s="352">
        <v>75060</v>
      </c>
      <c r="KD13" s="353">
        <v>243618</v>
      </c>
      <c r="KE13" s="349">
        <v>318678</v>
      </c>
      <c r="KF13" s="351">
        <v>0</v>
      </c>
      <c r="KG13" s="345">
        <v>6263317</v>
      </c>
      <c r="KH13" s="345">
        <v>6847596</v>
      </c>
      <c r="KI13" s="345">
        <v>8565383</v>
      </c>
      <c r="KJ13" s="345">
        <v>4598480</v>
      </c>
      <c r="KK13" s="345">
        <v>3568680</v>
      </c>
      <c r="KL13" s="349">
        <v>29843456</v>
      </c>
      <c r="KM13" s="354">
        <v>30162134</v>
      </c>
      <c r="KN13" s="342">
        <v>0</v>
      </c>
      <c r="KO13" s="343">
        <v>0</v>
      </c>
      <c r="KP13" s="344">
        <v>0</v>
      </c>
      <c r="KQ13" s="413">
        <v>0</v>
      </c>
      <c r="KR13" s="345">
        <v>40114990</v>
      </c>
      <c r="KS13" s="345">
        <v>43915367</v>
      </c>
      <c r="KT13" s="345">
        <v>46314479</v>
      </c>
      <c r="KU13" s="345">
        <v>40754421</v>
      </c>
      <c r="KV13" s="345">
        <v>23070088</v>
      </c>
      <c r="KW13" s="349">
        <v>194169345</v>
      </c>
      <c r="KX13" s="347">
        <v>194169345</v>
      </c>
      <c r="KY13" s="348">
        <v>0</v>
      </c>
      <c r="KZ13" s="345">
        <v>0</v>
      </c>
      <c r="LA13" s="349">
        <v>0</v>
      </c>
      <c r="LB13" s="413">
        <v>0</v>
      </c>
      <c r="LC13" s="345">
        <v>0</v>
      </c>
      <c r="LD13" s="345">
        <v>0</v>
      </c>
      <c r="LE13" s="345">
        <v>0</v>
      </c>
      <c r="LF13" s="345">
        <v>0</v>
      </c>
      <c r="LG13" s="345">
        <v>0</v>
      </c>
      <c r="LH13" s="349">
        <v>0</v>
      </c>
      <c r="LI13" s="350">
        <v>0</v>
      </c>
      <c r="LJ13" s="348">
        <v>0</v>
      </c>
      <c r="LK13" s="345">
        <v>0</v>
      </c>
      <c r="LL13" s="349">
        <v>0</v>
      </c>
      <c r="LM13" s="413">
        <v>0</v>
      </c>
      <c r="LN13" s="345">
        <v>0</v>
      </c>
      <c r="LO13" s="345">
        <v>0</v>
      </c>
      <c r="LP13" s="345">
        <v>0</v>
      </c>
      <c r="LQ13" s="345">
        <v>0</v>
      </c>
      <c r="LR13" s="345">
        <v>0</v>
      </c>
      <c r="LS13" s="349">
        <v>0</v>
      </c>
      <c r="LT13" s="347">
        <v>0</v>
      </c>
      <c r="LU13" s="348">
        <v>0</v>
      </c>
      <c r="LV13" s="345">
        <v>0</v>
      </c>
      <c r="LW13" s="349">
        <v>0</v>
      </c>
      <c r="LX13" s="413">
        <v>0</v>
      </c>
      <c r="LY13" s="345">
        <v>3149515</v>
      </c>
      <c r="LZ13" s="345">
        <v>2129945</v>
      </c>
      <c r="MA13" s="345">
        <v>3159428</v>
      </c>
      <c r="MB13" s="345">
        <v>5595133</v>
      </c>
      <c r="MC13" s="345">
        <v>6924851</v>
      </c>
      <c r="MD13" s="349">
        <v>20958872</v>
      </c>
      <c r="ME13" s="350">
        <v>20958872</v>
      </c>
      <c r="MF13" s="348">
        <v>0</v>
      </c>
      <c r="MG13" s="345">
        <v>0</v>
      </c>
      <c r="MH13" s="349">
        <v>0</v>
      </c>
      <c r="MI13" s="413">
        <v>0</v>
      </c>
      <c r="MJ13" s="345">
        <v>51005262</v>
      </c>
      <c r="MK13" s="345">
        <v>70411290</v>
      </c>
      <c r="ML13" s="345">
        <v>254699226</v>
      </c>
      <c r="MM13" s="345">
        <v>373537384</v>
      </c>
      <c r="MN13" s="345">
        <v>215291527</v>
      </c>
      <c r="MO13" s="349">
        <v>964944689</v>
      </c>
      <c r="MP13" s="354">
        <v>964944689</v>
      </c>
      <c r="MQ13" s="348">
        <v>0</v>
      </c>
      <c r="MR13" s="345">
        <v>0</v>
      </c>
      <c r="MS13" s="349">
        <v>0</v>
      </c>
      <c r="MT13" s="413">
        <v>0</v>
      </c>
      <c r="MU13" s="345">
        <v>6517871</v>
      </c>
      <c r="MV13" s="345">
        <v>11292074</v>
      </c>
      <c r="MW13" s="345">
        <v>167124877</v>
      </c>
      <c r="MX13" s="345">
        <v>273270726</v>
      </c>
      <c r="MY13" s="345">
        <v>175858068</v>
      </c>
      <c r="MZ13" s="349">
        <v>634063616</v>
      </c>
      <c r="NA13" s="354">
        <v>634063616</v>
      </c>
      <c r="NB13" s="348">
        <v>0</v>
      </c>
      <c r="NC13" s="345">
        <v>0</v>
      </c>
      <c r="ND13" s="349">
        <v>0</v>
      </c>
      <c r="NE13" s="413">
        <v>0</v>
      </c>
      <c r="NF13" s="345">
        <v>44487391</v>
      </c>
      <c r="NG13" s="345">
        <v>59119216</v>
      </c>
      <c r="NH13" s="345">
        <v>87220125</v>
      </c>
      <c r="NI13" s="345">
        <v>99062027</v>
      </c>
      <c r="NJ13" s="345">
        <v>37832982</v>
      </c>
      <c r="NK13" s="349">
        <v>327721741</v>
      </c>
      <c r="NL13" s="347">
        <v>327721741</v>
      </c>
      <c r="NM13" s="348">
        <v>0</v>
      </c>
      <c r="NN13" s="345">
        <v>0</v>
      </c>
      <c r="NO13" s="349">
        <v>0</v>
      </c>
      <c r="NP13" s="413">
        <v>0</v>
      </c>
      <c r="NQ13" s="345">
        <v>0</v>
      </c>
      <c r="NR13" s="345">
        <v>0</v>
      </c>
      <c r="NS13" s="345">
        <v>0</v>
      </c>
      <c r="NT13" s="345">
        <v>0</v>
      </c>
      <c r="NU13" s="345">
        <v>0</v>
      </c>
      <c r="NV13" s="349">
        <v>0</v>
      </c>
      <c r="NW13" s="350">
        <v>0</v>
      </c>
      <c r="NX13" s="348">
        <v>0</v>
      </c>
      <c r="NY13" s="345">
        <v>0</v>
      </c>
      <c r="NZ13" s="349">
        <v>0</v>
      </c>
      <c r="OA13" s="413">
        <v>0</v>
      </c>
      <c r="OB13" s="345">
        <v>0</v>
      </c>
      <c r="OC13" s="345">
        <v>0</v>
      </c>
      <c r="OD13" s="345">
        <v>354224</v>
      </c>
      <c r="OE13" s="345">
        <v>1204631</v>
      </c>
      <c r="OF13" s="345">
        <v>1600477</v>
      </c>
      <c r="OG13" s="349">
        <v>3159332</v>
      </c>
      <c r="OH13" s="350">
        <v>3159332</v>
      </c>
      <c r="OI13" s="348">
        <v>17346650</v>
      </c>
      <c r="OJ13" s="345">
        <v>23125081</v>
      </c>
      <c r="OK13" s="346">
        <v>40471731</v>
      </c>
      <c r="OL13" s="351">
        <v>0</v>
      </c>
      <c r="OM13" s="345">
        <v>563799479</v>
      </c>
      <c r="ON13" s="345">
        <v>539373848</v>
      </c>
      <c r="OO13" s="345">
        <v>647555272</v>
      </c>
      <c r="OP13" s="345">
        <v>756487536</v>
      </c>
      <c r="OQ13" s="345">
        <v>477538288</v>
      </c>
      <c r="OR13" s="349">
        <v>2984754423</v>
      </c>
      <c r="OS13" s="354">
        <v>3025226154</v>
      </c>
    </row>
    <row r="14" spans="1:409" s="70" customFormat="1" ht="21" customHeight="1" x14ac:dyDescent="0.2">
      <c r="B14" s="410" t="s">
        <v>8</v>
      </c>
      <c r="C14" s="326">
        <v>14872208</v>
      </c>
      <c r="D14" s="327">
        <v>18207713</v>
      </c>
      <c r="E14" s="328">
        <v>33079921</v>
      </c>
      <c r="F14" s="329">
        <v>0</v>
      </c>
      <c r="G14" s="327">
        <v>165609020</v>
      </c>
      <c r="H14" s="327">
        <v>227309899</v>
      </c>
      <c r="I14" s="327">
        <v>199497089</v>
      </c>
      <c r="J14" s="327">
        <v>181938931</v>
      </c>
      <c r="K14" s="327">
        <v>142970403</v>
      </c>
      <c r="L14" s="329">
        <v>917325342</v>
      </c>
      <c r="M14" s="330">
        <v>950405263</v>
      </c>
      <c r="N14" s="326">
        <v>2886502</v>
      </c>
      <c r="O14" s="327">
        <v>4366778</v>
      </c>
      <c r="P14" s="328">
        <v>7253280</v>
      </c>
      <c r="Q14" s="326">
        <v>0</v>
      </c>
      <c r="R14" s="327">
        <v>43958926</v>
      </c>
      <c r="S14" s="327">
        <v>73415012</v>
      </c>
      <c r="T14" s="327">
        <v>69866456</v>
      </c>
      <c r="U14" s="327">
        <v>72095312</v>
      </c>
      <c r="V14" s="327">
        <v>79261461</v>
      </c>
      <c r="W14" s="328">
        <v>338597167</v>
      </c>
      <c r="X14" s="330">
        <v>345850447</v>
      </c>
      <c r="Y14" s="326">
        <v>0</v>
      </c>
      <c r="Z14" s="327">
        <v>0</v>
      </c>
      <c r="AA14" s="328">
        <v>0</v>
      </c>
      <c r="AB14" s="326">
        <v>0</v>
      </c>
      <c r="AC14" s="327">
        <v>20583585</v>
      </c>
      <c r="AD14" s="327">
        <v>39402526</v>
      </c>
      <c r="AE14" s="327">
        <v>43350093</v>
      </c>
      <c r="AF14" s="327">
        <v>44341417</v>
      </c>
      <c r="AG14" s="327">
        <v>51330023</v>
      </c>
      <c r="AH14" s="328">
        <v>199007644</v>
      </c>
      <c r="AI14" s="330">
        <v>199007644</v>
      </c>
      <c r="AJ14" s="326">
        <v>0</v>
      </c>
      <c r="AK14" s="327">
        <v>0</v>
      </c>
      <c r="AL14" s="328">
        <v>0</v>
      </c>
      <c r="AM14" s="326">
        <v>0</v>
      </c>
      <c r="AN14" s="327">
        <v>360609</v>
      </c>
      <c r="AO14" s="327">
        <v>1097003</v>
      </c>
      <c r="AP14" s="327">
        <v>1664861</v>
      </c>
      <c r="AQ14" s="327">
        <v>3534340</v>
      </c>
      <c r="AR14" s="327">
        <v>6602655</v>
      </c>
      <c r="AS14" s="328">
        <v>13259468</v>
      </c>
      <c r="AT14" s="330">
        <v>13259468</v>
      </c>
      <c r="AU14" s="326">
        <v>1629672</v>
      </c>
      <c r="AV14" s="327">
        <v>3040469</v>
      </c>
      <c r="AW14" s="328">
        <v>4670141</v>
      </c>
      <c r="AX14" s="326">
        <v>0</v>
      </c>
      <c r="AY14" s="327">
        <v>13103456</v>
      </c>
      <c r="AZ14" s="327">
        <v>20434048</v>
      </c>
      <c r="BA14" s="327">
        <v>14022454</v>
      </c>
      <c r="BB14" s="327">
        <v>14622439</v>
      </c>
      <c r="BC14" s="327">
        <v>13140735</v>
      </c>
      <c r="BD14" s="328">
        <v>75323132</v>
      </c>
      <c r="BE14" s="330">
        <v>79993273</v>
      </c>
      <c r="BF14" s="326">
        <v>285137</v>
      </c>
      <c r="BG14" s="327">
        <v>777520</v>
      </c>
      <c r="BH14" s="331">
        <v>1062657</v>
      </c>
      <c r="BI14" s="332">
        <v>0</v>
      </c>
      <c r="BJ14" s="327">
        <v>2862962</v>
      </c>
      <c r="BK14" s="327">
        <v>4106079</v>
      </c>
      <c r="BL14" s="327">
        <v>2220716</v>
      </c>
      <c r="BM14" s="327">
        <v>1806391</v>
      </c>
      <c r="BN14" s="327">
        <v>1087453</v>
      </c>
      <c r="BO14" s="328">
        <v>12083601</v>
      </c>
      <c r="BP14" s="330">
        <v>13146258</v>
      </c>
      <c r="BQ14" s="326">
        <v>971693</v>
      </c>
      <c r="BR14" s="327">
        <v>548789</v>
      </c>
      <c r="BS14" s="328">
        <v>1520482</v>
      </c>
      <c r="BT14" s="326">
        <v>0</v>
      </c>
      <c r="BU14" s="327">
        <v>7048314</v>
      </c>
      <c r="BV14" s="327">
        <v>8375356</v>
      </c>
      <c r="BW14" s="327">
        <v>8608332</v>
      </c>
      <c r="BX14" s="327">
        <v>7790725</v>
      </c>
      <c r="BY14" s="327">
        <v>7100595</v>
      </c>
      <c r="BZ14" s="328">
        <v>38923322</v>
      </c>
      <c r="CA14" s="330">
        <v>40443804</v>
      </c>
      <c r="CB14" s="326">
        <v>1659546</v>
      </c>
      <c r="CC14" s="327">
        <v>2747812</v>
      </c>
      <c r="CD14" s="328">
        <v>4407358</v>
      </c>
      <c r="CE14" s="326">
        <v>0</v>
      </c>
      <c r="CF14" s="327">
        <v>48535824</v>
      </c>
      <c r="CG14" s="327">
        <v>61573415</v>
      </c>
      <c r="CH14" s="327">
        <v>47418173</v>
      </c>
      <c r="CI14" s="327">
        <v>34099028</v>
      </c>
      <c r="CJ14" s="327">
        <v>17351625</v>
      </c>
      <c r="CK14" s="328">
        <v>208978065</v>
      </c>
      <c r="CL14" s="330">
        <v>213385423</v>
      </c>
      <c r="CM14" s="326">
        <v>0</v>
      </c>
      <c r="CN14" s="327">
        <v>0</v>
      </c>
      <c r="CO14" s="328">
        <v>0</v>
      </c>
      <c r="CP14" s="332">
        <v>0</v>
      </c>
      <c r="CQ14" s="327">
        <v>39506017</v>
      </c>
      <c r="CR14" s="327">
        <v>50421699</v>
      </c>
      <c r="CS14" s="327">
        <v>37719334</v>
      </c>
      <c r="CT14" s="327">
        <v>27330115</v>
      </c>
      <c r="CU14" s="327">
        <v>15471690</v>
      </c>
      <c r="CV14" s="328">
        <v>170448855</v>
      </c>
      <c r="CW14" s="330">
        <v>170448855</v>
      </c>
      <c r="CX14" s="326">
        <v>1659546</v>
      </c>
      <c r="CY14" s="327">
        <v>2747812</v>
      </c>
      <c r="CZ14" s="328">
        <v>4407358</v>
      </c>
      <c r="DA14" s="326">
        <v>0</v>
      </c>
      <c r="DB14" s="327">
        <v>9029807</v>
      </c>
      <c r="DC14" s="327">
        <v>11151716</v>
      </c>
      <c r="DD14" s="327">
        <v>9698839</v>
      </c>
      <c r="DE14" s="327">
        <v>6768913</v>
      </c>
      <c r="DF14" s="327">
        <v>1879935</v>
      </c>
      <c r="DG14" s="328">
        <v>38529210</v>
      </c>
      <c r="DH14" s="330">
        <v>42936568</v>
      </c>
      <c r="DI14" s="326">
        <v>79162</v>
      </c>
      <c r="DJ14" s="327">
        <v>394026</v>
      </c>
      <c r="DK14" s="331">
        <v>473188</v>
      </c>
      <c r="DL14" s="332">
        <v>0</v>
      </c>
      <c r="DM14" s="327">
        <v>5236659</v>
      </c>
      <c r="DN14" s="327">
        <v>13163797</v>
      </c>
      <c r="DO14" s="327">
        <v>23271841</v>
      </c>
      <c r="DP14" s="327">
        <v>18846741</v>
      </c>
      <c r="DQ14" s="327">
        <v>9020053</v>
      </c>
      <c r="DR14" s="328">
        <v>69539091</v>
      </c>
      <c r="DS14" s="330">
        <v>70012279</v>
      </c>
      <c r="DT14" s="326">
        <v>79162</v>
      </c>
      <c r="DU14" s="327">
        <v>394026</v>
      </c>
      <c r="DV14" s="328">
        <v>473188</v>
      </c>
      <c r="DW14" s="326">
        <v>0</v>
      </c>
      <c r="DX14" s="327">
        <v>5014045</v>
      </c>
      <c r="DY14" s="327">
        <v>12501785</v>
      </c>
      <c r="DZ14" s="327">
        <v>23088810</v>
      </c>
      <c r="EA14" s="327">
        <v>17939937</v>
      </c>
      <c r="EB14" s="327">
        <v>8877776</v>
      </c>
      <c r="EC14" s="328">
        <v>67422353</v>
      </c>
      <c r="ED14" s="330">
        <v>67895541</v>
      </c>
      <c r="EE14" s="326">
        <v>0</v>
      </c>
      <c r="EF14" s="331">
        <v>0</v>
      </c>
      <c r="EG14" s="328">
        <v>0</v>
      </c>
      <c r="EH14" s="326">
        <v>0</v>
      </c>
      <c r="EI14" s="327">
        <v>222614</v>
      </c>
      <c r="EJ14" s="327">
        <v>662012</v>
      </c>
      <c r="EK14" s="327">
        <v>183031</v>
      </c>
      <c r="EL14" s="327">
        <v>906804</v>
      </c>
      <c r="EM14" s="327">
        <v>142277</v>
      </c>
      <c r="EN14" s="331">
        <v>2116738</v>
      </c>
      <c r="EO14" s="330">
        <v>2116738</v>
      </c>
      <c r="EP14" s="326">
        <v>0</v>
      </c>
      <c r="EQ14" s="327">
        <v>0</v>
      </c>
      <c r="ER14" s="331">
        <v>0</v>
      </c>
      <c r="ES14" s="332">
        <v>0</v>
      </c>
      <c r="ET14" s="327">
        <v>0</v>
      </c>
      <c r="EU14" s="327">
        <v>0</v>
      </c>
      <c r="EV14" s="327">
        <v>0</v>
      </c>
      <c r="EW14" s="327">
        <v>0</v>
      </c>
      <c r="EX14" s="327">
        <v>0</v>
      </c>
      <c r="EY14" s="328">
        <v>0</v>
      </c>
      <c r="EZ14" s="330">
        <v>0</v>
      </c>
      <c r="FA14" s="326">
        <v>0</v>
      </c>
      <c r="FB14" s="327">
        <v>0</v>
      </c>
      <c r="FC14" s="331">
        <v>0</v>
      </c>
      <c r="FD14" s="332">
        <v>0</v>
      </c>
      <c r="FE14" s="327">
        <v>0</v>
      </c>
      <c r="FF14" s="327">
        <v>0</v>
      </c>
      <c r="FG14" s="327">
        <v>0</v>
      </c>
      <c r="FH14" s="327">
        <v>0</v>
      </c>
      <c r="FI14" s="327">
        <v>0</v>
      </c>
      <c r="FJ14" s="328">
        <v>0</v>
      </c>
      <c r="FK14" s="330">
        <v>0</v>
      </c>
      <c r="FL14" s="326">
        <v>4236839</v>
      </c>
      <c r="FM14" s="327">
        <v>5367878</v>
      </c>
      <c r="FN14" s="328">
        <v>9604717</v>
      </c>
      <c r="FO14" s="326">
        <v>0</v>
      </c>
      <c r="FP14" s="327">
        <v>10695775</v>
      </c>
      <c r="FQ14" s="327">
        <v>23448508</v>
      </c>
      <c r="FR14" s="327">
        <v>15089544</v>
      </c>
      <c r="FS14" s="327">
        <v>12793917</v>
      </c>
      <c r="FT14" s="327">
        <v>9119468</v>
      </c>
      <c r="FU14" s="328">
        <v>71147212</v>
      </c>
      <c r="FV14" s="330">
        <v>80751929</v>
      </c>
      <c r="FW14" s="333">
        <v>2642041</v>
      </c>
      <c r="FX14" s="327">
        <v>4079195</v>
      </c>
      <c r="FY14" s="331">
        <v>6721236</v>
      </c>
      <c r="FZ14" s="332">
        <v>0</v>
      </c>
      <c r="GA14" s="327">
        <v>8264314</v>
      </c>
      <c r="GB14" s="327">
        <v>21917072</v>
      </c>
      <c r="GC14" s="327">
        <v>14450463</v>
      </c>
      <c r="GD14" s="327">
        <v>12235105</v>
      </c>
      <c r="GE14" s="327">
        <v>8666503</v>
      </c>
      <c r="GF14" s="328">
        <v>65533457</v>
      </c>
      <c r="GG14" s="334">
        <v>72254693</v>
      </c>
      <c r="GH14" s="333">
        <v>289012</v>
      </c>
      <c r="GI14" s="327">
        <v>236461</v>
      </c>
      <c r="GJ14" s="331">
        <v>525473</v>
      </c>
      <c r="GK14" s="332">
        <v>0</v>
      </c>
      <c r="GL14" s="327">
        <v>545242</v>
      </c>
      <c r="GM14" s="327">
        <v>384785</v>
      </c>
      <c r="GN14" s="327">
        <v>227078</v>
      </c>
      <c r="GO14" s="327">
        <v>342258</v>
      </c>
      <c r="GP14" s="327">
        <v>119754</v>
      </c>
      <c r="GQ14" s="328">
        <v>1619117</v>
      </c>
      <c r="GR14" s="330">
        <v>2144590</v>
      </c>
      <c r="GS14" s="326">
        <v>1305786</v>
      </c>
      <c r="GT14" s="327">
        <v>1052222</v>
      </c>
      <c r="GU14" s="328">
        <v>2358008</v>
      </c>
      <c r="GV14" s="326">
        <v>0</v>
      </c>
      <c r="GW14" s="327">
        <v>1886219</v>
      </c>
      <c r="GX14" s="327">
        <v>1146651</v>
      </c>
      <c r="GY14" s="327">
        <v>412003</v>
      </c>
      <c r="GZ14" s="327">
        <v>216554</v>
      </c>
      <c r="HA14" s="327">
        <v>333211</v>
      </c>
      <c r="HB14" s="331">
        <v>3994638</v>
      </c>
      <c r="HC14" s="330">
        <v>6352646</v>
      </c>
      <c r="HD14" s="326">
        <v>3041302</v>
      </c>
      <c r="HE14" s="327">
        <v>1792604</v>
      </c>
      <c r="HF14" s="331">
        <v>4833906</v>
      </c>
      <c r="HG14" s="332">
        <v>0</v>
      </c>
      <c r="HH14" s="327">
        <v>26808114</v>
      </c>
      <c r="HI14" s="327">
        <v>25471526</v>
      </c>
      <c r="HJ14" s="327">
        <v>24510578</v>
      </c>
      <c r="HK14" s="327">
        <v>30950425</v>
      </c>
      <c r="HL14" s="327">
        <v>20073729</v>
      </c>
      <c r="HM14" s="328">
        <v>127814372</v>
      </c>
      <c r="HN14" s="329">
        <v>132648278</v>
      </c>
      <c r="HO14" s="333">
        <v>2968857</v>
      </c>
      <c r="HP14" s="327">
        <v>3538615</v>
      </c>
      <c r="HQ14" s="328">
        <v>6507472</v>
      </c>
      <c r="HR14" s="326">
        <v>0</v>
      </c>
      <c r="HS14" s="327">
        <v>30373722</v>
      </c>
      <c r="HT14" s="327">
        <v>30237641</v>
      </c>
      <c r="HU14" s="327">
        <v>19340497</v>
      </c>
      <c r="HV14" s="327">
        <v>13153508</v>
      </c>
      <c r="HW14" s="327">
        <v>8144067</v>
      </c>
      <c r="HX14" s="331">
        <v>101249435</v>
      </c>
      <c r="HY14" s="330">
        <v>107756907</v>
      </c>
      <c r="HZ14" s="335">
        <v>761919</v>
      </c>
      <c r="IA14" s="336">
        <v>887131</v>
      </c>
      <c r="IB14" s="337">
        <v>1649050</v>
      </c>
      <c r="IC14" s="355">
        <v>0</v>
      </c>
      <c r="ID14" s="356">
        <v>61381025</v>
      </c>
      <c r="IE14" s="357">
        <v>76507238</v>
      </c>
      <c r="IF14" s="358">
        <v>73941160</v>
      </c>
      <c r="IG14" s="356">
        <v>54123151</v>
      </c>
      <c r="IH14" s="358">
        <v>34223367</v>
      </c>
      <c r="II14" s="359">
        <v>300175941</v>
      </c>
      <c r="IJ14" s="341">
        <v>301824991</v>
      </c>
      <c r="IK14" s="342">
        <v>0</v>
      </c>
      <c r="IL14" s="343">
        <v>0</v>
      </c>
      <c r="IM14" s="344">
        <v>0</v>
      </c>
      <c r="IN14" s="404">
        <v>0</v>
      </c>
      <c r="IO14" s="345">
        <v>643971</v>
      </c>
      <c r="IP14" s="345">
        <v>646168</v>
      </c>
      <c r="IQ14" s="345">
        <v>602364</v>
      </c>
      <c r="IR14" s="345">
        <v>1022791</v>
      </c>
      <c r="IS14" s="345">
        <v>849104</v>
      </c>
      <c r="IT14" s="346">
        <v>3764398</v>
      </c>
      <c r="IU14" s="347">
        <v>3764398</v>
      </c>
      <c r="IV14" s="348">
        <v>0</v>
      </c>
      <c r="IW14" s="345">
        <v>0</v>
      </c>
      <c r="IX14" s="349">
        <v>0</v>
      </c>
      <c r="IY14" s="413">
        <v>0</v>
      </c>
      <c r="IZ14" s="345">
        <v>45403</v>
      </c>
      <c r="JA14" s="345">
        <v>61918</v>
      </c>
      <c r="JB14" s="345">
        <v>0</v>
      </c>
      <c r="JC14" s="345">
        <v>52462</v>
      </c>
      <c r="JD14" s="345">
        <v>0</v>
      </c>
      <c r="JE14" s="349">
        <v>159783</v>
      </c>
      <c r="JF14" s="350">
        <v>159783</v>
      </c>
      <c r="JG14" s="348">
        <v>0</v>
      </c>
      <c r="JH14" s="345">
        <v>0</v>
      </c>
      <c r="JI14" s="346">
        <v>0</v>
      </c>
      <c r="JJ14" s="351">
        <v>0</v>
      </c>
      <c r="JK14" s="345">
        <v>31560025</v>
      </c>
      <c r="JL14" s="345">
        <v>40575926</v>
      </c>
      <c r="JM14" s="345">
        <v>20630289</v>
      </c>
      <c r="JN14" s="345">
        <v>13508487</v>
      </c>
      <c r="JO14" s="345">
        <v>7832720</v>
      </c>
      <c r="JP14" s="349">
        <v>114107447</v>
      </c>
      <c r="JQ14" s="347">
        <v>114107447</v>
      </c>
      <c r="JR14" s="348">
        <v>0</v>
      </c>
      <c r="JS14" s="345">
        <v>0</v>
      </c>
      <c r="JT14" s="346">
        <v>0</v>
      </c>
      <c r="JU14" s="351">
        <v>0</v>
      </c>
      <c r="JV14" s="345">
        <v>695654</v>
      </c>
      <c r="JW14" s="345">
        <v>623358</v>
      </c>
      <c r="JX14" s="345">
        <v>1072176</v>
      </c>
      <c r="JY14" s="345">
        <v>1542189</v>
      </c>
      <c r="JZ14" s="345">
        <v>1204113</v>
      </c>
      <c r="KA14" s="349">
        <v>5137490</v>
      </c>
      <c r="KB14" s="347">
        <v>5137490</v>
      </c>
      <c r="KC14" s="352">
        <v>761919</v>
      </c>
      <c r="KD14" s="353">
        <v>887131</v>
      </c>
      <c r="KE14" s="349">
        <v>1649050</v>
      </c>
      <c r="KF14" s="351">
        <v>0</v>
      </c>
      <c r="KG14" s="345">
        <v>8979542</v>
      </c>
      <c r="KH14" s="345">
        <v>9879609</v>
      </c>
      <c r="KI14" s="345">
        <v>12109812</v>
      </c>
      <c r="KJ14" s="345">
        <v>7934955</v>
      </c>
      <c r="KK14" s="345">
        <v>4631931</v>
      </c>
      <c r="KL14" s="349">
        <v>43535849</v>
      </c>
      <c r="KM14" s="354">
        <v>45184899</v>
      </c>
      <c r="KN14" s="342">
        <v>0</v>
      </c>
      <c r="KO14" s="343">
        <v>0</v>
      </c>
      <c r="KP14" s="344">
        <v>0</v>
      </c>
      <c r="KQ14" s="413">
        <v>0</v>
      </c>
      <c r="KR14" s="345">
        <v>17489917</v>
      </c>
      <c r="KS14" s="345">
        <v>18581412</v>
      </c>
      <c r="KT14" s="345">
        <v>27259765</v>
      </c>
      <c r="KU14" s="345">
        <v>17150861</v>
      </c>
      <c r="KV14" s="345">
        <v>12170787</v>
      </c>
      <c r="KW14" s="349">
        <v>92652742</v>
      </c>
      <c r="KX14" s="347">
        <v>92652742</v>
      </c>
      <c r="KY14" s="348">
        <v>0</v>
      </c>
      <c r="KZ14" s="345">
        <v>0</v>
      </c>
      <c r="LA14" s="349">
        <v>0</v>
      </c>
      <c r="LB14" s="413">
        <v>0</v>
      </c>
      <c r="LC14" s="345">
        <v>110311</v>
      </c>
      <c r="LD14" s="345">
        <v>1723996</v>
      </c>
      <c r="LE14" s="345">
        <v>3615935</v>
      </c>
      <c r="LF14" s="345">
        <v>2556189</v>
      </c>
      <c r="LG14" s="345">
        <v>3190641</v>
      </c>
      <c r="LH14" s="349">
        <v>11197072</v>
      </c>
      <c r="LI14" s="350">
        <v>11197072</v>
      </c>
      <c r="LJ14" s="348">
        <v>0</v>
      </c>
      <c r="LK14" s="345">
        <v>0</v>
      </c>
      <c r="LL14" s="349">
        <v>0</v>
      </c>
      <c r="LM14" s="413">
        <v>0</v>
      </c>
      <c r="LN14" s="345">
        <v>0</v>
      </c>
      <c r="LO14" s="345">
        <v>249401</v>
      </c>
      <c r="LP14" s="345">
        <v>3105481</v>
      </c>
      <c r="LQ14" s="345">
        <v>6852663</v>
      </c>
      <c r="LR14" s="345">
        <v>1728099</v>
      </c>
      <c r="LS14" s="349">
        <v>11935644</v>
      </c>
      <c r="LT14" s="347">
        <v>11935644</v>
      </c>
      <c r="LU14" s="348">
        <v>0</v>
      </c>
      <c r="LV14" s="345">
        <v>0</v>
      </c>
      <c r="LW14" s="349">
        <v>0</v>
      </c>
      <c r="LX14" s="413">
        <v>0</v>
      </c>
      <c r="LY14" s="345">
        <v>1856202</v>
      </c>
      <c r="LZ14" s="345">
        <v>4165450</v>
      </c>
      <c r="MA14" s="345">
        <v>5545338</v>
      </c>
      <c r="MB14" s="345">
        <v>3502554</v>
      </c>
      <c r="MC14" s="345">
        <v>2615972</v>
      </c>
      <c r="MD14" s="349">
        <v>17685516</v>
      </c>
      <c r="ME14" s="350">
        <v>17685516</v>
      </c>
      <c r="MF14" s="348">
        <v>0</v>
      </c>
      <c r="MG14" s="345">
        <v>0</v>
      </c>
      <c r="MH14" s="349">
        <v>0</v>
      </c>
      <c r="MI14" s="413">
        <v>0</v>
      </c>
      <c r="MJ14" s="345">
        <v>15235954</v>
      </c>
      <c r="MK14" s="345">
        <v>41630546</v>
      </c>
      <c r="ML14" s="345">
        <v>148797732</v>
      </c>
      <c r="MM14" s="345">
        <v>174352812</v>
      </c>
      <c r="MN14" s="345">
        <v>111602657</v>
      </c>
      <c r="MO14" s="349">
        <v>491619701</v>
      </c>
      <c r="MP14" s="354">
        <v>491619701</v>
      </c>
      <c r="MQ14" s="348">
        <v>0</v>
      </c>
      <c r="MR14" s="345">
        <v>0</v>
      </c>
      <c r="MS14" s="349">
        <v>0</v>
      </c>
      <c r="MT14" s="413">
        <v>0</v>
      </c>
      <c r="MU14" s="345">
        <v>2278295</v>
      </c>
      <c r="MV14" s="345">
        <v>15849338</v>
      </c>
      <c r="MW14" s="345">
        <v>102990282</v>
      </c>
      <c r="MX14" s="345">
        <v>119134491</v>
      </c>
      <c r="MY14" s="345">
        <v>79639119</v>
      </c>
      <c r="MZ14" s="349">
        <v>319891525</v>
      </c>
      <c r="NA14" s="354">
        <v>319891525</v>
      </c>
      <c r="NB14" s="348">
        <v>0</v>
      </c>
      <c r="NC14" s="345">
        <v>0</v>
      </c>
      <c r="ND14" s="349">
        <v>0</v>
      </c>
      <c r="NE14" s="413">
        <v>0</v>
      </c>
      <c r="NF14" s="345">
        <v>12671843</v>
      </c>
      <c r="NG14" s="345">
        <v>25781208</v>
      </c>
      <c r="NH14" s="345">
        <v>45390904</v>
      </c>
      <c r="NI14" s="345">
        <v>51566414</v>
      </c>
      <c r="NJ14" s="345">
        <v>27980839</v>
      </c>
      <c r="NK14" s="349">
        <v>163391208</v>
      </c>
      <c r="NL14" s="347">
        <v>163391208</v>
      </c>
      <c r="NM14" s="348">
        <v>0</v>
      </c>
      <c r="NN14" s="345">
        <v>0</v>
      </c>
      <c r="NO14" s="349">
        <v>0</v>
      </c>
      <c r="NP14" s="413">
        <v>0</v>
      </c>
      <c r="NQ14" s="345">
        <v>0</v>
      </c>
      <c r="NR14" s="345">
        <v>0</v>
      </c>
      <c r="NS14" s="345">
        <v>0</v>
      </c>
      <c r="NT14" s="345">
        <v>0</v>
      </c>
      <c r="NU14" s="345">
        <v>0</v>
      </c>
      <c r="NV14" s="349">
        <v>0</v>
      </c>
      <c r="NW14" s="350">
        <v>0</v>
      </c>
      <c r="NX14" s="348">
        <v>0</v>
      </c>
      <c r="NY14" s="345">
        <v>0</v>
      </c>
      <c r="NZ14" s="349">
        <v>0</v>
      </c>
      <c r="OA14" s="413">
        <v>0</v>
      </c>
      <c r="OB14" s="345">
        <v>285816</v>
      </c>
      <c r="OC14" s="345">
        <v>0</v>
      </c>
      <c r="OD14" s="345">
        <v>416546</v>
      </c>
      <c r="OE14" s="345">
        <v>3651907</v>
      </c>
      <c r="OF14" s="345">
        <v>3982699</v>
      </c>
      <c r="OG14" s="349">
        <v>8336968</v>
      </c>
      <c r="OH14" s="350">
        <v>8336968</v>
      </c>
      <c r="OI14" s="348">
        <v>15634127</v>
      </c>
      <c r="OJ14" s="345">
        <v>19094844</v>
      </c>
      <c r="OK14" s="346">
        <v>34728971</v>
      </c>
      <c r="OL14" s="351">
        <v>0</v>
      </c>
      <c r="OM14" s="345">
        <v>242225999</v>
      </c>
      <c r="ON14" s="345">
        <v>345447683</v>
      </c>
      <c r="OO14" s="345">
        <v>422235981</v>
      </c>
      <c r="OP14" s="345">
        <v>410414894</v>
      </c>
      <c r="OQ14" s="345">
        <v>288796427</v>
      </c>
      <c r="OR14" s="349">
        <v>1709120984</v>
      </c>
      <c r="OS14" s="354">
        <v>1743849955</v>
      </c>
    </row>
    <row r="15" spans="1:409" s="70" customFormat="1" ht="21" customHeight="1" x14ac:dyDescent="0.2">
      <c r="B15" s="410" t="s">
        <v>9</v>
      </c>
      <c r="C15" s="326">
        <v>14802806</v>
      </c>
      <c r="D15" s="327">
        <v>17978962</v>
      </c>
      <c r="E15" s="328">
        <v>32781768</v>
      </c>
      <c r="F15" s="332">
        <v>0</v>
      </c>
      <c r="G15" s="327">
        <v>164046488</v>
      </c>
      <c r="H15" s="327">
        <v>168223760</v>
      </c>
      <c r="I15" s="327">
        <v>173228679</v>
      </c>
      <c r="J15" s="327">
        <v>180509200</v>
      </c>
      <c r="K15" s="327">
        <v>139953940</v>
      </c>
      <c r="L15" s="329">
        <v>825962067</v>
      </c>
      <c r="M15" s="330">
        <v>858743835</v>
      </c>
      <c r="N15" s="326">
        <v>2848197</v>
      </c>
      <c r="O15" s="327">
        <v>3938309</v>
      </c>
      <c r="P15" s="328">
        <v>6786506</v>
      </c>
      <c r="Q15" s="326">
        <v>0</v>
      </c>
      <c r="R15" s="327">
        <v>48914156</v>
      </c>
      <c r="S15" s="327">
        <v>57481267</v>
      </c>
      <c r="T15" s="327">
        <v>61390523</v>
      </c>
      <c r="U15" s="327">
        <v>77276860</v>
      </c>
      <c r="V15" s="327">
        <v>72805338</v>
      </c>
      <c r="W15" s="328">
        <v>317868144</v>
      </c>
      <c r="X15" s="330">
        <v>324654650</v>
      </c>
      <c r="Y15" s="326">
        <v>0</v>
      </c>
      <c r="Z15" s="327">
        <v>0</v>
      </c>
      <c r="AA15" s="328">
        <v>0</v>
      </c>
      <c r="AB15" s="326">
        <v>0</v>
      </c>
      <c r="AC15" s="327">
        <v>23699890</v>
      </c>
      <c r="AD15" s="327">
        <v>28993824</v>
      </c>
      <c r="AE15" s="327">
        <v>37167268</v>
      </c>
      <c r="AF15" s="327">
        <v>49298554</v>
      </c>
      <c r="AG15" s="327">
        <v>44476902</v>
      </c>
      <c r="AH15" s="328">
        <v>183636438</v>
      </c>
      <c r="AI15" s="330">
        <v>183636438</v>
      </c>
      <c r="AJ15" s="326">
        <v>0</v>
      </c>
      <c r="AK15" s="327">
        <v>0</v>
      </c>
      <c r="AL15" s="328">
        <v>0</v>
      </c>
      <c r="AM15" s="326">
        <v>0</v>
      </c>
      <c r="AN15" s="327">
        <v>32138</v>
      </c>
      <c r="AO15" s="327">
        <v>648595</v>
      </c>
      <c r="AP15" s="327">
        <v>1254929</v>
      </c>
      <c r="AQ15" s="327">
        <v>3383556</v>
      </c>
      <c r="AR15" s="327">
        <v>7068667</v>
      </c>
      <c r="AS15" s="328">
        <v>12387885</v>
      </c>
      <c r="AT15" s="330">
        <v>12387885</v>
      </c>
      <c r="AU15" s="326">
        <v>1548269</v>
      </c>
      <c r="AV15" s="327">
        <v>2933663</v>
      </c>
      <c r="AW15" s="328">
        <v>4481932</v>
      </c>
      <c r="AX15" s="326">
        <v>0</v>
      </c>
      <c r="AY15" s="327">
        <v>16045326</v>
      </c>
      <c r="AZ15" s="327">
        <v>17558408</v>
      </c>
      <c r="BA15" s="327">
        <v>13040009</v>
      </c>
      <c r="BB15" s="327">
        <v>13651789</v>
      </c>
      <c r="BC15" s="327">
        <v>13201392</v>
      </c>
      <c r="BD15" s="328">
        <v>73496924</v>
      </c>
      <c r="BE15" s="330">
        <v>77978856</v>
      </c>
      <c r="BF15" s="326">
        <v>38475</v>
      </c>
      <c r="BG15" s="327">
        <v>276827</v>
      </c>
      <c r="BH15" s="331">
        <v>315302</v>
      </c>
      <c r="BI15" s="332">
        <v>0</v>
      </c>
      <c r="BJ15" s="327">
        <v>1294066</v>
      </c>
      <c r="BK15" s="327">
        <v>1548374</v>
      </c>
      <c r="BL15" s="327">
        <v>886285</v>
      </c>
      <c r="BM15" s="327">
        <v>1221822</v>
      </c>
      <c r="BN15" s="327">
        <v>959573</v>
      </c>
      <c r="BO15" s="328">
        <v>5910120</v>
      </c>
      <c r="BP15" s="330">
        <v>6225422</v>
      </c>
      <c r="BQ15" s="326">
        <v>1261453</v>
      </c>
      <c r="BR15" s="327">
        <v>727819</v>
      </c>
      <c r="BS15" s="328">
        <v>1989272</v>
      </c>
      <c r="BT15" s="326">
        <v>0</v>
      </c>
      <c r="BU15" s="327">
        <v>7842736</v>
      </c>
      <c r="BV15" s="327">
        <v>8732066</v>
      </c>
      <c r="BW15" s="327">
        <v>9042032</v>
      </c>
      <c r="BX15" s="327">
        <v>9721139</v>
      </c>
      <c r="BY15" s="327">
        <v>7098804</v>
      </c>
      <c r="BZ15" s="328">
        <v>42436777</v>
      </c>
      <c r="CA15" s="330">
        <v>44426049</v>
      </c>
      <c r="CB15" s="326">
        <v>1252696</v>
      </c>
      <c r="CC15" s="327">
        <v>3496976</v>
      </c>
      <c r="CD15" s="328">
        <v>4749672</v>
      </c>
      <c r="CE15" s="326">
        <v>0</v>
      </c>
      <c r="CF15" s="327">
        <v>34914506</v>
      </c>
      <c r="CG15" s="327">
        <v>35103647</v>
      </c>
      <c r="CH15" s="327">
        <v>32272074</v>
      </c>
      <c r="CI15" s="327">
        <v>23012570</v>
      </c>
      <c r="CJ15" s="327">
        <v>9707129</v>
      </c>
      <c r="CK15" s="328">
        <v>135009926</v>
      </c>
      <c r="CL15" s="330">
        <v>139759598</v>
      </c>
      <c r="CM15" s="326">
        <v>0</v>
      </c>
      <c r="CN15" s="327">
        <v>0</v>
      </c>
      <c r="CO15" s="328">
        <v>0</v>
      </c>
      <c r="CP15" s="332">
        <v>0</v>
      </c>
      <c r="CQ15" s="327">
        <v>28786489</v>
      </c>
      <c r="CR15" s="327">
        <v>27252190</v>
      </c>
      <c r="CS15" s="327">
        <v>26017312</v>
      </c>
      <c r="CT15" s="327">
        <v>16376670</v>
      </c>
      <c r="CU15" s="327">
        <v>7487267</v>
      </c>
      <c r="CV15" s="328">
        <v>105919928</v>
      </c>
      <c r="CW15" s="330">
        <v>105919928</v>
      </c>
      <c r="CX15" s="326">
        <v>1252696</v>
      </c>
      <c r="CY15" s="327">
        <v>3496976</v>
      </c>
      <c r="CZ15" s="328">
        <v>4749672</v>
      </c>
      <c r="DA15" s="326">
        <v>0</v>
      </c>
      <c r="DB15" s="327">
        <v>6128017</v>
      </c>
      <c r="DC15" s="327">
        <v>7851457</v>
      </c>
      <c r="DD15" s="327">
        <v>6254762</v>
      </c>
      <c r="DE15" s="327">
        <v>6635900</v>
      </c>
      <c r="DF15" s="327">
        <v>2219862</v>
      </c>
      <c r="DG15" s="328">
        <v>29089998</v>
      </c>
      <c r="DH15" s="330">
        <v>33839670</v>
      </c>
      <c r="DI15" s="326">
        <v>0</v>
      </c>
      <c r="DJ15" s="327">
        <v>248697</v>
      </c>
      <c r="DK15" s="331">
        <v>248697</v>
      </c>
      <c r="DL15" s="332">
        <v>0</v>
      </c>
      <c r="DM15" s="327">
        <v>4859648</v>
      </c>
      <c r="DN15" s="327">
        <v>7831076</v>
      </c>
      <c r="DO15" s="327">
        <v>16591119</v>
      </c>
      <c r="DP15" s="327">
        <v>14353765</v>
      </c>
      <c r="DQ15" s="327">
        <v>8894149</v>
      </c>
      <c r="DR15" s="328">
        <v>52529757</v>
      </c>
      <c r="DS15" s="330">
        <v>52778454</v>
      </c>
      <c r="DT15" s="326">
        <v>0</v>
      </c>
      <c r="DU15" s="327">
        <v>248697</v>
      </c>
      <c r="DV15" s="328">
        <v>248697</v>
      </c>
      <c r="DW15" s="326">
        <v>0</v>
      </c>
      <c r="DX15" s="327">
        <v>4257507</v>
      </c>
      <c r="DY15" s="327">
        <v>7150327</v>
      </c>
      <c r="DZ15" s="327">
        <v>14331930</v>
      </c>
      <c r="EA15" s="327">
        <v>12378846</v>
      </c>
      <c r="EB15" s="327">
        <v>6827885</v>
      </c>
      <c r="EC15" s="328">
        <v>44946495</v>
      </c>
      <c r="ED15" s="330">
        <v>45195192</v>
      </c>
      <c r="EE15" s="326">
        <v>0</v>
      </c>
      <c r="EF15" s="331">
        <v>0</v>
      </c>
      <c r="EG15" s="328">
        <v>0</v>
      </c>
      <c r="EH15" s="326">
        <v>0</v>
      </c>
      <c r="EI15" s="327">
        <v>602141</v>
      </c>
      <c r="EJ15" s="327">
        <v>680749</v>
      </c>
      <c r="EK15" s="327">
        <v>2259189</v>
      </c>
      <c r="EL15" s="327">
        <v>1974919</v>
      </c>
      <c r="EM15" s="327">
        <v>2066264</v>
      </c>
      <c r="EN15" s="331">
        <v>7583262</v>
      </c>
      <c r="EO15" s="330">
        <v>7583262</v>
      </c>
      <c r="EP15" s="326">
        <v>0</v>
      </c>
      <c r="EQ15" s="327">
        <v>0</v>
      </c>
      <c r="ER15" s="331">
        <v>0</v>
      </c>
      <c r="ES15" s="332">
        <v>0</v>
      </c>
      <c r="ET15" s="327">
        <v>0</v>
      </c>
      <c r="EU15" s="327">
        <v>0</v>
      </c>
      <c r="EV15" s="327">
        <v>0</v>
      </c>
      <c r="EW15" s="327">
        <v>0</v>
      </c>
      <c r="EX15" s="327">
        <v>0</v>
      </c>
      <c r="EY15" s="328">
        <v>0</v>
      </c>
      <c r="EZ15" s="330">
        <v>0</v>
      </c>
      <c r="FA15" s="326">
        <v>0</v>
      </c>
      <c r="FB15" s="327">
        <v>0</v>
      </c>
      <c r="FC15" s="331">
        <v>0</v>
      </c>
      <c r="FD15" s="332">
        <v>0</v>
      </c>
      <c r="FE15" s="327">
        <v>0</v>
      </c>
      <c r="FF15" s="327">
        <v>0</v>
      </c>
      <c r="FG15" s="327">
        <v>0</v>
      </c>
      <c r="FH15" s="327">
        <v>0</v>
      </c>
      <c r="FI15" s="327">
        <v>0</v>
      </c>
      <c r="FJ15" s="328">
        <v>0</v>
      </c>
      <c r="FK15" s="330">
        <v>0</v>
      </c>
      <c r="FL15" s="326">
        <v>4531517</v>
      </c>
      <c r="FM15" s="327">
        <v>5554788</v>
      </c>
      <c r="FN15" s="328">
        <v>10086305</v>
      </c>
      <c r="FO15" s="326">
        <v>0</v>
      </c>
      <c r="FP15" s="327">
        <v>10238914</v>
      </c>
      <c r="FQ15" s="327">
        <v>14394806</v>
      </c>
      <c r="FR15" s="327">
        <v>12355858</v>
      </c>
      <c r="FS15" s="327">
        <v>12211945</v>
      </c>
      <c r="FT15" s="327">
        <v>10039114</v>
      </c>
      <c r="FU15" s="328">
        <v>59240637</v>
      </c>
      <c r="FV15" s="330">
        <v>69326942</v>
      </c>
      <c r="FW15" s="333">
        <v>1944889</v>
      </c>
      <c r="FX15" s="327">
        <v>2759620</v>
      </c>
      <c r="FY15" s="331">
        <v>4704509</v>
      </c>
      <c r="FZ15" s="332">
        <v>0</v>
      </c>
      <c r="GA15" s="327">
        <v>7987442</v>
      </c>
      <c r="GB15" s="327">
        <v>12791612</v>
      </c>
      <c r="GC15" s="327">
        <v>10708274</v>
      </c>
      <c r="GD15" s="327">
        <v>11223425</v>
      </c>
      <c r="GE15" s="327">
        <v>9324226</v>
      </c>
      <c r="GF15" s="328">
        <v>52034979</v>
      </c>
      <c r="GG15" s="334">
        <v>56739488</v>
      </c>
      <c r="GH15" s="333">
        <v>287488</v>
      </c>
      <c r="GI15" s="327">
        <v>429410</v>
      </c>
      <c r="GJ15" s="331">
        <v>716898</v>
      </c>
      <c r="GK15" s="332">
        <v>0</v>
      </c>
      <c r="GL15" s="327">
        <v>718379</v>
      </c>
      <c r="GM15" s="327">
        <v>553691</v>
      </c>
      <c r="GN15" s="327">
        <v>570094</v>
      </c>
      <c r="GO15" s="327">
        <v>183920</v>
      </c>
      <c r="GP15" s="327">
        <v>376288</v>
      </c>
      <c r="GQ15" s="328">
        <v>2402372</v>
      </c>
      <c r="GR15" s="330">
        <v>3119270</v>
      </c>
      <c r="GS15" s="326">
        <v>2299140</v>
      </c>
      <c r="GT15" s="327">
        <v>2365758</v>
      </c>
      <c r="GU15" s="328">
        <v>4664898</v>
      </c>
      <c r="GV15" s="326">
        <v>0</v>
      </c>
      <c r="GW15" s="327">
        <v>1533093</v>
      </c>
      <c r="GX15" s="327">
        <v>1049503</v>
      </c>
      <c r="GY15" s="327">
        <v>1077490</v>
      </c>
      <c r="GZ15" s="327">
        <v>804600</v>
      </c>
      <c r="HA15" s="327">
        <v>338600</v>
      </c>
      <c r="HB15" s="331">
        <v>4803286</v>
      </c>
      <c r="HC15" s="330">
        <v>9468184</v>
      </c>
      <c r="HD15" s="326">
        <v>3839463</v>
      </c>
      <c r="HE15" s="327">
        <v>1832787</v>
      </c>
      <c r="HF15" s="331">
        <v>5672250</v>
      </c>
      <c r="HG15" s="332">
        <v>0</v>
      </c>
      <c r="HH15" s="327">
        <v>37715415</v>
      </c>
      <c r="HI15" s="327">
        <v>33386674</v>
      </c>
      <c r="HJ15" s="327">
        <v>36038560</v>
      </c>
      <c r="HK15" s="327">
        <v>41945007</v>
      </c>
      <c r="HL15" s="327">
        <v>31068458</v>
      </c>
      <c r="HM15" s="328">
        <v>180154114</v>
      </c>
      <c r="HN15" s="329">
        <v>185826364</v>
      </c>
      <c r="HO15" s="333">
        <v>2330933</v>
      </c>
      <c r="HP15" s="327">
        <v>2907405</v>
      </c>
      <c r="HQ15" s="328">
        <v>5238338</v>
      </c>
      <c r="HR15" s="326">
        <v>0</v>
      </c>
      <c r="HS15" s="327">
        <v>27403849</v>
      </c>
      <c r="HT15" s="327">
        <v>20026290</v>
      </c>
      <c r="HU15" s="327">
        <v>14580545</v>
      </c>
      <c r="HV15" s="327">
        <v>11709053</v>
      </c>
      <c r="HW15" s="327">
        <v>7439752</v>
      </c>
      <c r="HX15" s="331">
        <v>81159489</v>
      </c>
      <c r="HY15" s="330">
        <v>86397827</v>
      </c>
      <c r="HZ15" s="360">
        <v>276950</v>
      </c>
      <c r="IA15" s="361">
        <v>258232</v>
      </c>
      <c r="IB15" s="362">
        <v>535182</v>
      </c>
      <c r="IC15" s="338">
        <v>0</v>
      </c>
      <c r="ID15" s="336">
        <v>37170239</v>
      </c>
      <c r="IE15" s="339">
        <v>44280184</v>
      </c>
      <c r="IF15" s="337">
        <v>49881418</v>
      </c>
      <c r="IG15" s="336">
        <v>44361868</v>
      </c>
      <c r="IH15" s="337">
        <v>30008605</v>
      </c>
      <c r="II15" s="340">
        <v>205702314</v>
      </c>
      <c r="IJ15" s="363">
        <v>206237496</v>
      </c>
      <c r="IK15" s="342">
        <v>0</v>
      </c>
      <c r="IL15" s="343">
        <v>0</v>
      </c>
      <c r="IM15" s="344">
        <v>0</v>
      </c>
      <c r="IN15" s="404">
        <v>0</v>
      </c>
      <c r="IO15" s="345">
        <v>0</v>
      </c>
      <c r="IP15" s="345">
        <v>251703</v>
      </c>
      <c r="IQ15" s="345">
        <v>316933</v>
      </c>
      <c r="IR15" s="345">
        <v>1969403</v>
      </c>
      <c r="IS15" s="345">
        <v>1472298</v>
      </c>
      <c r="IT15" s="346">
        <v>4010337</v>
      </c>
      <c r="IU15" s="347">
        <v>4010337</v>
      </c>
      <c r="IV15" s="348">
        <v>0</v>
      </c>
      <c r="IW15" s="345">
        <v>0</v>
      </c>
      <c r="IX15" s="349">
        <v>0</v>
      </c>
      <c r="IY15" s="413">
        <v>0</v>
      </c>
      <c r="IZ15" s="345">
        <v>0</v>
      </c>
      <c r="JA15" s="345">
        <v>0</v>
      </c>
      <c r="JB15" s="345">
        <v>0</v>
      </c>
      <c r="JC15" s="345">
        <v>0</v>
      </c>
      <c r="JD15" s="345">
        <v>0</v>
      </c>
      <c r="JE15" s="349">
        <v>0</v>
      </c>
      <c r="JF15" s="350">
        <v>0</v>
      </c>
      <c r="JG15" s="348">
        <v>0</v>
      </c>
      <c r="JH15" s="345">
        <v>0</v>
      </c>
      <c r="JI15" s="346">
        <v>0</v>
      </c>
      <c r="JJ15" s="351">
        <v>0</v>
      </c>
      <c r="JK15" s="345">
        <v>20459706</v>
      </c>
      <c r="JL15" s="345">
        <v>17917168</v>
      </c>
      <c r="JM15" s="345">
        <v>14353666</v>
      </c>
      <c r="JN15" s="345">
        <v>12262691</v>
      </c>
      <c r="JO15" s="345">
        <v>5602573</v>
      </c>
      <c r="JP15" s="349">
        <v>70595804</v>
      </c>
      <c r="JQ15" s="347">
        <v>70595804</v>
      </c>
      <c r="JR15" s="348">
        <v>0</v>
      </c>
      <c r="JS15" s="345">
        <v>0</v>
      </c>
      <c r="JT15" s="346">
        <v>0</v>
      </c>
      <c r="JU15" s="351">
        <v>0</v>
      </c>
      <c r="JV15" s="345">
        <v>702936</v>
      </c>
      <c r="JW15" s="345">
        <v>795015</v>
      </c>
      <c r="JX15" s="345">
        <v>1179979</v>
      </c>
      <c r="JY15" s="345">
        <v>0</v>
      </c>
      <c r="JZ15" s="345">
        <v>824682</v>
      </c>
      <c r="KA15" s="349">
        <v>3502612</v>
      </c>
      <c r="KB15" s="347">
        <v>3502612</v>
      </c>
      <c r="KC15" s="352">
        <v>276950</v>
      </c>
      <c r="KD15" s="353">
        <v>258232</v>
      </c>
      <c r="KE15" s="349">
        <v>535182</v>
      </c>
      <c r="KF15" s="351">
        <v>0</v>
      </c>
      <c r="KG15" s="345">
        <v>5618040</v>
      </c>
      <c r="KH15" s="345">
        <v>5412755</v>
      </c>
      <c r="KI15" s="345">
        <v>5842319</v>
      </c>
      <c r="KJ15" s="345">
        <v>6314488</v>
      </c>
      <c r="KK15" s="345">
        <v>5872440</v>
      </c>
      <c r="KL15" s="349">
        <v>29060042</v>
      </c>
      <c r="KM15" s="354">
        <v>29595224</v>
      </c>
      <c r="KN15" s="342">
        <v>0</v>
      </c>
      <c r="KO15" s="343">
        <v>0</v>
      </c>
      <c r="KP15" s="344">
        <v>0</v>
      </c>
      <c r="KQ15" s="413">
        <v>0</v>
      </c>
      <c r="KR15" s="345">
        <v>9204109</v>
      </c>
      <c r="KS15" s="345">
        <v>17419527</v>
      </c>
      <c r="KT15" s="345">
        <v>24622148</v>
      </c>
      <c r="KU15" s="345">
        <v>20048897</v>
      </c>
      <c r="KV15" s="345">
        <v>10741666</v>
      </c>
      <c r="KW15" s="349">
        <v>82036347</v>
      </c>
      <c r="KX15" s="347">
        <v>82036347</v>
      </c>
      <c r="KY15" s="348">
        <v>0</v>
      </c>
      <c r="KZ15" s="345">
        <v>0</v>
      </c>
      <c r="LA15" s="349">
        <v>0</v>
      </c>
      <c r="LB15" s="413">
        <v>0</v>
      </c>
      <c r="LC15" s="345">
        <v>186087</v>
      </c>
      <c r="LD15" s="345">
        <v>974494</v>
      </c>
      <c r="LE15" s="345">
        <v>1343686</v>
      </c>
      <c r="LF15" s="345">
        <v>1780065</v>
      </c>
      <c r="LG15" s="345">
        <v>1049051</v>
      </c>
      <c r="LH15" s="349">
        <v>5333383</v>
      </c>
      <c r="LI15" s="350">
        <v>5333383</v>
      </c>
      <c r="LJ15" s="348">
        <v>0</v>
      </c>
      <c r="LK15" s="345">
        <v>0</v>
      </c>
      <c r="LL15" s="349">
        <v>0</v>
      </c>
      <c r="LM15" s="413">
        <v>0</v>
      </c>
      <c r="LN15" s="345">
        <v>0</v>
      </c>
      <c r="LO15" s="345">
        <v>0</v>
      </c>
      <c r="LP15" s="345">
        <v>0</v>
      </c>
      <c r="LQ15" s="345">
        <v>0</v>
      </c>
      <c r="LR15" s="345">
        <v>370945</v>
      </c>
      <c r="LS15" s="349">
        <v>370945</v>
      </c>
      <c r="LT15" s="347">
        <v>370945</v>
      </c>
      <c r="LU15" s="348">
        <v>0</v>
      </c>
      <c r="LV15" s="345">
        <v>0</v>
      </c>
      <c r="LW15" s="349">
        <v>0</v>
      </c>
      <c r="LX15" s="413">
        <v>0</v>
      </c>
      <c r="LY15" s="345">
        <v>999361</v>
      </c>
      <c r="LZ15" s="345">
        <v>1509522</v>
      </c>
      <c r="MA15" s="345">
        <v>2222687</v>
      </c>
      <c r="MB15" s="345">
        <v>1986324</v>
      </c>
      <c r="MC15" s="345">
        <v>4074950</v>
      </c>
      <c r="MD15" s="349">
        <v>10792844</v>
      </c>
      <c r="ME15" s="350">
        <v>10792844</v>
      </c>
      <c r="MF15" s="348">
        <v>0</v>
      </c>
      <c r="MG15" s="345">
        <v>0</v>
      </c>
      <c r="MH15" s="349">
        <v>0</v>
      </c>
      <c r="MI15" s="413">
        <v>0</v>
      </c>
      <c r="MJ15" s="345">
        <v>10548105</v>
      </c>
      <c r="MK15" s="345">
        <v>19391893</v>
      </c>
      <c r="ML15" s="345">
        <v>93806022</v>
      </c>
      <c r="MM15" s="345">
        <v>137888221</v>
      </c>
      <c r="MN15" s="345">
        <v>122701229</v>
      </c>
      <c r="MO15" s="349">
        <v>384335470</v>
      </c>
      <c r="MP15" s="354">
        <v>384335470</v>
      </c>
      <c r="MQ15" s="348">
        <v>0</v>
      </c>
      <c r="MR15" s="345">
        <v>0</v>
      </c>
      <c r="MS15" s="349">
        <v>0</v>
      </c>
      <c r="MT15" s="413">
        <v>0</v>
      </c>
      <c r="MU15" s="345">
        <v>517409</v>
      </c>
      <c r="MV15" s="345">
        <v>1823757</v>
      </c>
      <c r="MW15" s="345">
        <v>59548012</v>
      </c>
      <c r="MX15" s="345">
        <v>103546915</v>
      </c>
      <c r="MY15" s="345">
        <v>90133138</v>
      </c>
      <c r="MZ15" s="349">
        <v>255569231</v>
      </c>
      <c r="NA15" s="354">
        <v>255569231</v>
      </c>
      <c r="NB15" s="348">
        <v>0</v>
      </c>
      <c r="NC15" s="345">
        <v>0</v>
      </c>
      <c r="ND15" s="349">
        <v>0</v>
      </c>
      <c r="NE15" s="413">
        <v>0</v>
      </c>
      <c r="NF15" s="345">
        <v>10030696</v>
      </c>
      <c r="NG15" s="345">
        <v>17568136</v>
      </c>
      <c r="NH15" s="345">
        <v>34258010</v>
      </c>
      <c r="NI15" s="345">
        <v>33191157</v>
      </c>
      <c r="NJ15" s="345">
        <v>29146260</v>
      </c>
      <c r="NK15" s="349">
        <v>124194259</v>
      </c>
      <c r="NL15" s="347">
        <v>124194259</v>
      </c>
      <c r="NM15" s="348">
        <v>0</v>
      </c>
      <c r="NN15" s="345">
        <v>0</v>
      </c>
      <c r="NO15" s="349">
        <v>0</v>
      </c>
      <c r="NP15" s="413">
        <v>0</v>
      </c>
      <c r="NQ15" s="345">
        <v>0</v>
      </c>
      <c r="NR15" s="345">
        <v>0</v>
      </c>
      <c r="NS15" s="345">
        <v>0</v>
      </c>
      <c r="NT15" s="345">
        <v>0</v>
      </c>
      <c r="NU15" s="345">
        <v>0</v>
      </c>
      <c r="NV15" s="349">
        <v>0</v>
      </c>
      <c r="NW15" s="350">
        <v>0</v>
      </c>
      <c r="NX15" s="348">
        <v>0</v>
      </c>
      <c r="NY15" s="345">
        <v>0</v>
      </c>
      <c r="NZ15" s="349">
        <v>0</v>
      </c>
      <c r="OA15" s="413">
        <v>0</v>
      </c>
      <c r="OB15" s="345">
        <v>0</v>
      </c>
      <c r="OC15" s="345">
        <v>0</v>
      </c>
      <c r="OD15" s="345">
        <v>0</v>
      </c>
      <c r="OE15" s="345">
        <v>1150149</v>
      </c>
      <c r="OF15" s="345">
        <v>3421831</v>
      </c>
      <c r="OG15" s="349">
        <v>4571980</v>
      </c>
      <c r="OH15" s="350">
        <v>4571980</v>
      </c>
      <c r="OI15" s="348">
        <v>15079756</v>
      </c>
      <c r="OJ15" s="345">
        <v>18237194</v>
      </c>
      <c r="OK15" s="346">
        <v>33316950</v>
      </c>
      <c r="OL15" s="351">
        <v>0</v>
      </c>
      <c r="OM15" s="345">
        <v>211764832</v>
      </c>
      <c r="ON15" s="345">
        <v>231895837</v>
      </c>
      <c r="OO15" s="345">
        <v>316916119</v>
      </c>
      <c r="OP15" s="345">
        <v>362759289</v>
      </c>
      <c r="OQ15" s="345">
        <v>292663774</v>
      </c>
      <c r="OR15" s="349">
        <v>1415999851</v>
      </c>
      <c r="OS15" s="354">
        <v>1449316801</v>
      </c>
    </row>
    <row r="16" spans="1:409" s="70" customFormat="1" ht="21" customHeight="1" x14ac:dyDescent="0.2">
      <c r="B16" s="410" t="s">
        <v>10</v>
      </c>
      <c r="C16" s="326">
        <v>27117180</v>
      </c>
      <c r="D16" s="327">
        <v>43170053</v>
      </c>
      <c r="E16" s="328">
        <v>70287233</v>
      </c>
      <c r="F16" s="364">
        <v>0</v>
      </c>
      <c r="G16" s="327">
        <v>373231304</v>
      </c>
      <c r="H16" s="327">
        <v>311373643</v>
      </c>
      <c r="I16" s="327">
        <v>273763587</v>
      </c>
      <c r="J16" s="327">
        <v>274314026</v>
      </c>
      <c r="K16" s="327">
        <v>221831034</v>
      </c>
      <c r="L16" s="329">
        <v>1454513594</v>
      </c>
      <c r="M16" s="330">
        <v>1524800827</v>
      </c>
      <c r="N16" s="326">
        <v>7062775</v>
      </c>
      <c r="O16" s="327">
        <v>13814978</v>
      </c>
      <c r="P16" s="328">
        <v>20877753</v>
      </c>
      <c r="Q16" s="326">
        <v>0</v>
      </c>
      <c r="R16" s="327">
        <v>115468112</v>
      </c>
      <c r="S16" s="327">
        <v>101449830</v>
      </c>
      <c r="T16" s="327">
        <v>105769531</v>
      </c>
      <c r="U16" s="327">
        <v>124791380</v>
      </c>
      <c r="V16" s="327">
        <v>124964696</v>
      </c>
      <c r="W16" s="328">
        <v>572443549</v>
      </c>
      <c r="X16" s="330">
        <v>593321302</v>
      </c>
      <c r="Y16" s="326">
        <v>0</v>
      </c>
      <c r="Z16" s="327">
        <v>0</v>
      </c>
      <c r="AA16" s="328">
        <v>0</v>
      </c>
      <c r="AB16" s="326">
        <v>0</v>
      </c>
      <c r="AC16" s="327">
        <v>54441791</v>
      </c>
      <c r="AD16" s="327">
        <v>52843162</v>
      </c>
      <c r="AE16" s="327">
        <v>68448454</v>
      </c>
      <c r="AF16" s="327">
        <v>83550366</v>
      </c>
      <c r="AG16" s="327">
        <v>77794975</v>
      </c>
      <c r="AH16" s="328">
        <v>337078748</v>
      </c>
      <c r="AI16" s="330">
        <v>337078748</v>
      </c>
      <c r="AJ16" s="326">
        <v>0</v>
      </c>
      <c r="AK16" s="327">
        <v>0</v>
      </c>
      <c r="AL16" s="328">
        <v>0</v>
      </c>
      <c r="AM16" s="326">
        <v>0</v>
      </c>
      <c r="AN16" s="327">
        <v>204384</v>
      </c>
      <c r="AO16" s="327">
        <v>1772093</v>
      </c>
      <c r="AP16" s="327">
        <v>2988117</v>
      </c>
      <c r="AQ16" s="327">
        <v>5807017</v>
      </c>
      <c r="AR16" s="327">
        <v>12188443</v>
      </c>
      <c r="AS16" s="328">
        <v>22960054</v>
      </c>
      <c r="AT16" s="330">
        <v>22960054</v>
      </c>
      <c r="AU16" s="326">
        <v>4054345</v>
      </c>
      <c r="AV16" s="327">
        <v>9382255</v>
      </c>
      <c r="AW16" s="328">
        <v>13436600</v>
      </c>
      <c r="AX16" s="326">
        <v>0</v>
      </c>
      <c r="AY16" s="327">
        <v>37993690</v>
      </c>
      <c r="AZ16" s="327">
        <v>26476746</v>
      </c>
      <c r="BA16" s="327">
        <v>16378264</v>
      </c>
      <c r="BB16" s="327">
        <v>18720331</v>
      </c>
      <c r="BC16" s="327">
        <v>20264340</v>
      </c>
      <c r="BD16" s="328">
        <v>119833371</v>
      </c>
      <c r="BE16" s="330">
        <v>133269971</v>
      </c>
      <c r="BF16" s="326">
        <v>620076</v>
      </c>
      <c r="BG16" s="327">
        <v>1347942</v>
      </c>
      <c r="BH16" s="331">
        <v>1968018</v>
      </c>
      <c r="BI16" s="332">
        <v>0</v>
      </c>
      <c r="BJ16" s="327">
        <v>4069587</v>
      </c>
      <c r="BK16" s="327">
        <v>3742049</v>
      </c>
      <c r="BL16" s="327">
        <v>2475172</v>
      </c>
      <c r="BM16" s="327">
        <v>1145881</v>
      </c>
      <c r="BN16" s="327">
        <v>1782556</v>
      </c>
      <c r="BO16" s="328">
        <v>13215245</v>
      </c>
      <c r="BP16" s="330">
        <v>15183263</v>
      </c>
      <c r="BQ16" s="326">
        <v>2388354</v>
      </c>
      <c r="BR16" s="327">
        <v>3084781</v>
      </c>
      <c r="BS16" s="328">
        <v>5473135</v>
      </c>
      <c r="BT16" s="326">
        <v>0</v>
      </c>
      <c r="BU16" s="327">
        <v>18758660</v>
      </c>
      <c r="BV16" s="327">
        <v>16615780</v>
      </c>
      <c r="BW16" s="327">
        <v>15479524</v>
      </c>
      <c r="BX16" s="327">
        <v>15567785</v>
      </c>
      <c r="BY16" s="327">
        <v>12934382</v>
      </c>
      <c r="BZ16" s="328">
        <v>79356131</v>
      </c>
      <c r="CA16" s="330">
        <v>84829266</v>
      </c>
      <c r="CB16" s="326">
        <v>1016734</v>
      </c>
      <c r="CC16" s="327">
        <v>3546075</v>
      </c>
      <c r="CD16" s="328">
        <v>4562809</v>
      </c>
      <c r="CE16" s="326">
        <v>0</v>
      </c>
      <c r="CF16" s="327">
        <v>114578416</v>
      </c>
      <c r="CG16" s="327">
        <v>83285306</v>
      </c>
      <c r="CH16" s="327">
        <v>54494338</v>
      </c>
      <c r="CI16" s="327">
        <v>36972938</v>
      </c>
      <c r="CJ16" s="327">
        <v>22668043</v>
      </c>
      <c r="CK16" s="328">
        <v>311999041</v>
      </c>
      <c r="CL16" s="330">
        <v>316561850</v>
      </c>
      <c r="CM16" s="326">
        <v>0</v>
      </c>
      <c r="CN16" s="327">
        <v>0</v>
      </c>
      <c r="CO16" s="328">
        <v>0</v>
      </c>
      <c r="CP16" s="332">
        <v>0</v>
      </c>
      <c r="CQ16" s="327">
        <v>98414559</v>
      </c>
      <c r="CR16" s="327">
        <v>67699130</v>
      </c>
      <c r="CS16" s="327">
        <v>43713538</v>
      </c>
      <c r="CT16" s="327">
        <v>30522306</v>
      </c>
      <c r="CU16" s="327">
        <v>18242351</v>
      </c>
      <c r="CV16" s="328">
        <v>258591884</v>
      </c>
      <c r="CW16" s="330">
        <v>258591884</v>
      </c>
      <c r="CX16" s="326">
        <v>1016734</v>
      </c>
      <c r="CY16" s="327">
        <v>3546075</v>
      </c>
      <c r="CZ16" s="328">
        <v>4562809</v>
      </c>
      <c r="DA16" s="326">
        <v>0</v>
      </c>
      <c r="DB16" s="327">
        <v>16163857</v>
      </c>
      <c r="DC16" s="327">
        <v>15586176</v>
      </c>
      <c r="DD16" s="327">
        <v>10780800</v>
      </c>
      <c r="DE16" s="327">
        <v>6450632</v>
      </c>
      <c r="DF16" s="327">
        <v>4425692</v>
      </c>
      <c r="DG16" s="328">
        <v>53407157</v>
      </c>
      <c r="DH16" s="330">
        <v>57969966</v>
      </c>
      <c r="DI16" s="326">
        <v>265491</v>
      </c>
      <c r="DJ16" s="327">
        <v>941849</v>
      </c>
      <c r="DK16" s="331">
        <v>1207340</v>
      </c>
      <c r="DL16" s="332">
        <v>0</v>
      </c>
      <c r="DM16" s="327">
        <v>12120474</v>
      </c>
      <c r="DN16" s="327">
        <v>15222490</v>
      </c>
      <c r="DO16" s="327">
        <v>21792436</v>
      </c>
      <c r="DP16" s="327">
        <v>19656192</v>
      </c>
      <c r="DQ16" s="327">
        <v>10911086</v>
      </c>
      <c r="DR16" s="328">
        <v>79702678</v>
      </c>
      <c r="DS16" s="330">
        <v>80910018</v>
      </c>
      <c r="DT16" s="326">
        <v>206262</v>
      </c>
      <c r="DU16" s="327">
        <v>941849</v>
      </c>
      <c r="DV16" s="328">
        <v>1148111</v>
      </c>
      <c r="DW16" s="326">
        <v>0</v>
      </c>
      <c r="DX16" s="327">
        <v>11839980</v>
      </c>
      <c r="DY16" s="327">
        <v>14339909</v>
      </c>
      <c r="DZ16" s="327">
        <v>20243384</v>
      </c>
      <c r="EA16" s="327">
        <v>18168835</v>
      </c>
      <c r="EB16" s="327">
        <v>9929463</v>
      </c>
      <c r="EC16" s="328">
        <v>74521571</v>
      </c>
      <c r="ED16" s="330">
        <v>75669682</v>
      </c>
      <c r="EE16" s="326">
        <v>59229</v>
      </c>
      <c r="EF16" s="331">
        <v>0</v>
      </c>
      <c r="EG16" s="328">
        <v>59229</v>
      </c>
      <c r="EH16" s="326">
        <v>0</v>
      </c>
      <c r="EI16" s="327">
        <v>280494</v>
      </c>
      <c r="EJ16" s="327">
        <v>882581</v>
      </c>
      <c r="EK16" s="327">
        <v>1549052</v>
      </c>
      <c r="EL16" s="327">
        <v>1487357</v>
      </c>
      <c r="EM16" s="327">
        <v>981623</v>
      </c>
      <c r="EN16" s="331">
        <v>5181107</v>
      </c>
      <c r="EO16" s="330">
        <v>5240336</v>
      </c>
      <c r="EP16" s="326">
        <v>0</v>
      </c>
      <c r="EQ16" s="327">
        <v>0</v>
      </c>
      <c r="ER16" s="331">
        <v>0</v>
      </c>
      <c r="ES16" s="332">
        <v>0</v>
      </c>
      <c r="ET16" s="327">
        <v>0</v>
      </c>
      <c r="EU16" s="327">
        <v>0</v>
      </c>
      <c r="EV16" s="327">
        <v>0</v>
      </c>
      <c r="EW16" s="327">
        <v>0</v>
      </c>
      <c r="EX16" s="327">
        <v>0</v>
      </c>
      <c r="EY16" s="328">
        <v>0</v>
      </c>
      <c r="EZ16" s="330">
        <v>0</v>
      </c>
      <c r="FA16" s="326">
        <v>0</v>
      </c>
      <c r="FB16" s="327">
        <v>0</v>
      </c>
      <c r="FC16" s="331">
        <v>0</v>
      </c>
      <c r="FD16" s="332">
        <v>0</v>
      </c>
      <c r="FE16" s="327">
        <v>0</v>
      </c>
      <c r="FF16" s="327">
        <v>0</v>
      </c>
      <c r="FG16" s="327">
        <v>0</v>
      </c>
      <c r="FH16" s="327">
        <v>0</v>
      </c>
      <c r="FI16" s="327">
        <v>0</v>
      </c>
      <c r="FJ16" s="328">
        <v>0</v>
      </c>
      <c r="FK16" s="330">
        <v>0</v>
      </c>
      <c r="FL16" s="326">
        <v>8165132</v>
      </c>
      <c r="FM16" s="327">
        <v>10789122</v>
      </c>
      <c r="FN16" s="328">
        <v>18954254</v>
      </c>
      <c r="FO16" s="326">
        <v>0</v>
      </c>
      <c r="FP16" s="327">
        <v>20407239</v>
      </c>
      <c r="FQ16" s="327">
        <v>25362803</v>
      </c>
      <c r="FR16" s="327">
        <v>19660575</v>
      </c>
      <c r="FS16" s="327">
        <v>17715881</v>
      </c>
      <c r="FT16" s="327">
        <v>14534721</v>
      </c>
      <c r="FU16" s="328">
        <v>97681219</v>
      </c>
      <c r="FV16" s="330">
        <v>116635473</v>
      </c>
      <c r="FW16" s="333">
        <v>5224509</v>
      </c>
      <c r="FX16" s="327">
        <v>8565489</v>
      </c>
      <c r="FY16" s="331">
        <v>13789998</v>
      </c>
      <c r="FZ16" s="332">
        <v>0</v>
      </c>
      <c r="GA16" s="327">
        <v>17236205</v>
      </c>
      <c r="GB16" s="327">
        <v>24180278</v>
      </c>
      <c r="GC16" s="327">
        <v>18038713</v>
      </c>
      <c r="GD16" s="327">
        <v>17011733</v>
      </c>
      <c r="GE16" s="327">
        <v>13949097</v>
      </c>
      <c r="GF16" s="328">
        <v>90416026</v>
      </c>
      <c r="GG16" s="334">
        <v>104206024</v>
      </c>
      <c r="GH16" s="333">
        <v>364546</v>
      </c>
      <c r="GI16" s="327">
        <v>253010</v>
      </c>
      <c r="GJ16" s="331">
        <v>617556</v>
      </c>
      <c r="GK16" s="332">
        <v>0</v>
      </c>
      <c r="GL16" s="327">
        <v>1140479</v>
      </c>
      <c r="GM16" s="327">
        <v>587828</v>
      </c>
      <c r="GN16" s="327">
        <v>576566</v>
      </c>
      <c r="GO16" s="327">
        <v>519902</v>
      </c>
      <c r="GP16" s="327">
        <v>162424</v>
      </c>
      <c r="GQ16" s="328">
        <v>2987199</v>
      </c>
      <c r="GR16" s="330">
        <v>3604755</v>
      </c>
      <c r="GS16" s="326">
        <v>2576077</v>
      </c>
      <c r="GT16" s="327">
        <v>1970623</v>
      </c>
      <c r="GU16" s="328">
        <v>4546700</v>
      </c>
      <c r="GV16" s="326">
        <v>0</v>
      </c>
      <c r="GW16" s="327">
        <v>2030555</v>
      </c>
      <c r="GX16" s="327">
        <v>594697</v>
      </c>
      <c r="GY16" s="327">
        <v>1045296</v>
      </c>
      <c r="GZ16" s="327">
        <v>184246</v>
      </c>
      <c r="HA16" s="327">
        <v>423200</v>
      </c>
      <c r="HB16" s="331">
        <v>4277994</v>
      </c>
      <c r="HC16" s="330">
        <v>8824694</v>
      </c>
      <c r="HD16" s="326">
        <v>4571392</v>
      </c>
      <c r="HE16" s="327">
        <v>6558483</v>
      </c>
      <c r="HF16" s="331">
        <v>11129875</v>
      </c>
      <c r="HG16" s="332">
        <v>0</v>
      </c>
      <c r="HH16" s="327">
        <v>53430702</v>
      </c>
      <c r="HI16" s="327">
        <v>55349664</v>
      </c>
      <c r="HJ16" s="327">
        <v>50222218</v>
      </c>
      <c r="HK16" s="327">
        <v>58508109</v>
      </c>
      <c r="HL16" s="327">
        <v>37652941</v>
      </c>
      <c r="HM16" s="328">
        <v>255163634</v>
      </c>
      <c r="HN16" s="329">
        <v>266293509</v>
      </c>
      <c r="HO16" s="333">
        <v>6035656</v>
      </c>
      <c r="HP16" s="327">
        <v>7519546</v>
      </c>
      <c r="HQ16" s="328">
        <v>13555202</v>
      </c>
      <c r="HR16" s="326">
        <v>0</v>
      </c>
      <c r="HS16" s="327">
        <v>57226361</v>
      </c>
      <c r="HT16" s="327">
        <v>30703550</v>
      </c>
      <c r="HU16" s="327">
        <v>21824489</v>
      </c>
      <c r="HV16" s="327">
        <v>16669526</v>
      </c>
      <c r="HW16" s="327">
        <v>11099547</v>
      </c>
      <c r="HX16" s="331">
        <v>137523473</v>
      </c>
      <c r="HY16" s="330">
        <v>151078675</v>
      </c>
      <c r="HZ16" s="358">
        <v>704341</v>
      </c>
      <c r="IA16" s="356">
        <v>1973470</v>
      </c>
      <c r="IB16" s="358">
        <v>2677811</v>
      </c>
      <c r="IC16" s="355">
        <v>0</v>
      </c>
      <c r="ID16" s="356">
        <v>86791544</v>
      </c>
      <c r="IE16" s="357">
        <v>76054965</v>
      </c>
      <c r="IF16" s="358">
        <v>91724844</v>
      </c>
      <c r="IG16" s="356">
        <v>86215266</v>
      </c>
      <c r="IH16" s="358">
        <v>66991417</v>
      </c>
      <c r="II16" s="359">
        <v>407778036</v>
      </c>
      <c r="IJ16" s="358">
        <v>410455847</v>
      </c>
      <c r="IK16" s="342">
        <v>0</v>
      </c>
      <c r="IL16" s="343">
        <v>0</v>
      </c>
      <c r="IM16" s="344">
        <v>0</v>
      </c>
      <c r="IN16" s="404">
        <v>0</v>
      </c>
      <c r="IO16" s="345">
        <v>1775786</v>
      </c>
      <c r="IP16" s="345">
        <v>2101062</v>
      </c>
      <c r="IQ16" s="345">
        <v>2112004</v>
      </c>
      <c r="IR16" s="345">
        <v>3302168</v>
      </c>
      <c r="IS16" s="345">
        <v>3812030</v>
      </c>
      <c r="IT16" s="346">
        <v>13103050</v>
      </c>
      <c r="IU16" s="347">
        <v>13103050</v>
      </c>
      <c r="IV16" s="348">
        <v>0</v>
      </c>
      <c r="IW16" s="345">
        <v>0</v>
      </c>
      <c r="IX16" s="349">
        <v>0</v>
      </c>
      <c r="IY16" s="413">
        <v>0</v>
      </c>
      <c r="IZ16" s="345">
        <v>131706</v>
      </c>
      <c r="JA16" s="345">
        <v>48177</v>
      </c>
      <c r="JB16" s="345">
        <v>76595</v>
      </c>
      <c r="JC16" s="345">
        <v>237114</v>
      </c>
      <c r="JD16" s="345">
        <v>231633</v>
      </c>
      <c r="JE16" s="349">
        <v>725225</v>
      </c>
      <c r="JF16" s="350">
        <v>725225</v>
      </c>
      <c r="JG16" s="348">
        <v>0</v>
      </c>
      <c r="JH16" s="345">
        <v>0</v>
      </c>
      <c r="JI16" s="346">
        <v>0</v>
      </c>
      <c r="JJ16" s="351">
        <v>0</v>
      </c>
      <c r="JK16" s="345">
        <v>30067344</v>
      </c>
      <c r="JL16" s="345">
        <v>18106975</v>
      </c>
      <c r="JM16" s="345">
        <v>11630314</v>
      </c>
      <c r="JN16" s="345">
        <v>8321996</v>
      </c>
      <c r="JO16" s="345">
        <v>1617143</v>
      </c>
      <c r="JP16" s="349">
        <v>69743772</v>
      </c>
      <c r="JQ16" s="347">
        <v>69743772</v>
      </c>
      <c r="JR16" s="348">
        <v>0</v>
      </c>
      <c r="JS16" s="345">
        <v>59079</v>
      </c>
      <c r="JT16" s="346">
        <v>59079</v>
      </c>
      <c r="JU16" s="351">
        <v>0</v>
      </c>
      <c r="JV16" s="345">
        <v>915111</v>
      </c>
      <c r="JW16" s="345">
        <v>1178902</v>
      </c>
      <c r="JX16" s="345">
        <v>3587863</v>
      </c>
      <c r="JY16" s="345">
        <v>2176589</v>
      </c>
      <c r="JZ16" s="345">
        <v>1692402</v>
      </c>
      <c r="KA16" s="349">
        <v>9550867</v>
      </c>
      <c r="KB16" s="347">
        <v>9609946</v>
      </c>
      <c r="KC16" s="352">
        <v>704341</v>
      </c>
      <c r="KD16" s="353">
        <v>1392832</v>
      </c>
      <c r="KE16" s="349">
        <v>2097173</v>
      </c>
      <c r="KF16" s="351">
        <v>0</v>
      </c>
      <c r="KG16" s="345">
        <v>13173411</v>
      </c>
      <c r="KH16" s="345">
        <v>11818379</v>
      </c>
      <c r="KI16" s="345">
        <v>19380511</v>
      </c>
      <c r="KJ16" s="345">
        <v>14533439</v>
      </c>
      <c r="KK16" s="345">
        <v>12856884</v>
      </c>
      <c r="KL16" s="349">
        <v>71762624</v>
      </c>
      <c r="KM16" s="354">
        <v>73859797</v>
      </c>
      <c r="KN16" s="342">
        <v>0</v>
      </c>
      <c r="KO16" s="343">
        <v>521559</v>
      </c>
      <c r="KP16" s="344">
        <v>521559</v>
      </c>
      <c r="KQ16" s="413">
        <v>0</v>
      </c>
      <c r="KR16" s="345">
        <v>30689444</v>
      </c>
      <c r="KS16" s="345">
        <v>30876991</v>
      </c>
      <c r="KT16" s="345">
        <v>38490277</v>
      </c>
      <c r="KU16" s="345">
        <v>27613040</v>
      </c>
      <c r="KV16" s="345">
        <v>23625954</v>
      </c>
      <c r="KW16" s="349">
        <v>151295706</v>
      </c>
      <c r="KX16" s="347">
        <v>151817265</v>
      </c>
      <c r="KY16" s="348">
        <v>0</v>
      </c>
      <c r="KZ16" s="345">
        <v>0</v>
      </c>
      <c r="LA16" s="349">
        <v>0</v>
      </c>
      <c r="LB16" s="413">
        <v>0</v>
      </c>
      <c r="LC16" s="345">
        <v>5371290</v>
      </c>
      <c r="LD16" s="345">
        <v>4466512</v>
      </c>
      <c r="LE16" s="345">
        <v>6978131</v>
      </c>
      <c r="LF16" s="345">
        <v>7770367</v>
      </c>
      <c r="LG16" s="345">
        <v>7532597</v>
      </c>
      <c r="LH16" s="349">
        <v>32118897</v>
      </c>
      <c r="LI16" s="350">
        <v>32118897</v>
      </c>
      <c r="LJ16" s="348">
        <v>0</v>
      </c>
      <c r="LK16" s="345">
        <v>0</v>
      </c>
      <c r="LL16" s="349">
        <v>0</v>
      </c>
      <c r="LM16" s="413">
        <v>0</v>
      </c>
      <c r="LN16" s="345">
        <v>0</v>
      </c>
      <c r="LO16" s="345">
        <v>221778</v>
      </c>
      <c r="LP16" s="345">
        <v>824008</v>
      </c>
      <c r="LQ16" s="345">
        <v>5881739</v>
      </c>
      <c r="LR16" s="345">
        <v>5182760</v>
      </c>
      <c r="LS16" s="349">
        <v>12110285</v>
      </c>
      <c r="LT16" s="347">
        <v>12110285</v>
      </c>
      <c r="LU16" s="348">
        <v>0</v>
      </c>
      <c r="LV16" s="345">
        <v>0</v>
      </c>
      <c r="LW16" s="349">
        <v>0</v>
      </c>
      <c r="LX16" s="413">
        <v>0</v>
      </c>
      <c r="LY16" s="345">
        <v>4667452</v>
      </c>
      <c r="LZ16" s="345">
        <v>7236189</v>
      </c>
      <c r="MA16" s="345">
        <v>8645141</v>
      </c>
      <c r="MB16" s="345">
        <v>16378814</v>
      </c>
      <c r="MC16" s="345">
        <v>10440014</v>
      </c>
      <c r="MD16" s="349">
        <v>47367610</v>
      </c>
      <c r="ME16" s="350">
        <v>47367610</v>
      </c>
      <c r="MF16" s="348">
        <v>0</v>
      </c>
      <c r="MG16" s="345">
        <v>0</v>
      </c>
      <c r="MH16" s="349">
        <v>0</v>
      </c>
      <c r="MI16" s="413">
        <v>0</v>
      </c>
      <c r="MJ16" s="345">
        <v>26716806</v>
      </c>
      <c r="MK16" s="345">
        <v>44395584</v>
      </c>
      <c r="ML16" s="345">
        <v>133146231</v>
      </c>
      <c r="MM16" s="345">
        <v>251106074</v>
      </c>
      <c r="MN16" s="345">
        <v>181950645</v>
      </c>
      <c r="MO16" s="349">
        <v>637315340</v>
      </c>
      <c r="MP16" s="354">
        <v>637315340</v>
      </c>
      <c r="MQ16" s="348">
        <v>0</v>
      </c>
      <c r="MR16" s="345">
        <v>0</v>
      </c>
      <c r="MS16" s="349">
        <v>0</v>
      </c>
      <c r="MT16" s="413">
        <v>0</v>
      </c>
      <c r="MU16" s="345">
        <v>3562050</v>
      </c>
      <c r="MV16" s="345">
        <v>12833257</v>
      </c>
      <c r="MW16" s="345">
        <v>86978490</v>
      </c>
      <c r="MX16" s="345">
        <v>183906270</v>
      </c>
      <c r="MY16" s="345">
        <v>137297224</v>
      </c>
      <c r="MZ16" s="349">
        <v>424577291</v>
      </c>
      <c r="NA16" s="354">
        <v>424577291</v>
      </c>
      <c r="NB16" s="348">
        <v>0</v>
      </c>
      <c r="NC16" s="345">
        <v>0</v>
      </c>
      <c r="ND16" s="349">
        <v>0</v>
      </c>
      <c r="NE16" s="413">
        <v>0</v>
      </c>
      <c r="NF16" s="345">
        <v>23154756</v>
      </c>
      <c r="NG16" s="345">
        <v>31538534</v>
      </c>
      <c r="NH16" s="345">
        <v>45488838</v>
      </c>
      <c r="NI16" s="345">
        <v>65224615</v>
      </c>
      <c r="NJ16" s="345">
        <v>34156722</v>
      </c>
      <c r="NK16" s="349">
        <v>199563465</v>
      </c>
      <c r="NL16" s="347">
        <v>199563465</v>
      </c>
      <c r="NM16" s="348">
        <v>0</v>
      </c>
      <c r="NN16" s="345">
        <v>0</v>
      </c>
      <c r="NO16" s="349">
        <v>0</v>
      </c>
      <c r="NP16" s="413">
        <v>0</v>
      </c>
      <c r="NQ16" s="345">
        <v>0</v>
      </c>
      <c r="NR16" s="345">
        <v>0</v>
      </c>
      <c r="NS16" s="345">
        <v>0</v>
      </c>
      <c r="NT16" s="345">
        <v>0</v>
      </c>
      <c r="NU16" s="345">
        <v>0</v>
      </c>
      <c r="NV16" s="349">
        <v>0</v>
      </c>
      <c r="NW16" s="350">
        <v>0</v>
      </c>
      <c r="NX16" s="348">
        <v>0</v>
      </c>
      <c r="NY16" s="345">
        <v>0</v>
      </c>
      <c r="NZ16" s="349">
        <v>0</v>
      </c>
      <c r="OA16" s="413">
        <v>0</v>
      </c>
      <c r="OB16" s="345">
        <v>0</v>
      </c>
      <c r="OC16" s="345">
        <v>23793</v>
      </c>
      <c r="OD16" s="345">
        <v>678903</v>
      </c>
      <c r="OE16" s="345">
        <v>1975189</v>
      </c>
      <c r="OF16" s="345">
        <v>10496699</v>
      </c>
      <c r="OG16" s="349">
        <v>13174584</v>
      </c>
      <c r="OH16" s="350">
        <v>13174584</v>
      </c>
      <c r="OI16" s="348">
        <v>27821521</v>
      </c>
      <c r="OJ16" s="345">
        <v>45143523</v>
      </c>
      <c r="OK16" s="346">
        <v>72965044</v>
      </c>
      <c r="OL16" s="351">
        <v>0</v>
      </c>
      <c r="OM16" s="345">
        <v>486739654</v>
      </c>
      <c r="ON16" s="345">
        <v>431824192</v>
      </c>
      <c r="OO16" s="345">
        <v>498634662</v>
      </c>
      <c r="OP16" s="345">
        <v>611635366</v>
      </c>
      <c r="OQ16" s="345">
        <v>470773096</v>
      </c>
      <c r="OR16" s="349">
        <v>2499606970</v>
      </c>
      <c r="OS16" s="354">
        <v>2572572014</v>
      </c>
    </row>
    <row r="17" spans="2:409" s="70" customFormat="1" ht="21" customHeight="1" x14ac:dyDescent="0.2">
      <c r="B17" s="410" t="s">
        <v>11</v>
      </c>
      <c r="C17" s="326">
        <v>12104843</v>
      </c>
      <c r="D17" s="327">
        <v>17630104</v>
      </c>
      <c r="E17" s="365">
        <v>29734947</v>
      </c>
      <c r="F17" s="332">
        <v>0</v>
      </c>
      <c r="G17" s="327">
        <v>167395382</v>
      </c>
      <c r="H17" s="327">
        <v>150624823</v>
      </c>
      <c r="I17" s="327">
        <v>142558030</v>
      </c>
      <c r="J17" s="327">
        <v>147737277</v>
      </c>
      <c r="K17" s="327">
        <v>103008828</v>
      </c>
      <c r="L17" s="329">
        <v>711324340</v>
      </c>
      <c r="M17" s="330">
        <v>741059287</v>
      </c>
      <c r="N17" s="326">
        <v>1642210</v>
      </c>
      <c r="O17" s="327">
        <v>3358365</v>
      </c>
      <c r="P17" s="328">
        <v>5000575</v>
      </c>
      <c r="Q17" s="326">
        <v>0</v>
      </c>
      <c r="R17" s="327">
        <v>41322329</v>
      </c>
      <c r="S17" s="327">
        <v>41617913</v>
      </c>
      <c r="T17" s="327">
        <v>46756251</v>
      </c>
      <c r="U17" s="327">
        <v>50031315</v>
      </c>
      <c r="V17" s="327">
        <v>52724267</v>
      </c>
      <c r="W17" s="328">
        <v>232452075</v>
      </c>
      <c r="X17" s="330">
        <v>237452650</v>
      </c>
      <c r="Y17" s="326">
        <v>0</v>
      </c>
      <c r="Z17" s="327">
        <v>0</v>
      </c>
      <c r="AA17" s="328">
        <v>0</v>
      </c>
      <c r="AB17" s="326">
        <v>0</v>
      </c>
      <c r="AC17" s="327">
        <v>20105923</v>
      </c>
      <c r="AD17" s="327">
        <v>22924645</v>
      </c>
      <c r="AE17" s="327">
        <v>28464554</v>
      </c>
      <c r="AF17" s="327">
        <v>28857374</v>
      </c>
      <c r="AG17" s="327">
        <v>33487733</v>
      </c>
      <c r="AH17" s="328">
        <v>133840229</v>
      </c>
      <c r="AI17" s="330">
        <v>133840229</v>
      </c>
      <c r="AJ17" s="326">
        <v>0</v>
      </c>
      <c r="AK17" s="327">
        <v>0</v>
      </c>
      <c r="AL17" s="328">
        <v>0</v>
      </c>
      <c r="AM17" s="326">
        <v>0</v>
      </c>
      <c r="AN17" s="327">
        <v>118814</v>
      </c>
      <c r="AO17" s="327">
        <v>572492</v>
      </c>
      <c r="AP17" s="327">
        <v>1476531</v>
      </c>
      <c r="AQ17" s="327">
        <v>3606886</v>
      </c>
      <c r="AR17" s="327">
        <v>5311592</v>
      </c>
      <c r="AS17" s="328">
        <v>11086315</v>
      </c>
      <c r="AT17" s="330">
        <v>11086315</v>
      </c>
      <c r="AU17" s="326">
        <v>1042696</v>
      </c>
      <c r="AV17" s="327">
        <v>2585178</v>
      </c>
      <c r="AW17" s="328">
        <v>3627874</v>
      </c>
      <c r="AX17" s="326">
        <v>0</v>
      </c>
      <c r="AY17" s="327">
        <v>14144489</v>
      </c>
      <c r="AZ17" s="327">
        <v>10511073</v>
      </c>
      <c r="BA17" s="327">
        <v>9874097</v>
      </c>
      <c r="BB17" s="327">
        <v>10294169</v>
      </c>
      <c r="BC17" s="327">
        <v>9186424</v>
      </c>
      <c r="BD17" s="328">
        <v>54010252</v>
      </c>
      <c r="BE17" s="330">
        <v>57638126</v>
      </c>
      <c r="BF17" s="326">
        <v>84389</v>
      </c>
      <c r="BG17" s="327">
        <v>256794</v>
      </c>
      <c r="BH17" s="331">
        <v>341183</v>
      </c>
      <c r="BI17" s="332">
        <v>0</v>
      </c>
      <c r="BJ17" s="327">
        <v>1147271</v>
      </c>
      <c r="BK17" s="327">
        <v>661195</v>
      </c>
      <c r="BL17" s="327">
        <v>853035</v>
      </c>
      <c r="BM17" s="327">
        <v>813234</v>
      </c>
      <c r="BN17" s="327">
        <v>321643</v>
      </c>
      <c r="BO17" s="328">
        <v>3796378</v>
      </c>
      <c r="BP17" s="330">
        <v>4137561</v>
      </c>
      <c r="BQ17" s="326">
        <v>515125</v>
      </c>
      <c r="BR17" s="327">
        <v>516393</v>
      </c>
      <c r="BS17" s="328">
        <v>1031518</v>
      </c>
      <c r="BT17" s="326">
        <v>0</v>
      </c>
      <c r="BU17" s="327">
        <v>5805832</v>
      </c>
      <c r="BV17" s="327">
        <v>6948508</v>
      </c>
      <c r="BW17" s="327">
        <v>6088034</v>
      </c>
      <c r="BX17" s="327">
        <v>6459652</v>
      </c>
      <c r="BY17" s="327">
        <v>4416875</v>
      </c>
      <c r="BZ17" s="328">
        <v>29718901</v>
      </c>
      <c r="CA17" s="330">
        <v>30750419</v>
      </c>
      <c r="CB17" s="326">
        <v>2717175</v>
      </c>
      <c r="CC17" s="327">
        <v>3566533</v>
      </c>
      <c r="CD17" s="328">
        <v>6283708</v>
      </c>
      <c r="CE17" s="326">
        <v>0</v>
      </c>
      <c r="CF17" s="327">
        <v>53412569</v>
      </c>
      <c r="CG17" s="327">
        <v>43422153</v>
      </c>
      <c r="CH17" s="327">
        <v>34929266</v>
      </c>
      <c r="CI17" s="327">
        <v>26492223</v>
      </c>
      <c r="CJ17" s="327">
        <v>11221580</v>
      </c>
      <c r="CK17" s="328">
        <v>169477791</v>
      </c>
      <c r="CL17" s="330">
        <v>175761499</v>
      </c>
      <c r="CM17" s="326">
        <v>0</v>
      </c>
      <c r="CN17" s="327">
        <v>0</v>
      </c>
      <c r="CO17" s="328">
        <v>0</v>
      </c>
      <c r="CP17" s="332">
        <v>0</v>
      </c>
      <c r="CQ17" s="327">
        <v>42127414</v>
      </c>
      <c r="CR17" s="327">
        <v>34326142</v>
      </c>
      <c r="CS17" s="327">
        <v>29201341</v>
      </c>
      <c r="CT17" s="327">
        <v>20322678</v>
      </c>
      <c r="CU17" s="327">
        <v>8800997</v>
      </c>
      <c r="CV17" s="328">
        <v>134778572</v>
      </c>
      <c r="CW17" s="330">
        <v>134778572</v>
      </c>
      <c r="CX17" s="326">
        <v>2717175</v>
      </c>
      <c r="CY17" s="327">
        <v>3566533</v>
      </c>
      <c r="CZ17" s="328">
        <v>6283708</v>
      </c>
      <c r="DA17" s="326">
        <v>0</v>
      </c>
      <c r="DB17" s="327">
        <v>11285155</v>
      </c>
      <c r="DC17" s="327">
        <v>9096011</v>
      </c>
      <c r="DD17" s="327">
        <v>5727925</v>
      </c>
      <c r="DE17" s="327">
        <v>6169545</v>
      </c>
      <c r="DF17" s="327">
        <v>2420583</v>
      </c>
      <c r="DG17" s="328">
        <v>34699219</v>
      </c>
      <c r="DH17" s="330">
        <v>40982927</v>
      </c>
      <c r="DI17" s="326">
        <v>151430</v>
      </c>
      <c r="DJ17" s="327">
        <v>693069</v>
      </c>
      <c r="DK17" s="331">
        <v>844499</v>
      </c>
      <c r="DL17" s="332">
        <v>0</v>
      </c>
      <c r="DM17" s="327">
        <v>4447435</v>
      </c>
      <c r="DN17" s="327">
        <v>6694100</v>
      </c>
      <c r="DO17" s="327">
        <v>11815477</v>
      </c>
      <c r="DP17" s="327">
        <v>11890107</v>
      </c>
      <c r="DQ17" s="327">
        <v>5134405</v>
      </c>
      <c r="DR17" s="328">
        <v>39981524</v>
      </c>
      <c r="DS17" s="330">
        <v>40826023</v>
      </c>
      <c r="DT17" s="326">
        <v>151430</v>
      </c>
      <c r="DU17" s="327">
        <v>598258</v>
      </c>
      <c r="DV17" s="328">
        <v>749688</v>
      </c>
      <c r="DW17" s="326">
        <v>0</v>
      </c>
      <c r="DX17" s="327">
        <v>4144639</v>
      </c>
      <c r="DY17" s="327">
        <v>6553553</v>
      </c>
      <c r="DZ17" s="327">
        <v>11365266</v>
      </c>
      <c r="EA17" s="327">
        <v>10984463</v>
      </c>
      <c r="EB17" s="327">
        <v>4316076</v>
      </c>
      <c r="EC17" s="328">
        <v>37363997</v>
      </c>
      <c r="ED17" s="330">
        <v>38113685</v>
      </c>
      <c r="EE17" s="326">
        <v>0</v>
      </c>
      <c r="EF17" s="331">
        <v>94811</v>
      </c>
      <c r="EG17" s="328">
        <v>94811</v>
      </c>
      <c r="EH17" s="326">
        <v>0</v>
      </c>
      <c r="EI17" s="327">
        <v>302796</v>
      </c>
      <c r="EJ17" s="327">
        <v>140547</v>
      </c>
      <c r="EK17" s="327">
        <v>450211</v>
      </c>
      <c r="EL17" s="327">
        <v>905644</v>
      </c>
      <c r="EM17" s="327">
        <v>818329</v>
      </c>
      <c r="EN17" s="331">
        <v>2617527</v>
      </c>
      <c r="EO17" s="330">
        <v>2712338</v>
      </c>
      <c r="EP17" s="326">
        <v>0</v>
      </c>
      <c r="EQ17" s="327">
        <v>0</v>
      </c>
      <c r="ER17" s="331">
        <v>0</v>
      </c>
      <c r="ES17" s="332">
        <v>0</v>
      </c>
      <c r="ET17" s="327">
        <v>0</v>
      </c>
      <c r="EU17" s="327">
        <v>0</v>
      </c>
      <c r="EV17" s="327">
        <v>0</v>
      </c>
      <c r="EW17" s="327">
        <v>0</v>
      </c>
      <c r="EX17" s="327">
        <v>0</v>
      </c>
      <c r="EY17" s="328">
        <v>0</v>
      </c>
      <c r="EZ17" s="330">
        <v>0</v>
      </c>
      <c r="FA17" s="326">
        <v>0</v>
      </c>
      <c r="FB17" s="327">
        <v>0</v>
      </c>
      <c r="FC17" s="331">
        <v>0</v>
      </c>
      <c r="FD17" s="332">
        <v>0</v>
      </c>
      <c r="FE17" s="327">
        <v>0</v>
      </c>
      <c r="FF17" s="327">
        <v>0</v>
      </c>
      <c r="FG17" s="327">
        <v>0</v>
      </c>
      <c r="FH17" s="327">
        <v>0</v>
      </c>
      <c r="FI17" s="327">
        <v>0</v>
      </c>
      <c r="FJ17" s="328">
        <v>0</v>
      </c>
      <c r="FK17" s="330">
        <v>0</v>
      </c>
      <c r="FL17" s="326">
        <v>2817975</v>
      </c>
      <c r="FM17" s="327">
        <v>4349985</v>
      </c>
      <c r="FN17" s="328">
        <v>7167960</v>
      </c>
      <c r="FO17" s="326">
        <v>0</v>
      </c>
      <c r="FP17" s="327">
        <v>8654110</v>
      </c>
      <c r="FQ17" s="327">
        <v>12099469</v>
      </c>
      <c r="FR17" s="327">
        <v>10906953</v>
      </c>
      <c r="FS17" s="327">
        <v>9965938</v>
      </c>
      <c r="FT17" s="327">
        <v>6841793</v>
      </c>
      <c r="FU17" s="328">
        <v>48468263</v>
      </c>
      <c r="FV17" s="330">
        <v>55636223</v>
      </c>
      <c r="FW17" s="333">
        <v>2090164</v>
      </c>
      <c r="FX17" s="327">
        <v>3277770</v>
      </c>
      <c r="FY17" s="331">
        <v>5367934</v>
      </c>
      <c r="FZ17" s="332">
        <v>0</v>
      </c>
      <c r="GA17" s="327">
        <v>6876975</v>
      </c>
      <c r="GB17" s="327">
        <v>11362274</v>
      </c>
      <c r="GC17" s="327">
        <v>10118513</v>
      </c>
      <c r="GD17" s="327">
        <v>9424173</v>
      </c>
      <c r="GE17" s="327">
        <v>6683987</v>
      </c>
      <c r="GF17" s="328">
        <v>44465922</v>
      </c>
      <c r="GG17" s="334">
        <v>49833856</v>
      </c>
      <c r="GH17" s="333">
        <v>105821</v>
      </c>
      <c r="GI17" s="327">
        <v>314424</v>
      </c>
      <c r="GJ17" s="331">
        <v>420245</v>
      </c>
      <c r="GK17" s="332">
        <v>0</v>
      </c>
      <c r="GL17" s="327">
        <v>589914</v>
      </c>
      <c r="GM17" s="327">
        <v>453305</v>
      </c>
      <c r="GN17" s="327">
        <v>402250</v>
      </c>
      <c r="GO17" s="327">
        <v>156700</v>
      </c>
      <c r="GP17" s="327">
        <v>53856</v>
      </c>
      <c r="GQ17" s="328">
        <v>1656025</v>
      </c>
      <c r="GR17" s="330">
        <v>2076270</v>
      </c>
      <c r="GS17" s="326">
        <v>621990</v>
      </c>
      <c r="GT17" s="327">
        <v>757791</v>
      </c>
      <c r="GU17" s="328">
        <v>1379781</v>
      </c>
      <c r="GV17" s="326">
        <v>0</v>
      </c>
      <c r="GW17" s="327">
        <v>1187221</v>
      </c>
      <c r="GX17" s="327">
        <v>283890</v>
      </c>
      <c r="GY17" s="327">
        <v>386190</v>
      </c>
      <c r="GZ17" s="327">
        <v>385065</v>
      </c>
      <c r="HA17" s="327">
        <v>103950</v>
      </c>
      <c r="HB17" s="331">
        <v>2346316</v>
      </c>
      <c r="HC17" s="330">
        <v>3726097</v>
      </c>
      <c r="HD17" s="326">
        <v>2305199</v>
      </c>
      <c r="HE17" s="327">
        <v>2657319</v>
      </c>
      <c r="HF17" s="331">
        <v>4962518</v>
      </c>
      <c r="HG17" s="332">
        <v>0</v>
      </c>
      <c r="HH17" s="327">
        <v>31836829</v>
      </c>
      <c r="HI17" s="327">
        <v>29395492</v>
      </c>
      <c r="HJ17" s="327">
        <v>24029990</v>
      </c>
      <c r="HK17" s="327">
        <v>39109353</v>
      </c>
      <c r="HL17" s="327">
        <v>21078571</v>
      </c>
      <c r="HM17" s="328">
        <v>145450235</v>
      </c>
      <c r="HN17" s="329">
        <v>150412753</v>
      </c>
      <c r="HO17" s="333">
        <v>2470854</v>
      </c>
      <c r="HP17" s="327">
        <v>3004833</v>
      </c>
      <c r="HQ17" s="328">
        <v>5475687</v>
      </c>
      <c r="HR17" s="326">
        <v>0</v>
      </c>
      <c r="HS17" s="327">
        <v>27722110</v>
      </c>
      <c r="HT17" s="327">
        <v>17395696</v>
      </c>
      <c r="HU17" s="327">
        <v>14120093</v>
      </c>
      <c r="HV17" s="327">
        <v>10248341</v>
      </c>
      <c r="HW17" s="327">
        <v>6008212</v>
      </c>
      <c r="HX17" s="331">
        <v>75494452</v>
      </c>
      <c r="HY17" s="330">
        <v>80970139</v>
      </c>
      <c r="HZ17" s="335">
        <v>166607</v>
      </c>
      <c r="IA17" s="336">
        <v>1077688</v>
      </c>
      <c r="IB17" s="337">
        <v>1244295</v>
      </c>
      <c r="IC17" s="338">
        <v>0</v>
      </c>
      <c r="ID17" s="336">
        <v>53600598</v>
      </c>
      <c r="IE17" s="339">
        <v>54010114</v>
      </c>
      <c r="IF17" s="337">
        <v>57720710</v>
      </c>
      <c r="IG17" s="336">
        <v>41483258</v>
      </c>
      <c r="IH17" s="337">
        <v>19497925</v>
      </c>
      <c r="II17" s="340">
        <v>226312605</v>
      </c>
      <c r="IJ17" s="341">
        <v>227556900</v>
      </c>
      <c r="IK17" s="342">
        <v>0</v>
      </c>
      <c r="IL17" s="343">
        <v>0</v>
      </c>
      <c r="IM17" s="344">
        <v>0</v>
      </c>
      <c r="IN17" s="404">
        <v>0</v>
      </c>
      <c r="IO17" s="345">
        <v>717151</v>
      </c>
      <c r="IP17" s="345">
        <v>706811</v>
      </c>
      <c r="IQ17" s="345">
        <v>139077</v>
      </c>
      <c r="IR17" s="345">
        <v>1186584</v>
      </c>
      <c r="IS17" s="345">
        <v>1215441</v>
      </c>
      <c r="IT17" s="346">
        <v>3965064</v>
      </c>
      <c r="IU17" s="347">
        <v>3965064</v>
      </c>
      <c r="IV17" s="348">
        <v>0</v>
      </c>
      <c r="IW17" s="345">
        <v>0</v>
      </c>
      <c r="IX17" s="349">
        <v>0</v>
      </c>
      <c r="IY17" s="413">
        <v>0</v>
      </c>
      <c r="IZ17" s="345">
        <v>248441</v>
      </c>
      <c r="JA17" s="345">
        <v>196861</v>
      </c>
      <c r="JB17" s="345">
        <v>181854</v>
      </c>
      <c r="JC17" s="345">
        <v>444885</v>
      </c>
      <c r="JD17" s="345">
        <v>241022</v>
      </c>
      <c r="JE17" s="349">
        <v>1313063</v>
      </c>
      <c r="JF17" s="350">
        <v>1313063</v>
      </c>
      <c r="JG17" s="348">
        <v>0</v>
      </c>
      <c r="JH17" s="345">
        <v>0</v>
      </c>
      <c r="JI17" s="346">
        <v>0</v>
      </c>
      <c r="JJ17" s="351">
        <v>0</v>
      </c>
      <c r="JK17" s="345">
        <v>28103478</v>
      </c>
      <c r="JL17" s="345">
        <v>21015606</v>
      </c>
      <c r="JM17" s="345">
        <v>17379184</v>
      </c>
      <c r="JN17" s="345">
        <v>9776770</v>
      </c>
      <c r="JO17" s="345">
        <v>4655234</v>
      </c>
      <c r="JP17" s="349">
        <v>80930272</v>
      </c>
      <c r="JQ17" s="347">
        <v>80930272</v>
      </c>
      <c r="JR17" s="348">
        <v>0</v>
      </c>
      <c r="JS17" s="345">
        <v>0</v>
      </c>
      <c r="JT17" s="346">
        <v>0</v>
      </c>
      <c r="JU17" s="351">
        <v>0</v>
      </c>
      <c r="JV17" s="345">
        <v>2052792</v>
      </c>
      <c r="JW17" s="345">
        <v>1520035</v>
      </c>
      <c r="JX17" s="345">
        <v>1766134</v>
      </c>
      <c r="JY17" s="345">
        <v>996018</v>
      </c>
      <c r="JZ17" s="345">
        <v>173358</v>
      </c>
      <c r="KA17" s="349">
        <v>6508337</v>
      </c>
      <c r="KB17" s="347">
        <v>6508337</v>
      </c>
      <c r="KC17" s="352">
        <v>166607</v>
      </c>
      <c r="KD17" s="353">
        <v>553910</v>
      </c>
      <c r="KE17" s="349">
        <v>720517</v>
      </c>
      <c r="KF17" s="351">
        <v>0</v>
      </c>
      <c r="KG17" s="345">
        <v>5332642</v>
      </c>
      <c r="KH17" s="345">
        <v>7574214</v>
      </c>
      <c r="KI17" s="345">
        <v>10541728</v>
      </c>
      <c r="KJ17" s="345">
        <v>7464577</v>
      </c>
      <c r="KK17" s="345">
        <v>3941601</v>
      </c>
      <c r="KL17" s="349">
        <v>34854762</v>
      </c>
      <c r="KM17" s="354">
        <v>35575279</v>
      </c>
      <c r="KN17" s="342">
        <v>0</v>
      </c>
      <c r="KO17" s="343">
        <v>523778</v>
      </c>
      <c r="KP17" s="344">
        <v>523778</v>
      </c>
      <c r="KQ17" s="413">
        <v>0</v>
      </c>
      <c r="KR17" s="345">
        <v>15585040</v>
      </c>
      <c r="KS17" s="345">
        <v>21024695</v>
      </c>
      <c r="KT17" s="345">
        <v>25672068</v>
      </c>
      <c r="KU17" s="345">
        <v>18707916</v>
      </c>
      <c r="KV17" s="345">
        <v>7063450</v>
      </c>
      <c r="KW17" s="349">
        <v>88053169</v>
      </c>
      <c r="KX17" s="347">
        <v>88576947</v>
      </c>
      <c r="KY17" s="348">
        <v>0</v>
      </c>
      <c r="KZ17" s="345">
        <v>0</v>
      </c>
      <c r="LA17" s="349">
        <v>0</v>
      </c>
      <c r="LB17" s="413">
        <v>0</v>
      </c>
      <c r="LC17" s="345">
        <v>0</v>
      </c>
      <c r="LD17" s="345">
        <v>0</v>
      </c>
      <c r="LE17" s="345">
        <v>0</v>
      </c>
      <c r="LF17" s="345">
        <v>0</v>
      </c>
      <c r="LG17" s="345">
        <v>0</v>
      </c>
      <c r="LH17" s="349">
        <v>0</v>
      </c>
      <c r="LI17" s="350">
        <v>0</v>
      </c>
      <c r="LJ17" s="348">
        <v>0</v>
      </c>
      <c r="LK17" s="345">
        <v>0</v>
      </c>
      <c r="LL17" s="349">
        <v>0</v>
      </c>
      <c r="LM17" s="413">
        <v>0</v>
      </c>
      <c r="LN17" s="345">
        <v>0</v>
      </c>
      <c r="LO17" s="345">
        <v>519867</v>
      </c>
      <c r="LP17" s="345">
        <v>0</v>
      </c>
      <c r="LQ17" s="345">
        <v>612486</v>
      </c>
      <c r="LR17" s="345">
        <v>0</v>
      </c>
      <c r="LS17" s="349">
        <v>1132353</v>
      </c>
      <c r="LT17" s="347">
        <v>1132353</v>
      </c>
      <c r="LU17" s="348">
        <v>0</v>
      </c>
      <c r="LV17" s="345">
        <v>0</v>
      </c>
      <c r="LW17" s="349">
        <v>0</v>
      </c>
      <c r="LX17" s="413">
        <v>0</v>
      </c>
      <c r="LY17" s="345">
        <v>1561054</v>
      </c>
      <c r="LZ17" s="345">
        <v>1452025</v>
      </c>
      <c r="MA17" s="345">
        <v>2040665</v>
      </c>
      <c r="MB17" s="345">
        <v>2294022</v>
      </c>
      <c r="MC17" s="345">
        <v>2207819</v>
      </c>
      <c r="MD17" s="349">
        <v>9555585</v>
      </c>
      <c r="ME17" s="350">
        <v>9555585</v>
      </c>
      <c r="MF17" s="348">
        <v>0</v>
      </c>
      <c r="MG17" s="345">
        <v>0</v>
      </c>
      <c r="MH17" s="349">
        <v>0</v>
      </c>
      <c r="MI17" s="413">
        <v>0</v>
      </c>
      <c r="MJ17" s="345">
        <v>14315071</v>
      </c>
      <c r="MK17" s="345">
        <v>29384539</v>
      </c>
      <c r="ML17" s="345">
        <v>94482143</v>
      </c>
      <c r="MM17" s="345">
        <v>166752965</v>
      </c>
      <c r="MN17" s="345">
        <v>108201242</v>
      </c>
      <c r="MO17" s="349">
        <v>413135960</v>
      </c>
      <c r="MP17" s="354">
        <v>413135960</v>
      </c>
      <c r="MQ17" s="348">
        <v>0</v>
      </c>
      <c r="MR17" s="345">
        <v>0</v>
      </c>
      <c r="MS17" s="349">
        <v>0</v>
      </c>
      <c r="MT17" s="413">
        <v>0</v>
      </c>
      <c r="MU17" s="345">
        <v>667549</v>
      </c>
      <c r="MV17" s="345">
        <v>1222842</v>
      </c>
      <c r="MW17" s="345">
        <v>52619476</v>
      </c>
      <c r="MX17" s="345">
        <v>111539489</v>
      </c>
      <c r="MY17" s="345">
        <v>66344012</v>
      </c>
      <c r="MZ17" s="349">
        <v>232393368</v>
      </c>
      <c r="NA17" s="354">
        <v>232393368</v>
      </c>
      <c r="NB17" s="348">
        <v>0</v>
      </c>
      <c r="NC17" s="345">
        <v>0</v>
      </c>
      <c r="ND17" s="349">
        <v>0</v>
      </c>
      <c r="NE17" s="413">
        <v>0</v>
      </c>
      <c r="NF17" s="345">
        <v>12532223</v>
      </c>
      <c r="NG17" s="345">
        <v>26517866</v>
      </c>
      <c r="NH17" s="345">
        <v>38235605</v>
      </c>
      <c r="NI17" s="345">
        <v>50479415</v>
      </c>
      <c r="NJ17" s="345">
        <v>26206615</v>
      </c>
      <c r="NK17" s="349">
        <v>153971724</v>
      </c>
      <c r="NL17" s="347">
        <v>153971724</v>
      </c>
      <c r="NM17" s="348">
        <v>0</v>
      </c>
      <c r="NN17" s="345">
        <v>0</v>
      </c>
      <c r="NO17" s="349">
        <v>0</v>
      </c>
      <c r="NP17" s="413">
        <v>0</v>
      </c>
      <c r="NQ17" s="345">
        <v>0</v>
      </c>
      <c r="NR17" s="345">
        <v>0</v>
      </c>
      <c r="NS17" s="345">
        <v>0</v>
      </c>
      <c r="NT17" s="345">
        <v>0</v>
      </c>
      <c r="NU17" s="345">
        <v>0</v>
      </c>
      <c r="NV17" s="349">
        <v>0</v>
      </c>
      <c r="NW17" s="350">
        <v>0</v>
      </c>
      <c r="NX17" s="348">
        <v>0</v>
      </c>
      <c r="NY17" s="345">
        <v>0</v>
      </c>
      <c r="NZ17" s="349">
        <v>0</v>
      </c>
      <c r="OA17" s="413">
        <v>0</v>
      </c>
      <c r="OB17" s="345">
        <v>1115299</v>
      </c>
      <c r="OC17" s="345">
        <v>1643831</v>
      </c>
      <c r="OD17" s="345">
        <v>3627062</v>
      </c>
      <c r="OE17" s="345">
        <v>4734061</v>
      </c>
      <c r="OF17" s="345">
        <v>15650615</v>
      </c>
      <c r="OG17" s="349">
        <v>26770868</v>
      </c>
      <c r="OH17" s="350">
        <v>26770868</v>
      </c>
      <c r="OI17" s="348">
        <v>12271450</v>
      </c>
      <c r="OJ17" s="345">
        <v>18707792</v>
      </c>
      <c r="OK17" s="346">
        <v>30979242</v>
      </c>
      <c r="OL17" s="351">
        <v>0</v>
      </c>
      <c r="OM17" s="345">
        <v>235311051</v>
      </c>
      <c r="ON17" s="345">
        <v>234019476</v>
      </c>
      <c r="OO17" s="345">
        <v>294760883</v>
      </c>
      <c r="OP17" s="345">
        <v>355973500</v>
      </c>
      <c r="OQ17" s="345">
        <v>230707995</v>
      </c>
      <c r="OR17" s="349">
        <v>1350772905</v>
      </c>
      <c r="OS17" s="354">
        <v>1381752147</v>
      </c>
    </row>
    <row r="18" spans="2:409" s="70" customFormat="1" ht="21" customHeight="1" x14ac:dyDescent="0.2">
      <c r="B18" s="410" t="s">
        <v>12</v>
      </c>
      <c r="C18" s="326">
        <v>15823535</v>
      </c>
      <c r="D18" s="327">
        <v>35369823</v>
      </c>
      <c r="E18" s="328">
        <v>51193358</v>
      </c>
      <c r="F18" s="329">
        <v>0</v>
      </c>
      <c r="G18" s="327">
        <v>145626591</v>
      </c>
      <c r="H18" s="366">
        <v>171909991</v>
      </c>
      <c r="I18" s="366">
        <v>153915024</v>
      </c>
      <c r="J18" s="366">
        <v>169522737</v>
      </c>
      <c r="K18" s="366">
        <v>114539685</v>
      </c>
      <c r="L18" s="331">
        <v>755514028</v>
      </c>
      <c r="M18" s="330">
        <v>806707386</v>
      </c>
      <c r="N18" s="326">
        <v>3985044</v>
      </c>
      <c r="O18" s="327">
        <v>11620922</v>
      </c>
      <c r="P18" s="328">
        <v>15605966</v>
      </c>
      <c r="Q18" s="326">
        <v>0</v>
      </c>
      <c r="R18" s="327">
        <v>40788142</v>
      </c>
      <c r="S18" s="327">
        <v>55341315</v>
      </c>
      <c r="T18" s="327">
        <v>50976844</v>
      </c>
      <c r="U18" s="327">
        <v>68845928</v>
      </c>
      <c r="V18" s="327">
        <v>57975047</v>
      </c>
      <c r="W18" s="328">
        <v>273927276</v>
      </c>
      <c r="X18" s="330">
        <v>289533242</v>
      </c>
      <c r="Y18" s="326">
        <v>0</v>
      </c>
      <c r="Z18" s="327">
        <v>0</v>
      </c>
      <c r="AA18" s="328">
        <v>0</v>
      </c>
      <c r="AB18" s="326">
        <v>0</v>
      </c>
      <c r="AC18" s="327">
        <v>22901651</v>
      </c>
      <c r="AD18" s="327">
        <v>29058599</v>
      </c>
      <c r="AE18" s="327">
        <v>32296048</v>
      </c>
      <c r="AF18" s="327">
        <v>45393226</v>
      </c>
      <c r="AG18" s="327">
        <v>37376922</v>
      </c>
      <c r="AH18" s="328">
        <v>167026446</v>
      </c>
      <c r="AI18" s="330">
        <v>167026446</v>
      </c>
      <c r="AJ18" s="326">
        <v>0</v>
      </c>
      <c r="AK18" s="327">
        <v>128316</v>
      </c>
      <c r="AL18" s="328">
        <v>128316</v>
      </c>
      <c r="AM18" s="326">
        <v>0</v>
      </c>
      <c r="AN18" s="327">
        <v>186724</v>
      </c>
      <c r="AO18" s="327">
        <v>1292467</v>
      </c>
      <c r="AP18" s="327">
        <v>945116</v>
      </c>
      <c r="AQ18" s="327">
        <v>4399444</v>
      </c>
      <c r="AR18" s="327">
        <v>5070834</v>
      </c>
      <c r="AS18" s="328">
        <v>11894585</v>
      </c>
      <c r="AT18" s="330">
        <v>12022901</v>
      </c>
      <c r="AU18" s="326">
        <v>2791929</v>
      </c>
      <c r="AV18" s="327">
        <v>9461808</v>
      </c>
      <c r="AW18" s="328">
        <v>12253737</v>
      </c>
      <c r="AX18" s="326">
        <v>0</v>
      </c>
      <c r="AY18" s="327">
        <v>12278109</v>
      </c>
      <c r="AZ18" s="327">
        <v>17832154</v>
      </c>
      <c r="BA18" s="327">
        <v>11368163</v>
      </c>
      <c r="BB18" s="327">
        <v>11239198</v>
      </c>
      <c r="BC18" s="327">
        <v>10006372</v>
      </c>
      <c r="BD18" s="328">
        <v>62723996</v>
      </c>
      <c r="BE18" s="330">
        <v>74977733</v>
      </c>
      <c r="BF18" s="326">
        <v>262910</v>
      </c>
      <c r="BG18" s="327">
        <v>763326</v>
      </c>
      <c r="BH18" s="331">
        <v>1026236</v>
      </c>
      <c r="BI18" s="332">
        <v>0</v>
      </c>
      <c r="BJ18" s="327">
        <v>597878</v>
      </c>
      <c r="BK18" s="327">
        <v>1624838</v>
      </c>
      <c r="BL18" s="327">
        <v>805759</v>
      </c>
      <c r="BM18" s="327">
        <v>826266</v>
      </c>
      <c r="BN18" s="327">
        <v>610872</v>
      </c>
      <c r="BO18" s="328">
        <v>4465613</v>
      </c>
      <c r="BP18" s="330">
        <v>5491849</v>
      </c>
      <c r="BQ18" s="326">
        <v>930205</v>
      </c>
      <c r="BR18" s="327">
        <v>1267472</v>
      </c>
      <c r="BS18" s="328">
        <v>2197677</v>
      </c>
      <c r="BT18" s="326">
        <v>0</v>
      </c>
      <c r="BU18" s="327">
        <v>4823780</v>
      </c>
      <c r="BV18" s="327">
        <v>5533257</v>
      </c>
      <c r="BW18" s="327">
        <v>5561758</v>
      </c>
      <c r="BX18" s="327">
        <v>6987794</v>
      </c>
      <c r="BY18" s="327">
        <v>4910047</v>
      </c>
      <c r="BZ18" s="328">
        <v>27816636</v>
      </c>
      <c r="CA18" s="330">
        <v>30014313</v>
      </c>
      <c r="CB18" s="326">
        <v>2509402</v>
      </c>
      <c r="CC18" s="327">
        <v>6094718</v>
      </c>
      <c r="CD18" s="328">
        <v>8604120</v>
      </c>
      <c r="CE18" s="326">
        <v>0</v>
      </c>
      <c r="CF18" s="327">
        <v>47740389</v>
      </c>
      <c r="CG18" s="327">
        <v>48619671</v>
      </c>
      <c r="CH18" s="327">
        <v>37425234</v>
      </c>
      <c r="CI18" s="327">
        <v>29838590</v>
      </c>
      <c r="CJ18" s="327">
        <v>15744455</v>
      </c>
      <c r="CK18" s="328">
        <v>179368339</v>
      </c>
      <c r="CL18" s="330">
        <v>187972459</v>
      </c>
      <c r="CM18" s="326">
        <v>0</v>
      </c>
      <c r="CN18" s="327">
        <v>0</v>
      </c>
      <c r="CO18" s="328">
        <v>0</v>
      </c>
      <c r="CP18" s="332">
        <v>0</v>
      </c>
      <c r="CQ18" s="327">
        <v>41018429</v>
      </c>
      <c r="CR18" s="327">
        <v>35967714</v>
      </c>
      <c r="CS18" s="327">
        <v>28117748</v>
      </c>
      <c r="CT18" s="327">
        <v>22982398</v>
      </c>
      <c r="CU18" s="327">
        <v>12735079</v>
      </c>
      <c r="CV18" s="328">
        <v>140821368</v>
      </c>
      <c r="CW18" s="330">
        <v>140821368</v>
      </c>
      <c r="CX18" s="326">
        <v>2509402</v>
      </c>
      <c r="CY18" s="327">
        <v>6094718</v>
      </c>
      <c r="CZ18" s="328">
        <v>8604120</v>
      </c>
      <c r="DA18" s="326">
        <v>0</v>
      </c>
      <c r="DB18" s="327">
        <v>6721960</v>
      </c>
      <c r="DC18" s="327">
        <v>12651957</v>
      </c>
      <c r="DD18" s="327">
        <v>9307486</v>
      </c>
      <c r="DE18" s="327">
        <v>6856192</v>
      </c>
      <c r="DF18" s="327">
        <v>3009376</v>
      </c>
      <c r="DG18" s="328">
        <v>38546971</v>
      </c>
      <c r="DH18" s="330">
        <v>47151091</v>
      </c>
      <c r="DI18" s="326">
        <v>100149</v>
      </c>
      <c r="DJ18" s="327">
        <v>601608</v>
      </c>
      <c r="DK18" s="331">
        <v>701757</v>
      </c>
      <c r="DL18" s="332">
        <v>0</v>
      </c>
      <c r="DM18" s="327">
        <v>5334668</v>
      </c>
      <c r="DN18" s="327">
        <v>9536874</v>
      </c>
      <c r="DO18" s="327">
        <v>12916060</v>
      </c>
      <c r="DP18" s="327">
        <v>12175617</v>
      </c>
      <c r="DQ18" s="327">
        <v>6883401</v>
      </c>
      <c r="DR18" s="328">
        <v>46846620</v>
      </c>
      <c r="DS18" s="330">
        <v>47548377</v>
      </c>
      <c r="DT18" s="326">
        <v>100149</v>
      </c>
      <c r="DU18" s="327">
        <v>601608</v>
      </c>
      <c r="DV18" s="328">
        <v>701757</v>
      </c>
      <c r="DW18" s="326">
        <v>0</v>
      </c>
      <c r="DX18" s="327">
        <v>4953310</v>
      </c>
      <c r="DY18" s="327">
        <v>9201136</v>
      </c>
      <c r="DZ18" s="327">
        <v>12615185</v>
      </c>
      <c r="EA18" s="327">
        <v>11863097</v>
      </c>
      <c r="EB18" s="327">
        <v>6827395</v>
      </c>
      <c r="EC18" s="328">
        <v>45460123</v>
      </c>
      <c r="ED18" s="330">
        <v>46161880</v>
      </c>
      <c r="EE18" s="326">
        <v>0</v>
      </c>
      <c r="EF18" s="331">
        <v>0</v>
      </c>
      <c r="EG18" s="328">
        <v>0</v>
      </c>
      <c r="EH18" s="326">
        <v>0</v>
      </c>
      <c r="EI18" s="327">
        <v>381358</v>
      </c>
      <c r="EJ18" s="327">
        <v>335738</v>
      </c>
      <c r="EK18" s="327">
        <v>300875</v>
      </c>
      <c r="EL18" s="327">
        <v>312520</v>
      </c>
      <c r="EM18" s="327">
        <v>56006</v>
      </c>
      <c r="EN18" s="331">
        <v>1386497</v>
      </c>
      <c r="EO18" s="330">
        <v>1386497</v>
      </c>
      <c r="EP18" s="326">
        <v>0</v>
      </c>
      <c r="EQ18" s="327">
        <v>0</v>
      </c>
      <c r="ER18" s="331">
        <v>0</v>
      </c>
      <c r="ES18" s="332">
        <v>0</v>
      </c>
      <c r="ET18" s="327">
        <v>0</v>
      </c>
      <c r="EU18" s="327">
        <v>0</v>
      </c>
      <c r="EV18" s="327">
        <v>0</v>
      </c>
      <c r="EW18" s="327">
        <v>0</v>
      </c>
      <c r="EX18" s="327">
        <v>0</v>
      </c>
      <c r="EY18" s="328">
        <v>0</v>
      </c>
      <c r="EZ18" s="330">
        <v>0</v>
      </c>
      <c r="FA18" s="326">
        <v>0</v>
      </c>
      <c r="FB18" s="327">
        <v>0</v>
      </c>
      <c r="FC18" s="331">
        <v>0</v>
      </c>
      <c r="FD18" s="332">
        <v>0</v>
      </c>
      <c r="FE18" s="327">
        <v>0</v>
      </c>
      <c r="FF18" s="327">
        <v>0</v>
      </c>
      <c r="FG18" s="327">
        <v>0</v>
      </c>
      <c r="FH18" s="327">
        <v>0</v>
      </c>
      <c r="FI18" s="327">
        <v>0</v>
      </c>
      <c r="FJ18" s="328">
        <v>0</v>
      </c>
      <c r="FK18" s="330">
        <v>0</v>
      </c>
      <c r="FL18" s="326">
        <v>3381992</v>
      </c>
      <c r="FM18" s="327">
        <v>7556864</v>
      </c>
      <c r="FN18" s="328">
        <v>10938856</v>
      </c>
      <c r="FO18" s="326">
        <v>0</v>
      </c>
      <c r="FP18" s="327">
        <v>5692413</v>
      </c>
      <c r="FQ18" s="327">
        <v>14690636</v>
      </c>
      <c r="FR18" s="327">
        <v>11958259</v>
      </c>
      <c r="FS18" s="327">
        <v>12040202</v>
      </c>
      <c r="FT18" s="327">
        <v>8023959</v>
      </c>
      <c r="FU18" s="328">
        <v>52405469</v>
      </c>
      <c r="FV18" s="330">
        <v>63344325</v>
      </c>
      <c r="FW18" s="333">
        <v>2207084</v>
      </c>
      <c r="FX18" s="327">
        <v>6008584</v>
      </c>
      <c r="FY18" s="331">
        <v>8215668</v>
      </c>
      <c r="FZ18" s="332">
        <v>0</v>
      </c>
      <c r="GA18" s="327">
        <v>4012234</v>
      </c>
      <c r="GB18" s="327">
        <v>13148658</v>
      </c>
      <c r="GC18" s="327">
        <v>10711311</v>
      </c>
      <c r="GD18" s="327">
        <v>11513361</v>
      </c>
      <c r="GE18" s="327">
        <v>7632723</v>
      </c>
      <c r="GF18" s="328">
        <v>47018287</v>
      </c>
      <c r="GG18" s="334">
        <v>55233955</v>
      </c>
      <c r="GH18" s="333">
        <v>315748</v>
      </c>
      <c r="GI18" s="327">
        <v>229630</v>
      </c>
      <c r="GJ18" s="331">
        <v>545378</v>
      </c>
      <c r="GK18" s="332">
        <v>0</v>
      </c>
      <c r="GL18" s="327">
        <v>167750</v>
      </c>
      <c r="GM18" s="327">
        <v>675651</v>
      </c>
      <c r="GN18" s="327">
        <v>473253</v>
      </c>
      <c r="GO18" s="327">
        <v>329787</v>
      </c>
      <c r="GP18" s="327">
        <v>146136</v>
      </c>
      <c r="GQ18" s="328">
        <v>1792577</v>
      </c>
      <c r="GR18" s="330">
        <v>2337955</v>
      </c>
      <c r="GS18" s="326">
        <v>859160</v>
      </c>
      <c r="GT18" s="327">
        <v>1318650</v>
      </c>
      <c r="GU18" s="328">
        <v>2177810</v>
      </c>
      <c r="GV18" s="326">
        <v>0</v>
      </c>
      <c r="GW18" s="327">
        <v>1512429</v>
      </c>
      <c r="GX18" s="327">
        <v>866327</v>
      </c>
      <c r="GY18" s="327">
        <v>773695</v>
      </c>
      <c r="GZ18" s="327">
        <v>197054</v>
      </c>
      <c r="HA18" s="327">
        <v>245100</v>
      </c>
      <c r="HB18" s="331">
        <v>3594605</v>
      </c>
      <c r="HC18" s="330">
        <v>5772415</v>
      </c>
      <c r="HD18" s="326">
        <v>2555848</v>
      </c>
      <c r="HE18" s="327">
        <v>3769601</v>
      </c>
      <c r="HF18" s="331">
        <v>6325449</v>
      </c>
      <c r="HG18" s="332">
        <v>0</v>
      </c>
      <c r="HH18" s="327">
        <v>22702673</v>
      </c>
      <c r="HI18" s="327">
        <v>23124802</v>
      </c>
      <c r="HJ18" s="327">
        <v>25967999</v>
      </c>
      <c r="HK18" s="327">
        <v>34515974</v>
      </c>
      <c r="HL18" s="327">
        <v>19384254</v>
      </c>
      <c r="HM18" s="328">
        <v>125695702</v>
      </c>
      <c r="HN18" s="329">
        <v>132021151</v>
      </c>
      <c r="HO18" s="333">
        <v>3291100</v>
      </c>
      <c r="HP18" s="327">
        <v>5726110</v>
      </c>
      <c r="HQ18" s="328">
        <v>9017210</v>
      </c>
      <c r="HR18" s="326">
        <v>0</v>
      </c>
      <c r="HS18" s="327">
        <v>23368306</v>
      </c>
      <c r="HT18" s="327">
        <v>20596693</v>
      </c>
      <c r="HU18" s="327">
        <v>14670628</v>
      </c>
      <c r="HV18" s="327">
        <v>12106426</v>
      </c>
      <c r="HW18" s="327">
        <v>6528569</v>
      </c>
      <c r="HX18" s="331">
        <v>77270622</v>
      </c>
      <c r="HY18" s="330">
        <v>86287832</v>
      </c>
      <c r="HZ18" s="358">
        <v>0</v>
      </c>
      <c r="IA18" s="356">
        <v>92727</v>
      </c>
      <c r="IB18" s="358">
        <v>92727</v>
      </c>
      <c r="IC18" s="355">
        <v>0</v>
      </c>
      <c r="ID18" s="356">
        <v>39793643</v>
      </c>
      <c r="IE18" s="357">
        <v>44518094</v>
      </c>
      <c r="IF18" s="358">
        <v>53844570</v>
      </c>
      <c r="IG18" s="356">
        <v>44116435</v>
      </c>
      <c r="IH18" s="358">
        <v>34316874</v>
      </c>
      <c r="II18" s="359">
        <v>216589616</v>
      </c>
      <c r="IJ18" s="358">
        <v>216682343</v>
      </c>
      <c r="IK18" s="342">
        <v>0</v>
      </c>
      <c r="IL18" s="343">
        <v>0</v>
      </c>
      <c r="IM18" s="344">
        <v>0</v>
      </c>
      <c r="IN18" s="404">
        <v>0</v>
      </c>
      <c r="IO18" s="345">
        <v>920177</v>
      </c>
      <c r="IP18" s="345">
        <v>642952</v>
      </c>
      <c r="IQ18" s="345">
        <v>605965</v>
      </c>
      <c r="IR18" s="345">
        <v>1510855</v>
      </c>
      <c r="IS18" s="345">
        <v>1037676</v>
      </c>
      <c r="IT18" s="346">
        <v>4717625</v>
      </c>
      <c r="IU18" s="347">
        <v>4717625</v>
      </c>
      <c r="IV18" s="348">
        <v>0</v>
      </c>
      <c r="IW18" s="345">
        <v>0</v>
      </c>
      <c r="IX18" s="349">
        <v>0</v>
      </c>
      <c r="IY18" s="413">
        <v>0</v>
      </c>
      <c r="IZ18" s="345">
        <v>0</v>
      </c>
      <c r="JA18" s="345">
        <v>0</v>
      </c>
      <c r="JB18" s="345">
        <v>0</v>
      </c>
      <c r="JC18" s="345">
        <v>0</v>
      </c>
      <c r="JD18" s="345">
        <v>0</v>
      </c>
      <c r="JE18" s="349">
        <v>0</v>
      </c>
      <c r="JF18" s="350">
        <v>0</v>
      </c>
      <c r="JG18" s="348">
        <v>0</v>
      </c>
      <c r="JH18" s="345">
        <v>0</v>
      </c>
      <c r="JI18" s="346">
        <v>0</v>
      </c>
      <c r="JJ18" s="351">
        <v>0</v>
      </c>
      <c r="JK18" s="345">
        <v>23215880</v>
      </c>
      <c r="JL18" s="345">
        <v>18458781</v>
      </c>
      <c r="JM18" s="345">
        <v>15689962</v>
      </c>
      <c r="JN18" s="345">
        <v>7198965</v>
      </c>
      <c r="JO18" s="345">
        <v>4542745</v>
      </c>
      <c r="JP18" s="349">
        <v>69106333</v>
      </c>
      <c r="JQ18" s="347">
        <v>69106333</v>
      </c>
      <c r="JR18" s="348">
        <v>0</v>
      </c>
      <c r="JS18" s="345">
        <v>0</v>
      </c>
      <c r="JT18" s="346">
        <v>0</v>
      </c>
      <c r="JU18" s="351">
        <v>0</v>
      </c>
      <c r="JV18" s="345">
        <v>266227</v>
      </c>
      <c r="JW18" s="345">
        <v>199517</v>
      </c>
      <c r="JX18" s="345">
        <v>67375</v>
      </c>
      <c r="JY18" s="345">
        <v>74193</v>
      </c>
      <c r="JZ18" s="345">
        <v>239979</v>
      </c>
      <c r="KA18" s="349">
        <v>847291</v>
      </c>
      <c r="KB18" s="347">
        <v>847291</v>
      </c>
      <c r="KC18" s="352">
        <v>0</v>
      </c>
      <c r="KD18" s="353">
        <v>92727</v>
      </c>
      <c r="KE18" s="349">
        <v>92727</v>
      </c>
      <c r="KF18" s="351">
        <v>0</v>
      </c>
      <c r="KG18" s="345">
        <v>3935618</v>
      </c>
      <c r="KH18" s="345">
        <v>6882481</v>
      </c>
      <c r="KI18" s="345">
        <v>11456307</v>
      </c>
      <c r="KJ18" s="345">
        <v>11151955</v>
      </c>
      <c r="KK18" s="345">
        <v>9020025</v>
      </c>
      <c r="KL18" s="349">
        <v>42446386</v>
      </c>
      <c r="KM18" s="354">
        <v>42539113</v>
      </c>
      <c r="KN18" s="342">
        <v>0</v>
      </c>
      <c r="KO18" s="343">
        <v>0</v>
      </c>
      <c r="KP18" s="344">
        <v>0</v>
      </c>
      <c r="KQ18" s="413">
        <v>0</v>
      </c>
      <c r="KR18" s="345">
        <v>10358838</v>
      </c>
      <c r="KS18" s="345">
        <v>13433198</v>
      </c>
      <c r="KT18" s="345">
        <v>12593282</v>
      </c>
      <c r="KU18" s="345">
        <v>9391992</v>
      </c>
      <c r="KV18" s="345">
        <v>11589064</v>
      </c>
      <c r="KW18" s="349">
        <v>57366374</v>
      </c>
      <c r="KX18" s="347">
        <v>57366374</v>
      </c>
      <c r="KY18" s="348">
        <v>0</v>
      </c>
      <c r="KZ18" s="345">
        <v>0</v>
      </c>
      <c r="LA18" s="349">
        <v>0</v>
      </c>
      <c r="LB18" s="413">
        <v>0</v>
      </c>
      <c r="LC18" s="345">
        <v>0</v>
      </c>
      <c r="LD18" s="345">
        <v>1175559</v>
      </c>
      <c r="LE18" s="345">
        <v>1849189</v>
      </c>
      <c r="LF18" s="345">
        <v>2471540</v>
      </c>
      <c r="LG18" s="345">
        <v>1043554</v>
      </c>
      <c r="LH18" s="349">
        <v>6539842</v>
      </c>
      <c r="LI18" s="350">
        <v>6539842</v>
      </c>
      <c r="LJ18" s="348">
        <v>0</v>
      </c>
      <c r="LK18" s="345">
        <v>0</v>
      </c>
      <c r="LL18" s="349">
        <v>0</v>
      </c>
      <c r="LM18" s="413">
        <v>0</v>
      </c>
      <c r="LN18" s="345">
        <v>0</v>
      </c>
      <c r="LO18" s="345">
        <v>0</v>
      </c>
      <c r="LP18" s="345">
        <v>3477558</v>
      </c>
      <c r="LQ18" s="345">
        <v>4125761</v>
      </c>
      <c r="LR18" s="345">
        <v>1358522</v>
      </c>
      <c r="LS18" s="349">
        <v>8961841</v>
      </c>
      <c r="LT18" s="347">
        <v>8961841</v>
      </c>
      <c r="LU18" s="348">
        <v>0</v>
      </c>
      <c r="LV18" s="345">
        <v>0</v>
      </c>
      <c r="LW18" s="349">
        <v>0</v>
      </c>
      <c r="LX18" s="413">
        <v>0</v>
      </c>
      <c r="LY18" s="345">
        <v>1096903</v>
      </c>
      <c r="LZ18" s="345">
        <v>3725606</v>
      </c>
      <c r="MA18" s="345">
        <v>8104932</v>
      </c>
      <c r="MB18" s="345">
        <v>8191174</v>
      </c>
      <c r="MC18" s="345">
        <v>5485309</v>
      </c>
      <c r="MD18" s="349">
        <v>26603924</v>
      </c>
      <c r="ME18" s="350">
        <v>26603924</v>
      </c>
      <c r="MF18" s="348">
        <v>0</v>
      </c>
      <c r="MG18" s="345">
        <v>0</v>
      </c>
      <c r="MH18" s="349">
        <v>0</v>
      </c>
      <c r="MI18" s="413">
        <v>0</v>
      </c>
      <c r="MJ18" s="345">
        <v>10792110</v>
      </c>
      <c r="MK18" s="345">
        <v>27941180</v>
      </c>
      <c r="ML18" s="345">
        <v>105606923</v>
      </c>
      <c r="MM18" s="345">
        <v>165964374</v>
      </c>
      <c r="MN18" s="345">
        <v>94283303</v>
      </c>
      <c r="MO18" s="349">
        <v>404587890</v>
      </c>
      <c r="MP18" s="354">
        <v>404587890</v>
      </c>
      <c r="MQ18" s="348">
        <v>0</v>
      </c>
      <c r="MR18" s="345">
        <v>0</v>
      </c>
      <c r="MS18" s="349">
        <v>0</v>
      </c>
      <c r="MT18" s="413">
        <v>0</v>
      </c>
      <c r="MU18" s="345">
        <v>692817</v>
      </c>
      <c r="MV18" s="345">
        <v>3922067</v>
      </c>
      <c r="MW18" s="345">
        <v>54083703</v>
      </c>
      <c r="MX18" s="345">
        <v>100511348</v>
      </c>
      <c r="MY18" s="345">
        <v>62333045</v>
      </c>
      <c r="MZ18" s="349">
        <v>221542980</v>
      </c>
      <c r="NA18" s="354">
        <v>221542980</v>
      </c>
      <c r="NB18" s="348">
        <v>0</v>
      </c>
      <c r="NC18" s="345">
        <v>0</v>
      </c>
      <c r="ND18" s="349">
        <v>0</v>
      </c>
      <c r="NE18" s="413">
        <v>0</v>
      </c>
      <c r="NF18" s="345">
        <v>10099293</v>
      </c>
      <c r="NG18" s="345">
        <v>24019113</v>
      </c>
      <c r="NH18" s="345">
        <v>50433108</v>
      </c>
      <c r="NI18" s="345">
        <v>57931169</v>
      </c>
      <c r="NJ18" s="345">
        <v>27427013</v>
      </c>
      <c r="NK18" s="349">
        <v>169909696</v>
      </c>
      <c r="NL18" s="347">
        <v>169909696</v>
      </c>
      <c r="NM18" s="348">
        <v>0</v>
      </c>
      <c r="NN18" s="345">
        <v>0</v>
      </c>
      <c r="NO18" s="349">
        <v>0</v>
      </c>
      <c r="NP18" s="413">
        <v>0</v>
      </c>
      <c r="NQ18" s="345">
        <v>0</v>
      </c>
      <c r="NR18" s="345">
        <v>0</v>
      </c>
      <c r="NS18" s="345">
        <v>0</v>
      </c>
      <c r="NT18" s="345">
        <v>0</v>
      </c>
      <c r="NU18" s="345">
        <v>0</v>
      </c>
      <c r="NV18" s="349">
        <v>0</v>
      </c>
      <c r="NW18" s="350">
        <v>0</v>
      </c>
      <c r="NX18" s="348">
        <v>0</v>
      </c>
      <c r="NY18" s="345">
        <v>0</v>
      </c>
      <c r="NZ18" s="349">
        <v>0</v>
      </c>
      <c r="OA18" s="413">
        <v>0</v>
      </c>
      <c r="OB18" s="345">
        <v>0</v>
      </c>
      <c r="OC18" s="345">
        <v>0</v>
      </c>
      <c r="OD18" s="345">
        <v>1090112</v>
      </c>
      <c r="OE18" s="345">
        <v>7521857</v>
      </c>
      <c r="OF18" s="345">
        <v>4523245</v>
      </c>
      <c r="OG18" s="349">
        <v>13135214</v>
      </c>
      <c r="OH18" s="350">
        <v>13135214</v>
      </c>
      <c r="OI18" s="348">
        <v>15823535</v>
      </c>
      <c r="OJ18" s="345">
        <v>35462550</v>
      </c>
      <c r="OK18" s="346">
        <v>51286085</v>
      </c>
      <c r="OL18" s="351">
        <v>0</v>
      </c>
      <c r="OM18" s="345">
        <v>196212344</v>
      </c>
      <c r="ON18" s="345">
        <v>244369265</v>
      </c>
      <c r="OO18" s="345">
        <v>313366517</v>
      </c>
      <c r="OP18" s="345">
        <v>379603546</v>
      </c>
      <c r="OQ18" s="345">
        <v>243139862</v>
      </c>
      <c r="OR18" s="349">
        <v>1376691534</v>
      </c>
      <c r="OS18" s="354">
        <v>1427977619</v>
      </c>
    </row>
    <row r="19" spans="2:409" s="70" customFormat="1" ht="21" customHeight="1" x14ac:dyDescent="0.2">
      <c r="B19" s="410" t="s">
        <v>13</v>
      </c>
      <c r="C19" s="326">
        <v>3169293</v>
      </c>
      <c r="D19" s="327">
        <v>5588850</v>
      </c>
      <c r="E19" s="328">
        <v>8758143</v>
      </c>
      <c r="F19" s="326">
        <v>0</v>
      </c>
      <c r="G19" s="366">
        <v>55896552</v>
      </c>
      <c r="H19" s="327">
        <v>73905041</v>
      </c>
      <c r="I19" s="327">
        <v>63699553</v>
      </c>
      <c r="J19" s="327">
        <v>63886530</v>
      </c>
      <c r="K19" s="327">
        <v>58193808</v>
      </c>
      <c r="L19" s="331">
        <v>315581484</v>
      </c>
      <c r="M19" s="330">
        <v>324339627</v>
      </c>
      <c r="N19" s="326">
        <v>749800</v>
      </c>
      <c r="O19" s="327">
        <v>1228934</v>
      </c>
      <c r="P19" s="328">
        <v>1978734</v>
      </c>
      <c r="Q19" s="326">
        <v>0</v>
      </c>
      <c r="R19" s="327">
        <v>18268555</v>
      </c>
      <c r="S19" s="327">
        <v>26596096</v>
      </c>
      <c r="T19" s="327">
        <v>20848831</v>
      </c>
      <c r="U19" s="327">
        <v>24583905</v>
      </c>
      <c r="V19" s="327">
        <v>30522193</v>
      </c>
      <c r="W19" s="328">
        <v>120819580</v>
      </c>
      <c r="X19" s="330">
        <v>122798314</v>
      </c>
      <c r="Y19" s="326">
        <v>0</v>
      </c>
      <c r="Z19" s="327">
        <v>0</v>
      </c>
      <c r="AA19" s="328">
        <v>0</v>
      </c>
      <c r="AB19" s="326">
        <v>0</v>
      </c>
      <c r="AC19" s="327">
        <v>8435301</v>
      </c>
      <c r="AD19" s="327">
        <v>13622601</v>
      </c>
      <c r="AE19" s="327">
        <v>12346568</v>
      </c>
      <c r="AF19" s="327">
        <v>15362713</v>
      </c>
      <c r="AG19" s="327">
        <v>19805565</v>
      </c>
      <c r="AH19" s="328">
        <v>69572748</v>
      </c>
      <c r="AI19" s="330">
        <v>69572748</v>
      </c>
      <c r="AJ19" s="326">
        <v>0</v>
      </c>
      <c r="AK19" s="327">
        <v>0</v>
      </c>
      <c r="AL19" s="328">
        <v>0</v>
      </c>
      <c r="AM19" s="326">
        <v>0</v>
      </c>
      <c r="AN19" s="327">
        <v>54047</v>
      </c>
      <c r="AO19" s="327">
        <v>135753</v>
      </c>
      <c r="AP19" s="327">
        <v>158947</v>
      </c>
      <c r="AQ19" s="327">
        <v>1522742</v>
      </c>
      <c r="AR19" s="327">
        <v>2627440</v>
      </c>
      <c r="AS19" s="328">
        <v>4498929</v>
      </c>
      <c r="AT19" s="330">
        <v>4498929</v>
      </c>
      <c r="AU19" s="326">
        <v>340964</v>
      </c>
      <c r="AV19" s="327">
        <v>815902</v>
      </c>
      <c r="AW19" s="328">
        <v>1156866</v>
      </c>
      <c r="AX19" s="326">
        <v>0</v>
      </c>
      <c r="AY19" s="327">
        <v>5902165</v>
      </c>
      <c r="AZ19" s="327">
        <v>8758791</v>
      </c>
      <c r="BA19" s="327">
        <v>4764673</v>
      </c>
      <c r="BB19" s="327">
        <v>4421165</v>
      </c>
      <c r="BC19" s="327">
        <v>4762749</v>
      </c>
      <c r="BD19" s="328">
        <v>28609543</v>
      </c>
      <c r="BE19" s="330">
        <v>29766409</v>
      </c>
      <c r="BF19" s="326">
        <v>55476</v>
      </c>
      <c r="BG19" s="327">
        <v>79397</v>
      </c>
      <c r="BH19" s="331">
        <v>134873</v>
      </c>
      <c r="BI19" s="332">
        <v>0</v>
      </c>
      <c r="BJ19" s="327">
        <v>463229</v>
      </c>
      <c r="BK19" s="327">
        <v>574718</v>
      </c>
      <c r="BL19" s="327">
        <v>428832</v>
      </c>
      <c r="BM19" s="327">
        <v>141769</v>
      </c>
      <c r="BN19" s="327">
        <v>354287</v>
      </c>
      <c r="BO19" s="328">
        <v>1962835</v>
      </c>
      <c r="BP19" s="330">
        <v>2097708</v>
      </c>
      <c r="BQ19" s="326">
        <v>353360</v>
      </c>
      <c r="BR19" s="327">
        <v>333635</v>
      </c>
      <c r="BS19" s="328">
        <v>686995</v>
      </c>
      <c r="BT19" s="326">
        <v>0</v>
      </c>
      <c r="BU19" s="327">
        <v>3413813</v>
      </c>
      <c r="BV19" s="327">
        <v>3504233</v>
      </c>
      <c r="BW19" s="327">
        <v>3149811</v>
      </c>
      <c r="BX19" s="327">
        <v>3135516</v>
      </c>
      <c r="BY19" s="327">
        <v>2972152</v>
      </c>
      <c r="BZ19" s="328">
        <v>16175525</v>
      </c>
      <c r="CA19" s="330">
        <v>16862520</v>
      </c>
      <c r="CB19" s="326">
        <v>395096</v>
      </c>
      <c r="CC19" s="327">
        <v>694771</v>
      </c>
      <c r="CD19" s="328">
        <v>1089867</v>
      </c>
      <c r="CE19" s="326">
        <v>0</v>
      </c>
      <c r="CF19" s="327">
        <v>10638111</v>
      </c>
      <c r="CG19" s="327">
        <v>16367803</v>
      </c>
      <c r="CH19" s="327">
        <v>10074666</v>
      </c>
      <c r="CI19" s="327">
        <v>9586425</v>
      </c>
      <c r="CJ19" s="327">
        <v>4904887</v>
      </c>
      <c r="CK19" s="328">
        <v>51571892</v>
      </c>
      <c r="CL19" s="330">
        <v>52661759</v>
      </c>
      <c r="CM19" s="326">
        <v>0</v>
      </c>
      <c r="CN19" s="327">
        <v>0</v>
      </c>
      <c r="CO19" s="328">
        <v>0</v>
      </c>
      <c r="CP19" s="332">
        <v>0</v>
      </c>
      <c r="CQ19" s="327">
        <v>9196156</v>
      </c>
      <c r="CR19" s="327">
        <v>14045653</v>
      </c>
      <c r="CS19" s="327">
        <v>8105438</v>
      </c>
      <c r="CT19" s="327">
        <v>7880340</v>
      </c>
      <c r="CU19" s="327">
        <v>3461929</v>
      </c>
      <c r="CV19" s="328">
        <v>42689516</v>
      </c>
      <c r="CW19" s="330">
        <v>42689516</v>
      </c>
      <c r="CX19" s="326">
        <v>395096</v>
      </c>
      <c r="CY19" s="327">
        <v>694771</v>
      </c>
      <c r="CZ19" s="328">
        <v>1089867</v>
      </c>
      <c r="DA19" s="326">
        <v>0</v>
      </c>
      <c r="DB19" s="327">
        <v>1441955</v>
      </c>
      <c r="DC19" s="327">
        <v>2322150</v>
      </c>
      <c r="DD19" s="327">
        <v>1969228</v>
      </c>
      <c r="DE19" s="327">
        <v>1706085</v>
      </c>
      <c r="DF19" s="327">
        <v>1442958</v>
      </c>
      <c r="DG19" s="328">
        <v>8882376</v>
      </c>
      <c r="DH19" s="330">
        <v>9972243</v>
      </c>
      <c r="DI19" s="326">
        <v>0</v>
      </c>
      <c r="DJ19" s="327">
        <v>0</v>
      </c>
      <c r="DK19" s="331">
        <v>0</v>
      </c>
      <c r="DL19" s="332">
        <v>0</v>
      </c>
      <c r="DM19" s="327">
        <v>1033754</v>
      </c>
      <c r="DN19" s="327">
        <v>2375249</v>
      </c>
      <c r="DO19" s="327">
        <v>6321850</v>
      </c>
      <c r="DP19" s="327">
        <v>5813672</v>
      </c>
      <c r="DQ19" s="327">
        <v>3878657</v>
      </c>
      <c r="DR19" s="328">
        <v>19423182</v>
      </c>
      <c r="DS19" s="330">
        <v>19423182</v>
      </c>
      <c r="DT19" s="326">
        <v>0</v>
      </c>
      <c r="DU19" s="327">
        <v>0</v>
      </c>
      <c r="DV19" s="328">
        <v>0</v>
      </c>
      <c r="DW19" s="326">
        <v>0</v>
      </c>
      <c r="DX19" s="327">
        <v>880613</v>
      </c>
      <c r="DY19" s="327">
        <v>2149215</v>
      </c>
      <c r="DZ19" s="327">
        <v>6071151</v>
      </c>
      <c r="EA19" s="327">
        <v>5358653</v>
      </c>
      <c r="EB19" s="327">
        <v>3662264</v>
      </c>
      <c r="EC19" s="328">
        <v>18121896</v>
      </c>
      <c r="ED19" s="330">
        <v>18121896</v>
      </c>
      <c r="EE19" s="326">
        <v>0</v>
      </c>
      <c r="EF19" s="331">
        <v>0</v>
      </c>
      <c r="EG19" s="328">
        <v>0</v>
      </c>
      <c r="EH19" s="326">
        <v>0</v>
      </c>
      <c r="EI19" s="327">
        <v>153141</v>
      </c>
      <c r="EJ19" s="327">
        <v>226034</v>
      </c>
      <c r="EK19" s="327">
        <v>250699</v>
      </c>
      <c r="EL19" s="327">
        <v>455019</v>
      </c>
      <c r="EM19" s="327">
        <v>216393</v>
      </c>
      <c r="EN19" s="331">
        <v>1301286</v>
      </c>
      <c r="EO19" s="330">
        <v>1301286</v>
      </c>
      <c r="EP19" s="326">
        <v>0</v>
      </c>
      <c r="EQ19" s="327">
        <v>0</v>
      </c>
      <c r="ER19" s="331">
        <v>0</v>
      </c>
      <c r="ES19" s="332">
        <v>0</v>
      </c>
      <c r="ET19" s="327">
        <v>0</v>
      </c>
      <c r="EU19" s="327">
        <v>0</v>
      </c>
      <c r="EV19" s="327">
        <v>0</v>
      </c>
      <c r="EW19" s="327">
        <v>0</v>
      </c>
      <c r="EX19" s="327">
        <v>0</v>
      </c>
      <c r="EY19" s="328">
        <v>0</v>
      </c>
      <c r="EZ19" s="330">
        <v>0</v>
      </c>
      <c r="FA19" s="326">
        <v>0</v>
      </c>
      <c r="FB19" s="327">
        <v>0</v>
      </c>
      <c r="FC19" s="331">
        <v>0</v>
      </c>
      <c r="FD19" s="332">
        <v>0</v>
      </c>
      <c r="FE19" s="327">
        <v>0</v>
      </c>
      <c r="FF19" s="327">
        <v>0</v>
      </c>
      <c r="FG19" s="327">
        <v>0</v>
      </c>
      <c r="FH19" s="327">
        <v>0</v>
      </c>
      <c r="FI19" s="327">
        <v>0</v>
      </c>
      <c r="FJ19" s="328">
        <v>0</v>
      </c>
      <c r="FK19" s="330">
        <v>0</v>
      </c>
      <c r="FL19" s="326">
        <v>587953</v>
      </c>
      <c r="FM19" s="327">
        <v>1247131</v>
      </c>
      <c r="FN19" s="328">
        <v>1835084</v>
      </c>
      <c r="FO19" s="326">
        <v>0</v>
      </c>
      <c r="FP19" s="327">
        <v>2260170</v>
      </c>
      <c r="FQ19" s="327">
        <v>6175644</v>
      </c>
      <c r="FR19" s="327">
        <v>4230701</v>
      </c>
      <c r="FS19" s="327">
        <v>4135877</v>
      </c>
      <c r="FT19" s="327">
        <v>3048987</v>
      </c>
      <c r="FU19" s="328">
        <v>19851379</v>
      </c>
      <c r="FV19" s="330">
        <v>21686463</v>
      </c>
      <c r="FW19" s="333">
        <v>397761</v>
      </c>
      <c r="FX19" s="327">
        <v>992474</v>
      </c>
      <c r="FY19" s="331">
        <v>1390235</v>
      </c>
      <c r="FZ19" s="332">
        <v>0</v>
      </c>
      <c r="GA19" s="327">
        <v>1988696</v>
      </c>
      <c r="GB19" s="327">
        <v>5907269</v>
      </c>
      <c r="GC19" s="327">
        <v>3994028</v>
      </c>
      <c r="GD19" s="327">
        <v>3845084</v>
      </c>
      <c r="GE19" s="327">
        <v>2692770</v>
      </c>
      <c r="GF19" s="328">
        <v>18427847</v>
      </c>
      <c r="GG19" s="334">
        <v>19818082</v>
      </c>
      <c r="GH19" s="333">
        <v>20592</v>
      </c>
      <c r="GI19" s="327">
        <v>143592</v>
      </c>
      <c r="GJ19" s="331">
        <v>164184</v>
      </c>
      <c r="GK19" s="332">
        <v>0</v>
      </c>
      <c r="GL19" s="327">
        <v>93544</v>
      </c>
      <c r="GM19" s="327">
        <v>84275</v>
      </c>
      <c r="GN19" s="327">
        <v>223803</v>
      </c>
      <c r="GO19" s="327">
        <v>133293</v>
      </c>
      <c r="GP19" s="327">
        <v>117317</v>
      </c>
      <c r="GQ19" s="328">
        <v>652232</v>
      </c>
      <c r="GR19" s="330">
        <v>816416</v>
      </c>
      <c r="GS19" s="326">
        <v>169600</v>
      </c>
      <c r="GT19" s="327">
        <v>111065</v>
      </c>
      <c r="GU19" s="328">
        <v>280665</v>
      </c>
      <c r="GV19" s="326">
        <v>0</v>
      </c>
      <c r="GW19" s="327">
        <v>177930</v>
      </c>
      <c r="GX19" s="327">
        <v>184100</v>
      </c>
      <c r="GY19" s="327">
        <v>12870</v>
      </c>
      <c r="GZ19" s="327">
        <v>157500</v>
      </c>
      <c r="HA19" s="327">
        <v>238900</v>
      </c>
      <c r="HB19" s="331">
        <v>771300</v>
      </c>
      <c r="HC19" s="330">
        <v>1051965</v>
      </c>
      <c r="HD19" s="326">
        <v>920021</v>
      </c>
      <c r="HE19" s="327">
        <v>1403827</v>
      </c>
      <c r="HF19" s="331">
        <v>2323848</v>
      </c>
      <c r="HG19" s="332">
        <v>0</v>
      </c>
      <c r="HH19" s="327">
        <v>14668693</v>
      </c>
      <c r="HI19" s="327">
        <v>13094927</v>
      </c>
      <c r="HJ19" s="327">
        <v>16807318</v>
      </c>
      <c r="HK19" s="327">
        <v>15745341</v>
      </c>
      <c r="HL19" s="327">
        <v>13102041</v>
      </c>
      <c r="HM19" s="328">
        <v>73418320</v>
      </c>
      <c r="HN19" s="329">
        <v>75742168</v>
      </c>
      <c r="HO19" s="333">
        <v>516423</v>
      </c>
      <c r="HP19" s="327">
        <v>1014187</v>
      </c>
      <c r="HQ19" s="328">
        <v>1530610</v>
      </c>
      <c r="HR19" s="326">
        <v>0</v>
      </c>
      <c r="HS19" s="327">
        <v>9027269</v>
      </c>
      <c r="HT19" s="327">
        <v>9295322</v>
      </c>
      <c r="HU19" s="327">
        <v>5416187</v>
      </c>
      <c r="HV19" s="327">
        <v>4021310</v>
      </c>
      <c r="HW19" s="327">
        <v>2737043</v>
      </c>
      <c r="HX19" s="331">
        <v>30497131</v>
      </c>
      <c r="HY19" s="330">
        <v>32027741</v>
      </c>
      <c r="HZ19" s="335">
        <v>99297</v>
      </c>
      <c r="IA19" s="336">
        <v>66888</v>
      </c>
      <c r="IB19" s="337">
        <v>166185</v>
      </c>
      <c r="IC19" s="338">
        <v>0</v>
      </c>
      <c r="ID19" s="336">
        <v>12577300</v>
      </c>
      <c r="IE19" s="339">
        <v>15957852</v>
      </c>
      <c r="IF19" s="337">
        <v>14617131</v>
      </c>
      <c r="IG19" s="336">
        <v>11246152</v>
      </c>
      <c r="IH19" s="337">
        <v>7799004</v>
      </c>
      <c r="II19" s="340">
        <v>62197439</v>
      </c>
      <c r="IJ19" s="341">
        <v>62363624</v>
      </c>
      <c r="IK19" s="342">
        <v>0</v>
      </c>
      <c r="IL19" s="343">
        <v>0</v>
      </c>
      <c r="IM19" s="344">
        <v>0</v>
      </c>
      <c r="IN19" s="404">
        <v>0</v>
      </c>
      <c r="IO19" s="345">
        <v>0</v>
      </c>
      <c r="IP19" s="345">
        <v>133798</v>
      </c>
      <c r="IQ19" s="345">
        <v>166368</v>
      </c>
      <c r="IR19" s="345">
        <v>281475</v>
      </c>
      <c r="IS19" s="345">
        <v>627591</v>
      </c>
      <c r="IT19" s="346">
        <v>1209232</v>
      </c>
      <c r="IU19" s="347">
        <v>1209232</v>
      </c>
      <c r="IV19" s="348">
        <v>0</v>
      </c>
      <c r="IW19" s="345">
        <v>0</v>
      </c>
      <c r="IX19" s="349">
        <v>0</v>
      </c>
      <c r="IY19" s="413">
        <v>0</v>
      </c>
      <c r="IZ19" s="345">
        <v>0</v>
      </c>
      <c r="JA19" s="345">
        <v>0</v>
      </c>
      <c r="JB19" s="345">
        <v>0</v>
      </c>
      <c r="JC19" s="345">
        <v>0</v>
      </c>
      <c r="JD19" s="345">
        <v>0</v>
      </c>
      <c r="JE19" s="349">
        <v>0</v>
      </c>
      <c r="JF19" s="350">
        <v>0</v>
      </c>
      <c r="JG19" s="348">
        <v>0</v>
      </c>
      <c r="JH19" s="345">
        <v>0</v>
      </c>
      <c r="JI19" s="346">
        <v>0</v>
      </c>
      <c r="JJ19" s="351">
        <v>0</v>
      </c>
      <c r="JK19" s="345">
        <v>6530498</v>
      </c>
      <c r="JL19" s="345">
        <v>10255825</v>
      </c>
      <c r="JM19" s="345">
        <v>6285582</v>
      </c>
      <c r="JN19" s="345">
        <v>3278024</v>
      </c>
      <c r="JO19" s="345">
        <v>1493853</v>
      </c>
      <c r="JP19" s="349">
        <v>27843782</v>
      </c>
      <c r="JQ19" s="347">
        <v>27843782</v>
      </c>
      <c r="JR19" s="348">
        <v>0</v>
      </c>
      <c r="JS19" s="345">
        <v>0</v>
      </c>
      <c r="JT19" s="346">
        <v>0</v>
      </c>
      <c r="JU19" s="351">
        <v>0</v>
      </c>
      <c r="JV19" s="345">
        <v>0</v>
      </c>
      <c r="JW19" s="345">
        <v>823975</v>
      </c>
      <c r="JX19" s="345">
        <v>1226310</v>
      </c>
      <c r="JY19" s="345">
        <v>657261</v>
      </c>
      <c r="JZ19" s="345">
        <v>1210569</v>
      </c>
      <c r="KA19" s="349">
        <v>3918115</v>
      </c>
      <c r="KB19" s="347">
        <v>3918115</v>
      </c>
      <c r="KC19" s="352">
        <v>99297</v>
      </c>
      <c r="KD19" s="353">
        <v>66888</v>
      </c>
      <c r="KE19" s="349">
        <v>166185</v>
      </c>
      <c r="KF19" s="351">
        <v>0</v>
      </c>
      <c r="KG19" s="345">
        <v>1671078</v>
      </c>
      <c r="KH19" s="345">
        <v>1550414</v>
      </c>
      <c r="KI19" s="345">
        <v>1971958</v>
      </c>
      <c r="KJ19" s="345">
        <v>0</v>
      </c>
      <c r="KK19" s="345">
        <v>861752</v>
      </c>
      <c r="KL19" s="349">
        <v>6055202</v>
      </c>
      <c r="KM19" s="354">
        <v>6221387</v>
      </c>
      <c r="KN19" s="342">
        <v>0</v>
      </c>
      <c r="KO19" s="343">
        <v>0</v>
      </c>
      <c r="KP19" s="344">
        <v>0</v>
      </c>
      <c r="KQ19" s="413">
        <v>0</v>
      </c>
      <c r="KR19" s="345">
        <v>3831128</v>
      </c>
      <c r="KS19" s="345">
        <v>3193840</v>
      </c>
      <c r="KT19" s="345">
        <v>4107858</v>
      </c>
      <c r="KU19" s="345">
        <v>5287540</v>
      </c>
      <c r="KV19" s="345">
        <v>3333304</v>
      </c>
      <c r="KW19" s="349">
        <v>19753670</v>
      </c>
      <c r="KX19" s="347">
        <v>19753670</v>
      </c>
      <c r="KY19" s="348">
        <v>0</v>
      </c>
      <c r="KZ19" s="345">
        <v>0</v>
      </c>
      <c r="LA19" s="349">
        <v>0</v>
      </c>
      <c r="LB19" s="413">
        <v>0</v>
      </c>
      <c r="LC19" s="345">
        <v>544596</v>
      </c>
      <c r="LD19" s="345">
        <v>0</v>
      </c>
      <c r="LE19" s="345">
        <v>859055</v>
      </c>
      <c r="LF19" s="345">
        <v>1741852</v>
      </c>
      <c r="LG19" s="345">
        <v>271935</v>
      </c>
      <c r="LH19" s="349">
        <v>3417438</v>
      </c>
      <c r="LI19" s="350">
        <v>3417438</v>
      </c>
      <c r="LJ19" s="348">
        <v>0</v>
      </c>
      <c r="LK19" s="345">
        <v>0</v>
      </c>
      <c r="LL19" s="349">
        <v>0</v>
      </c>
      <c r="LM19" s="413">
        <v>0</v>
      </c>
      <c r="LN19" s="345">
        <v>0</v>
      </c>
      <c r="LO19" s="345">
        <v>0</v>
      </c>
      <c r="LP19" s="345">
        <v>0</v>
      </c>
      <c r="LQ19" s="345">
        <v>0</v>
      </c>
      <c r="LR19" s="345">
        <v>0</v>
      </c>
      <c r="LS19" s="349">
        <v>0</v>
      </c>
      <c r="LT19" s="347">
        <v>0</v>
      </c>
      <c r="LU19" s="348">
        <v>0</v>
      </c>
      <c r="LV19" s="345">
        <v>0</v>
      </c>
      <c r="LW19" s="349">
        <v>0</v>
      </c>
      <c r="LX19" s="413">
        <v>0</v>
      </c>
      <c r="LY19" s="345">
        <v>0</v>
      </c>
      <c r="LZ19" s="345">
        <v>0</v>
      </c>
      <c r="MA19" s="345">
        <v>0</v>
      </c>
      <c r="MB19" s="345">
        <v>0</v>
      </c>
      <c r="MC19" s="345">
        <v>0</v>
      </c>
      <c r="MD19" s="349">
        <v>0</v>
      </c>
      <c r="ME19" s="350">
        <v>0</v>
      </c>
      <c r="MF19" s="348">
        <v>0</v>
      </c>
      <c r="MG19" s="345">
        <v>0</v>
      </c>
      <c r="MH19" s="349">
        <v>0</v>
      </c>
      <c r="MI19" s="413">
        <v>0</v>
      </c>
      <c r="MJ19" s="345">
        <v>3197341</v>
      </c>
      <c r="MK19" s="345">
        <v>6727739</v>
      </c>
      <c r="ML19" s="345">
        <v>28633844</v>
      </c>
      <c r="MM19" s="345">
        <v>55014762</v>
      </c>
      <c r="MN19" s="345">
        <v>50830598</v>
      </c>
      <c r="MO19" s="349">
        <v>144404284</v>
      </c>
      <c r="MP19" s="354">
        <v>144404284</v>
      </c>
      <c r="MQ19" s="348">
        <v>0</v>
      </c>
      <c r="MR19" s="345">
        <v>0</v>
      </c>
      <c r="MS19" s="349">
        <v>0</v>
      </c>
      <c r="MT19" s="413">
        <v>0</v>
      </c>
      <c r="MU19" s="345">
        <v>245934</v>
      </c>
      <c r="MV19" s="345">
        <v>1583178</v>
      </c>
      <c r="MW19" s="345">
        <v>17692259</v>
      </c>
      <c r="MX19" s="345">
        <v>41825716</v>
      </c>
      <c r="MY19" s="345">
        <v>42514398</v>
      </c>
      <c r="MZ19" s="349">
        <v>103861485</v>
      </c>
      <c r="NA19" s="354">
        <v>103861485</v>
      </c>
      <c r="NB19" s="348">
        <v>0</v>
      </c>
      <c r="NC19" s="345">
        <v>0</v>
      </c>
      <c r="ND19" s="349">
        <v>0</v>
      </c>
      <c r="NE19" s="413">
        <v>0</v>
      </c>
      <c r="NF19" s="345">
        <v>2951407</v>
      </c>
      <c r="NG19" s="345">
        <v>5144561</v>
      </c>
      <c r="NH19" s="345">
        <v>10941585</v>
      </c>
      <c r="NI19" s="345">
        <v>13189046</v>
      </c>
      <c r="NJ19" s="345">
        <v>8316200</v>
      </c>
      <c r="NK19" s="349">
        <v>40542799</v>
      </c>
      <c r="NL19" s="347">
        <v>40542799</v>
      </c>
      <c r="NM19" s="348">
        <v>0</v>
      </c>
      <c r="NN19" s="345">
        <v>0</v>
      </c>
      <c r="NO19" s="349">
        <v>0</v>
      </c>
      <c r="NP19" s="413">
        <v>0</v>
      </c>
      <c r="NQ19" s="345">
        <v>0</v>
      </c>
      <c r="NR19" s="345">
        <v>0</v>
      </c>
      <c r="NS19" s="345">
        <v>0</v>
      </c>
      <c r="NT19" s="345">
        <v>0</v>
      </c>
      <c r="NU19" s="345">
        <v>0</v>
      </c>
      <c r="NV19" s="349">
        <v>0</v>
      </c>
      <c r="NW19" s="350">
        <v>0</v>
      </c>
      <c r="NX19" s="348">
        <v>0</v>
      </c>
      <c r="NY19" s="345">
        <v>0</v>
      </c>
      <c r="NZ19" s="349">
        <v>0</v>
      </c>
      <c r="OA19" s="413">
        <v>0</v>
      </c>
      <c r="OB19" s="345">
        <v>0</v>
      </c>
      <c r="OC19" s="345">
        <v>0</v>
      </c>
      <c r="OD19" s="345">
        <v>0</v>
      </c>
      <c r="OE19" s="345">
        <v>0</v>
      </c>
      <c r="OF19" s="345">
        <v>0</v>
      </c>
      <c r="OG19" s="349">
        <v>0</v>
      </c>
      <c r="OH19" s="350">
        <v>0</v>
      </c>
      <c r="OI19" s="348">
        <v>3268590</v>
      </c>
      <c r="OJ19" s="345">
        <v>5655738</v>
      </c>
      <c r="OK19" s="346">
        <v>8924328</v>
      </c>
      <c r="OL19" s="351">
        <v>0</v>
      </c>
      <c r="OM19" s="345">
        <v>71671193</v>
      </c>
      <c r="ON19" s="345">
        <v>96590632</v>
      </c>
      <c r="OO19" s="345">
        <v>106950528</v>
      </c>
      <c r="OP19" s="345">
        <v>130147444</v>
      </c>
      <c r="OQ19" s="345">
        <v>116823410</v>
      </c>
      <c r="OR19" s="349">
        <v>522183207</v>
      </c>
      <c r="OS19" s="354">
        <v>531107535</v>
      </c>
    </row>
    <row r="20" spans="2:409" s="70" customFormat="1" ht="21" customHeight="1" x14ac:dyDescent="0.2">
      <c r="B20" s="410" t="s">
        <v>15</v>
      </c>
      <c r="C20" s="326">
        <v>3192779</v>
      </c>
      <c r="D20" s="327">
        <v>3886523</v>
      </c>
      <c r="E20" s="328">
        <v>7079302</v>
      </c>
      <c r="F20" s="329">
        <v>0</v>
      </c>
      <c r="G20" s="327">
        <v>35832424</v>
      </c>
      <c r="H20" s="327">
        <v>46062023</v>
      </c>
      <c r="I20" s="327">
        <v>38947293</v>
      </c>
      <c r="J20" s="327">
        <v>44926951</v>
      </c>
      <c r="K20" s="327">
        <v>26695095</v>
      </c>
      <c r="L20" s="329">
        <v>192463786</v>
      </c>
      <c r="M20" s="330">
        <v>199543088</v>
      </c>
      <c r="N20" s="326">
        <v>359455</v>
      </c>
      <c r="O20" s="327">
        <v>651541</v>
      </c>
      <c r="P20" s="328">
        <v>1010996</v>
      </c>
      <c r="Q20" s="326">
        <v>0</v>
      </c>
      <c r="R20" s="327">
        <v>7735855</v>
      </c>
      <c r="S20" s="327">
        <v>12939682</v>
      </c>
      <c r="T20" s="327">
        <v>11811607</v>
      </c>
      <c r="U20" s="327">
        <v>14614312</v>
      </c>
      <c r="V20" s="327">
        <v>13033329</v>
      </c>
      <c r="W20" s="328">
        <v>60134785</v>
      </c>
      <c r="X20" s="330">
        <v>61145781</v>
      </c>
      <c r="Y20" s="326">
        <v>0</v>
      </c>
      <c r="Z20" s="327">
        <v>0</v>
      </c>
      <c r="AA20" s="328">
        <v>0</v>
      </c>
      <c r="AB20" s="326">
        <v>0</v>
      </c>
      <c r="AC20" s="327">
        <v>3310323</v>
      </c>
      <c r="AD20" s="327">
        <v>6955546</v>
      </c>
      <c r="AE20" s="327">
        <v>7508671</v>
      </c>
      <c r="AF20" s="327">
        <v>8921076</v>
      </c>
      <c r="AG20" s="327">
        <v>8053145</v>
      </c>
      <c r="AH20" s="328">
        <v>34748761</v>
      </c>
      <c r="AI20" s="330">
        <v>34748761</v>
      </c>
      <c r="AJ20" s="326">
        <v>0</v>
      </c>
      <c r="AK20" s="327">
        <v>0</v>
      </c>
      <c r="AL20" s="328">
        <v>0</v>
      </c>
      <c r="AM20" s="326">
        <v>0</v>
      </c>
      <c r="AN20" s="327">
        <v>12170</v>
      </c>
      <c r="AO20" s="327">
        <v>123742</v>
      </c>
      <c r="AP20" s="327">
        <v>521354</v>
      </c>
      <c r="AQ20" s="327">
        <v>1022170</v>
      </c>
      <c r="AR20" s="327">
        <v>1419918</v>
      </c>
      <c r="AS20" s="328">
        <v>3099354</v>
      </c>
      <c r="AT20" s="330">
        <v>3099354</v>
      </c>
      <c r="AU20" s="326">
        <v>175981</v>
      </c>
      <c r="AV20" s="327">
        <v>515828</v>
      </c>
      <c r="AW20" s="328">
        <v>691809</v>
      </c>
      <c r="AX20" s="326">
        <v>0</v>
      </c>
      <c r="AY20" s="327">
        <v>2321786</v>
      </c>
      <c r="AZ20" s="327">
        <v>3603102</v>
      </c>
      <c r="BA20" s="327">
        <v>2121019</v>
      </c>
      <c r="BB20" s="327">
        <v>2563704</v>
      </c>
      <c r="BC20" s="327">
        <v>2194138</v>
      </c>
      <c r="BD20" s="328">
        <v>12803749</v>
      </c>
      <c r="BE20" s="330">
        <v>13495558</v>
      </c>
      <c r="BF20" s="326">
        <v>0</v>
      </c>
      <c r="BG20" s="327">
        <v>59366</v>
      </c>
      <c r="BH20" s="331">
        <v>59366</v>
      </c>
      <c r="BI20" s="332">
        <v>0</v>
      </c>
      <c r="BJ20" s="327">
        <v>434491</v>
      </c>
      <c r="BK20" s="327">
        <v>453781</v>
      </c>
      <c r="BL20" s="327">
        <v>171843</v>
      </c>
      <c r="BM20" s="327">
        <v>187411</v>
      </c>
      <c r="BN20" s="327">
        <v>208504</v>
      </c>
      <c r="BO20" s="328">
        <v>1456030</v>
      </c>
      <c r="BP20" s="330">
        <v>1515396</v>
      </c>
      <c r="BQ20" s="326">
        <v>183474</v>
      </c>
      <c r="BR20" s="327">
        <v>76347</v>
      </c>
      <c r="BS20" s="328">
        <v>259821</v>
      </c>
      <c r="BT20" s="326">
        <v>0</v>
      </c>
      <c r="BU20" s="327">
        <v>1657085</v>
      </c>
      <c r="BV20" s="327">
        <v>1803511</v>
      </c>
      <c r="BW20" s="327">
        <v>1488720</v>
      </c>
      <c r="BX20" s="327">
        <v>1919951</v>
      </c>
      <c r="BY20" s="327">
        <v>1157624</v>
      </c>
      <c r="BZ20" s="328">
        <v>8026891</v>
      </c>
      <c r="CA20" s="330">
        <v>8286712</v>
      </c>
      <c r="CB20" s="326">
        <v>96328</v>
      </c>
      <c r="CC20" s="327">
        <v>232344</v>
      </c>
      <c r="CD20" s="328">
        <v>328672</v>
      </c>
      <c r="CE20" s="326">
        <v>0</v>
      </c>
      <c r="CF20" s="327">
        <v>7904679</v>
      </c>
      <c r="CG20" s="327">
        <v>11562887</v>
      </c>
      <c r="CH20" s="327">
        <v>7559015</v>
      </c>
      <c r="CI20" s="327">
        <v>5073630</v>
      </c>
      <c r="CJ20" s="327">
        <v>1873614</v>
      </c>
      <c r="CK20" s="328">
        <v>33973825</v>
      </c>
      <c r="CL20" s="330">
        <v>34302497</v>
      </c>
      <c r="CM20" s="326">
        <v>0</v>
      </c>
      <c r="CN20" s="327">
        <v>0</v>
      </c>
      <c r="CO20" s="328">
        <v>0</v>
      </c>
      <c r="CP20" s="332">
        <v>0</v>
      </c>
      <c r="CQ20" s="327">
        <v>6045409</v>
      </c>
      <c r="CR20" s="327">
        <v>8482000</v>
      </c>
      <c r="CS20" s="327">
        <v>5502859</v>
      </c>
      <c r="CT20" s="327">
        <v>3701773</v>
      </c>
      <c r="CU20" s="327">
        <v>958780</v>
      </c>
      <c r="CV20" s="328">
        <v>24690821</v>
      </c>
      <c r="CW20" s="330">
        <v>24690821</v>
      </c>
      <c r="CX20" s="326">
        <v>96328</v>
      </c>
      <c r="CY20" s="327">
        <v>232344</v>
      </c>
      <c r="CZ20" s="328">
        <v>328672</v>
      </c>
      <c r="DA20" s="326">
        <v>0</v>
      </c>
      <c r="DB20" s="327">
        <v>1859270</v>
      </c>
      <c r="DC20" s="327">
        <v>3080887</v>
      </c>
      <c r="DD20" s="327">
        <v>2056156</v>
      </c>
      <c r="DE20" s="327">
        <v>1371857</v>
      </c>
      <c r="DF20" s="327">
        <v>914834</v>
      </c>
      <c r="DG20" s="328">
        <v>9283004</v>
      </c>
      <c r="DH20" s="330">
        <v>9611676</v>
      </c>
      <c r="DI20" s="326">
        <v>0</v>
      </c>
      <c r="DJ20" s="327">
        <v>0</v>
      </c>
      <c r="DK20" s="331">
        <v>0</v>
      </c>
      <c r="DL20" s="332">
        <v>0</v>
      </c>
      <c r="DM20" s="327">
        <v>1013111</v>
      </c>
      <c r="DN20" s="327">
        <v>2844344</v>
      </c>
      <c r="DO20" s="327">
        <v>7047858</v>
      </c>
      <c r="DP20" s="327">
        <v>8024512</v>
      </c>
      <c r="DQ20" s="327">
        <v>3048099</v>
      </c>
      <c r="DR20" s="328">
        <v>21977924</v>
      </c>
      <c r="DS20" s="330">
        <v>21977924</v>
      </c>
      <c r="DT20" s="326">
        <v>0</v>
      </c>
      <c r="DU20" s="327">
        <v>0</v>
      </c>
      <c r="DV20" s="328">
        <v>0</v>
      </c>
      <c r="DW20" s="326">
        <v>0</v>
      </c>
      <c r="DX20" s="327">
        <v>672737</v>
      </c>
      <c r="DY20" s="327">
        <v>2235256</v>
      </c>
      <c r="DZ20" s="327">
        <v>7047858</v>
      </c>
      <c r="EA20" s="327">
        <v>7953577</v>
      </c>
      <c r="EB20" s="327">
        <v>2753950</v>
      </c>
      <c r="EC20" s="328">
        <v>20663378</v>
      </c>
      <c r="ED20" s="330">
        <v>20663378</v>
      </c>
      <c r="EE20" s="326">
        <v>0</v>
      </c>
      <c r="EF20" s="331">
        <v>0</v>
      </c>
      <c r="EG20" s="328">
        <v>0</v>
      </c>
      <c r="EH20" s="326">
        <v>0</v>
      </c>
      <c r="EI20" s="327">
        <v>340374</v>
      </c>
      <c r="EJ20" s="327">
        <v>609088</v>
      </c>
      <c r="EK20" s="327">
        <v>0</v>
      </c>
      <c r="EL20" s="327">
        <v>70935</v>
      </c>
      <c r="EM20" s="327">
        <v>294149</v>
      </c>
      <c r="EN20" s="331">
        <v>1314546</v>
      </c>
      <c r="EO20" s="330">
        <v>1314546</v>
      </c>
      <c r="EP20" s="326">
        <v>0</v>
      </c>
      <c r="EQ20" s="327">
        <v>0</v>
      </c>
      <c r="ER20" s="331">
        <v>0</v>
      </c>
      <c r="ES20" s="332">
        <v>0</v>
      </c>
      <c r="ET20" s="327">
        <v>0</v>
      </c>
      <c r="EU20" s="327">
        <v>0</v>
      </c>
      <c r="EV20" s="327">
        <v>0</v>
      </c>
      <c r="EW20" s="327">
        <v>0</v>
      </c>
      <c r="EX20" s="327">
        <v>0</v>
      </c>
      <c r="EY20" s="328">
        <v>0</v>
      </c>
      <c r="EZ20" s="330">
        <v>0</v>
      </c>
      <c r="FA20" s="326">
        <v>0</v>
      </c>
      <c r="FB20" s="327">
        <v>0</v>
      </c>
      <c r="FC20" s="331">
        <v>0</v>
      </c>
      <c r="FD20" s="332">
        <v>0</v>
      </c>
      <c r="FE20" s="327">
        <v>0</v>
      </c>
      <c r="FF20" s="327">
        <v>0</v>
      </c>
      <c r="FG20" s="327">
        <v>0</v>
      </c>
      <c r="FH20" s="327">
        <v>0</v>
      </c>
      <c r="FI20" s="327">
        <v>0</v>
      </c>
      <c r="FJ20" s="328">
        <v>0</v>
      </c>
      <c r="FK20" s="330">
        <v>0</v>
      </c>
      <c r="FL20" s="326">
        <v>964204</v>
      </c>
      <c r="FM20" s="327">
        <v>1067839</v>
      </c>
      <c r="FN20" s="328">
        <v>2032043</v>
      </c>
      <c r="FO20" s="326">
        <v>0</v>
      </c>
      <c r="FP20" s="327">
        <v>1697609</v>
      </c>
      <c r="FQ20" s="327">
        <v>4699178</v>
      </c>
      <c r="FR20" s="327">
        <v>2611372</v>
      </c>
      <c r="FS20" s="327">
        <v>2884940</v>
      </c>
      <c r="FT20" s="327">
        <v>1714615</v>
      </c>
      <c r="FU20" s="328">
        <v>13607714</v>
      </c>
      <c r="FV20" s="330">
        <v>15639757</v>
      </c>
      <c r="FW20" s="333">
        <v>466432</v>
      </c>
      <c r="FX20" s="327">
        <v>861739</v>
      </c>
      <c r="FY20" s="331">
        <v>1328171</v>
      </c>
      <c r="FZ20" s="332">
        <v>0</v>
      </c>
      <c r="GA20" s="327">
        <v>1483607</v>
      </c>
      <c r="GB20" s="327">
        <v>4120295</v>
      </c>
      <c r="GC20" s="327">
        <v>2569495</v>
      </c>
      <c r="GD20" s="327">
        <v>2442294</v>
      </c>
      <c r="GE20" s="327">
        <v>1689865</v>
      </c>
      <c r="GF20" s="328">
        <v>12305556</v>
      </c>
      <c r="GG20" s="334">
        <v>13633727</v>
      </c>
      <c r="GH20" s="333">
        <v>48312</v>
      </c>
      <c r="GI20" s="327">
        <v>0</v>
      </c>
      <c r="GJ20" s="331">
        <v>48312</v>
      </c>
      <c r="GK20" s="332">
        <v>0</v>
      </c>
      <c r="GL20" s="327">
        <v>85239</v>
      </c>
      <c r="GM20" s="327">
        <v>116814</v>
      </c>
      <c r="GN20" s="327">
        <v>0</v>
      </c>
      <c r="GO20" s="327">
        <v>131912</v>
      </c>
      <c r="GP20" s="327">
        <v>24750</v>
      </c>
      <c r="GQ20" s="328">
        <v>358715</v>
      </c>
      <c r="GR20" s="330">
        <v>407027</v>
      </c>
      <c r="GS20" s="326">
        <v>449460</v>
      </c>
      <c r="GT20" s="327">
        <v>206100</v>
      </c>
      <c r="GU20" s="328">
        <v>655560</v>
      </c>
      <c r="GV20" s="326">
        <v>0</v>
      </c>
      <c r="GW20" s="327">
        <v>128763</v>
      </c>
      <c r="GX20" s="327">
        <v>462069</v>
      </c>
      <c r="GY20" s="327">
        <v>41877</v>
      </c>
      <c r="GZ20" s="327">
        <v>310734</v>
      </c>
      <c r="HA20" s="327">
        <v>0</v>
      </c>
      <c r="HB20" s="331">
        <v>943443</v>
      </c>
      <c r="HC20" s="330">
        <v>1599003</v>
      </c>
      <c r="HD20" s="326">
        <v>1311888</v>
      </c>
      <c r="HE20" s="327">
        <v>1028087</v>
      </c>
      <c r="HF20" s="331">
        <v>2339975</v>
      </c>
      <c r="HG20" s="332">
        <v>0</v>
      </c>
      <c r="HH20" s="327">
        <v>10319985</v>
      </c>
      <c r="HI20" s="327">
        <v>6323876</v>
      </c>
      <c r="HJ20" s="327">
        <v>5625464</v>
      </c>
      <c r="HK20" s="327">
        <v>11372985</v>
      </c>
      <c r="HL20" s="327">
        <v>5299651</v>
      </c>
      <c r="HM20" s="328">
        <v>38941961</v>
      </c>
      <c r="HN20" s="329">
        <v>41281936</v>
      </c>
      <c r="HO20" s="333">
        <v>460904</v>
      </c>
      <c r="HP20" s="327">
        <v>906712</v>
      </c>
      <c r="HQ20" s="328">
        <v>1367616</v>
      </c>
      <c r="HR20" s="326">
        <v>0</v>
      </c>
      <c r="HS20" s="327">
        <v>7161185</v>
      </c>
      <c r="HT20" s="327">
        <v>7692056</v>
      </c>
      <c r="HU20" s="327">
        <v>4291977</v>
      </c>
      <c r="HV20" s="327">
        <v>2956572</v>
      </c>
      <c r="HW20" s="327">
        <v>1725787</v>
      </c>
      <c r="HX20" s="331">
        <v>23827577</v>
      </c>
      <c r="HY20" s="330">
        <v>25195193</v>
      </c>
      <c r="HZ20" s="358">
        <v>102146</v>
      </c>
      <c r="IA20" s="356">
        <v>1331932</v>
      </c>
      <c r="IB20" s="358">
        <v>1434078</v>
      </c>
      <c r="IC20" s="355">
        <v>0</v>
      </c>
      <c r="ID20" s="356">
        <v>23345009</v>
      </c>
      <c r="IE20" s="357">
        <v>29038774</v>
      </c>
      <c r="IF20" s="358">
        <v>24018811</v>
      </c>
      <c r="IG20" s="356">
        <v>17856968</v>
      </c>
      <c r="IH20" s="358">
        <v>13289307</v>
      </c>
      <c r="II20" s="359">
        <v>107548869</v>
      </c>
      <c r="IJ20" s="358">
        <v>108982947</v>
      </c>
      <c r="IK20" s="342">
        <v>0</v>
      </c>
      <c r="IL20" s="343">
        <v>0</v>
      </c>
      <c r="IM20" s="344">
        <v>0</v>
      </c>
      <c r="IN20" s="404">
        <v>0</v>
      </c>
      <c r="IO20" s="345">
        <v>458603</v>
      </c>
      <c r="IP20" s="345">
        <v>539796</v>
      </c>
      <c r="IQ20" s="345">
        <v>466512</v>
      </c>
      <c r="IR20" s="345">
        <v>874833</v>
      </c>
      <c r="IS20" s="345">
        <v>1568233</v>
      </c>
      <c r="IT20" s="346">
        <v>3907977</v>
      </c>
      <c r="IU20" s="347">
        <v>3907977</v>
      </c>
      <c r="IV20" s="348">
        <v>0</v>
      </c>
      <c r="IW20" s="345">
        <v>0</v>
      </c>
      <c r="IX20" s="349">
        <v>0</v>
      </c>
      <c r="IY20" s="413">
        <v>0</v>
      </c>
      <c r="IZ20" s="345">
        <v>0</v>
      </c>
      <c r="JA20" s="345">
        <v>0</v>
      </c>
      <c r="JB20" s="345">
        <v>0</v>
      </c>
      <c r="JC20" s="345">
        <v>0</v>
      </c>
      <c r="JD20" s="345">
        <v>0</v>
      </c>
      <c r="JE20" s="349">
        <v>0</v>
      </c>
      <c r="JF20" s="350">
        <v>0</v>
      </c>
      <c r="JG20" s="348">
        <v>0</v>
      </c>
      <c r="JH20" s="345">
        <v>0</v>
      </c>
      <c r="JI20" s="346">
        <v>0</v>
      </c>
      <c r="JJ20" s="351">
        <v>0</v>
      </c>
      <c r="JK20" s="345">
        <v>9744893</v>
      </c>
      <c r="JL20" s="345">
        <v>12196026</v>
      </c>
      <c r="JM20" s="345">
        <v>7200767</v>
      </c>
      <c r="JN20" s="345">
        <v>3986608</v>
      </c>
      <c r="JO20" s="345">
        <v>2082222</v>
      </c>
      <c r="JP20" s="349">
        <v>35210516</v>
      </c>
      <c r="JQ20" s="347">
        <v>35210516</v>
      </c>
      <c r="JR20" s="348">
        <v>0</v>
      </c>
      <c r="JS20" s="345">
        <v>86431</v>
      </c>
      <c r="JT20" s="346">
        <v>86431</v>
      </c>
      <c r="JU20" s="351">
        <v>0</v>
      </c>
      <c r="JV20" s="345">
        <v>79361</v>
      </c>
      <c r="JW20" s="345">
        <v>197933</v>
      </c>
      <c r="JX20" s="345">
        <v>909142</v>
      </c>
      <c r="JY20" s="345">
        <v>242671</v>
      </c>
      <c r="JZ20" s="345">
        <v>311275</v>
      </c>
      <c r="KA20" s="349">
        <v>1740382</v>
      </c>
      <c r="KB20" s="347">
        <v>1826813</v>
      </c>
      <c r="KC20" s="352">
        <v>102146</v>
      </c>
      <c r="KD20" s="353">
        <v>985263</v>
      </c>
      <c r="KE20" s="349">
        <v>1087409</v>
      </c>
      <c r="KF20" s="351">
        <v>0</v>
      </c>
      <c r="KG20" s="345">
        <v>2209640</v>
      </c>
      <c r="KH20" s="345">
        <v>1570927</v>
      </c>
      <c r="KI20" s="345">
        <v>180926</v>
      </c>
      <c r="KJ20" s="345">
        <v>1403111</v>
      </c>
      <c r="KK20" s="345">
        <v>783418</v>
      </c>
      <c r="KL20" s="349">
        <v>6148022</v>
      </c>
      <c r="KM20" s="354">
        <v>7235431</v>
      </c>
      <c r="KN20" s="342">
        <v>0</v>
      </c>
      <c r="KO20" s="343">
        <v>260238</v>
      </c>
      <c r="KP20" s="344">
        <v>260238</v>
      </c>
      <c r="KQ20" s="413">
        <v>0</v>
      </c>
      <c r="KR20" s="345">
        <v>9939641</v>
      </c>
      <c r="KS20" s="345">
        <v>12696015</v>
      </c>
      <c r="KT20" s="345">
        <v>10669526</v>
      </c>
      <c r="KU20" s="345">
        <v>6308425</v>
      </c>
      <c r="KV20" s="345">
        <v>5499544</v>
      </c>
      <c r="KW20" s="349">
        <v>45113151</v>
      </c>
      <c r="KX20" s="347">
        <v>45373389</v>
      </c>
      <c r="KY20" s="348">
        <v>0</v>
      </c>
      <c r="KZ20" s="345">
        <v>0</v>
      </c>
      <c r="LA20" s="349">
        <v>0</v>
      </c>
      <c r="LB20" s="413">
        <v>0</v>
      </c>
      <c r="LC20" s="345">
        <v>0</v>
      </c>
      <c r="LD20" s="345">
        <v>0</v>
      </c>
      <c r="LE20" s="345">
        <v>0</v>
      </c>
      <c r="LF20" s="345">
        <v>0</v>
      </c>
      <c r="LG20" s="345">
        <v>0</v>
      </c>
      <c r="LH20" s="349">
        <v>0</v>
      </c>
      <c r="LI20" s="350">
        <v>0</v>
      </c>
      <c r="LJ20" s="348">
        <v>0</v>
      </c>
      <c r="LK20" s="345">
        <v>0</v>
      </c>
      <c r="LL20" s="349">
        <v>0</v>
      </c>
      <c r="LM20" s="413">
        <v>0</v>
      </c>
      <c r="LN20" s="345">
        <v>0</v>
      </c>
      <c r="LO20" s="345">
        <v>0</v>
      </c>
      <c r="LP20" s="345">
        <v>2965603</v>
      </c>
      <c r="LQ20" s="345">
        <v>3627203</v>
      </c>
      <c r="LR20" s="345">
        <v>2680994</v>
      </c>
      <c r="LS20" s="349">
        <v>9273800</v>
      </c>
      <c r="LT20" s="347">
        <v>9273800</v>
      </c>
      <c r="LU20" s="348">
        <v>0</v>
      </c>
      <c r="LV20" s="345">
        <v>0</v>
      </c>
      <c r="LW20" s="349">
        <v>0</v>
      </c>
      <c r="LX20" s="413">
        <v>0</v>
      </c>
      <c r="LY20" s="345">
        <v>912871</v>
      </c>
      <c r="LZ20" s="345">
        <v>1838077</v>
      </c>
      <c r="MA20" s="345">
        <v>1626335</v>
      </c>
      <c r="MB20" s="345">
        <v>1414117</v>
      </c>
      <c r="MC20" s="345">
        <v>363621</v>
      </c>
      <c r="MD20" s="349">
        <v>6155021</v>
      </c>
      <c r="ME20" s="350">
        <v>6155021</v>
      </c>
      <c r="MF20" s="348">
        <v>0</v>
      </c>
      <c r="MG20" s="345">
        <v>0</v>
      </c>
      <c r="MH20" s="349">
        <v>0</v>
      </c>
      <c r="MI20" s="413">
        <v>0</v>
      </c>
      <c r="MJ20" s="345">
        <v>4914227</v>
      </c>
      <c r="MK20" s="345">
        <v>8560080</v>
      </c>
      <c r="ML20" s="345">
        <v>38185761</v>
      </c>
      <c r="MM20" s="345">
        <v>68412643</v>
      </c>
      <c r="MN20" s="345">
        <v>30785987</v>
      </c>
      <c r="MO20" s="349">
        <v>150858698</v>
      </c>
      <c r="MP20" s="354">
        <v>150858698</v>
      </c>
      <c r="MQ20" s="348">
        <v>0</v>
      </c>
      <c r="MR20" s="345">
        <v>0</v>
      </c>
      <c r="MS20" s="349">
        <v>0</v>
      </c>
      <c r="MT20" s="413">
        <v>0</v>
      </c>
      <c r="MU20" s="345">
        <v>237349</v>
      </c>
      <c r="MV20" s="345">
        <v>243922</v>
      </c>
      <c r="MW20" s="345">
        <v>23908510</v>
      </c>
      <c r="MX20" s="345">
        <v>48290599</v>
      </c>
      <c r="MY20" s="345">
        <v>21585401</v>
      </c>
      <c r="MZ20" s="349">
        <v>94265781</v>
      </c>
      <c r="NA20" s="354">
        <v>94265781</v>
      </c>
      <c r="NB20" s="348">
        <v>0</v>
      </c>
      <c r="NC20" s="345">
        <v>0</v>
      </c>
      <c r="ND20" s="349">
        <v>0</v>
      </c>
      <c r="NE20" s="413">
        <v>0</v>
      </c>
      <c r="NF20" s="345">
        <v>4676878</v>
      </c>
      <c r="NG20" s="345">
        <v>8316158</v>
      </c>
      <c r="NH20" s="345">
        <v>14277251</v>
      </c>
      <c r="NI20" s="345">
        <v>20122044</v>
      </c>
      <c r="NJ20" s="345">
        <v>9200586</v>
      </c>
      <c r="NK20" s="349">
        <v>56592917</v>
      </c>
      <c r="NL20" s="347">
        <v>56592917</v>
      </c>
      <c r="NM20" s="348">
        <v>0</v>
      </c>
      <c r="NN20" s="345">
        <v>0</v>
      </c>
      <c r="NO20" s="349">
        <v>0</v>
      </c>
      <c r="NP20" s="413">
        <v>0</v>
      </c>
      <c r="NQ20" s="345">
        <v>0</v>
      </c>
      <c r="NR20" s="345">
        <v>0</v>
      </c>
      <c r="NS20" s="345">
        <v>0</v>
      </c>
      <c r="NT20" s="345">
        <v>0</v>
      </c>
      <c r="NU20" s="345">
        <v>0</v>
      </c>
      <c r="NV20" s="349">
        <v>0</v>
      </c>
      <c r="NW20" s="350">
        <v>0</v>
      </c>
      <c r="NX20" s="348">
        <v>0</v>
      </c>
      <c r="NY20" s="345">
        <v>0</v>
      </c>
      <c r="NZ20" s="349">
        <v>0</v>
      </c>
      <c r="OA20" s="413">
        <v>0</v>
      </c>
      <c r="OB20" s="345">
        <v>0</v>
      </c>
      <c r="OC20" s="345">
        <v>0</v>
      </c>
      <c r="OD20" s="345">
        <v>0</v>
      </c>
      <c r="OE20" s="345">
        <v>0</v>
      </c>
      <c r="OF20" s="345">
        <v>0</v>
      </c>
      <c r="OG20" s="349">
        <v>0</v>
      </c>
      <c r="OH20" s="350">
        <v>0</v>
      </c>
      <c r="OI20" s="348">
        <v>3294925</v>
      </c>
      <c r="OJ20" s="345">
        <v>5218455</v>
      </c>
      <c r="OK20" s="346">
        <v>8513380</v>
      </c>
      <c r="OL20" s="351">
        <v>0</v>
      </c>
      <c r="OM20" s="345">
        <v>64091660</v>
      </c>
      <c r="ON20" s="345">
        <v>83660877</v>
      </c>
      <c r="OO20" s="345">
        <v>101151865</v>
      </c>
      <c r="OP20" s="345">
        <v>131196562</v>
      </c>
      <c r="OQ20" s="345">
        <v>70770389</v>
      </c>
      <c r="OR20" s="349">
        <v>450871353</v>
      </c>
      <c r="OS20" s="354">
        <v>459384733</v>
      </c>
    </row>
    <row r="21" spans="2:409" s="70" customFormat="1" ht="21" customHeight="1" x14ac:dyDescent="0.2">
      <c r="B21" s="410" t="s">
        <v>16</v>
      </c>
      <c r="C21" s="326">
        <v>6365801</v>
      </c>
      <c r="D21" s="327">
        <v>15089767</v>
      </c>
      <c r="E21" s="328">
        <v>21455568</v>
      </c>
      <c r="F21" s="329">
        <v>0</v>
      </c>
      <c r="G21" s="327">
        <v>89512096</v>
      </c>
      <c r="H21" s="327">
        <v>149859074</v>
      </c>
      <c r="I21" s="327">
        <v>111013291</v>
      </c>
      <c r="J21" s="327">
        <v>116966222</v>
      </c>
      <c r="K21" s="327">
        <v>69589172</v>
      </c>
      <c r="L21" s="329">
        <v>536939855</v>
      </c>
      <c r="M21" s="330">
        <v>558395423</v>
      </c>
      <c r="N21" s="326">
        <v>984560</v>
      </c>
      <c r="O21" s="327">
        <v>2434095</v>
      </c>
      <c r="P21" s="328">
        <v>3418655</v>
      </c>
      <c r="Q21" s="326">
        <v>0</v>
      </c>
      <c r="R21" s="327">
        <v>17165964</v>
      </c>
      <c r="S21" s="327">
        <v>35597278</v>
      </c>
      <c r="T21" s="327">
        <v>28912605</v>
      </c>
      <c r="U21" s="327">
        <v>34317944</v>
      </c>
      <c r="V21" s="327">
        <v>25032534</v>
      </c>
      <c r="W21" s="328">
        <v>141026325</v>
      </c>
      <c r="X21" s="330">
        <v>144444980</v>
      </c>
      <c r="Y21" s="326">
        <v>0</v>
      </c>
      <c r="Z21" s="327">
        <v>0</v>
      </c>
      <c r="AA21" s="328">
        <v>0</v>
      </c>
      <c r="AB21" s="326">
        <v>0</v>
      </c>
      <c r="AC21" s="327">
        <v>6785530</v>
      </c>
      <c r="AD21" s="327">
        <v>12972752</v>
      </c>
      <c r="AE21" s="327">
        <v>14680055</v>
      </c>
      <c r="AF21" s="327">
        <v>18436267</v>
      </c>
      <c r="AG21" s="327">
        <v>12048499</v>
      </c>
      <c r="AH21" s="328">
        <v>64923103</v>
      </c>
      <c r="AI21" s="330">
        <v>64923103</v>
      </c>
      <c r="AJ21" s="326">
        <v>0</v>
      </c>
      <c r="AK21" s="327">
        <v>0</v>
      </c>
      <c r="AL21" s="328">
        <v>0</v>
      </c>
      <c r="AM21" s="326">
        <v>0</v>
      </c>
      <c r="AN21" s="327">
        <v>128993</v>
      </c>
      <c r="AO21" s="327">
        <v>345693</v>
      </c>
      <c r="AP21" s="327">
        <v>487557</v>
      </c>
      <c r="AQ21" s="327">
        <v>1563456</v>
      </c>
      <c r="AR21" s="327">
        <v>2951958</v>
      </c>
      <c r="AS21" s="328">
        <v>5477657</v>
      </c>
      <c r="AT21" s="330">
        <v>5477657</v>
      </c>
      <c r="AU21" s="326">
        <v>377006</v>
      </c>
      <c r="AV21" s="327">
        <v>1618439</v>
      </c>
      <c r="AW21" s="328">
        <v>1995445</v>
      </c>
      <c r="AX21" s="326">
        <v>0</v>
      </c>
      <c r="AY21" s="327">
        <v>6434770</v>
      </c>
      <c r="AZ21" s="327">
        <v>15481031</v>
      </c>
      <c r="BA21" s="327">
        <v>9182414</v>
      </c>
      <c r="BB21" s="327">
        <v>9349477</v>
      </c>
      <c r="BC21" s="327">
        <v>6707485</v>
      </c>
      <c r="BD21" s="328">
        <v>47155177</v>
      </c>
      <c r="BE21" s="330">
        <v>49150622</v>
      </c>
      <c r="BF21" s="326">
        <v>205794</v>
      </c>
      <c r="BG21" s="327">
        <v>278067</v>
      </c>
      <c r="BH21" s="331">
        <v>483861</v>
      </c>
      <c r="BI21" s="332">
        <v>0</v>
      </c>
      <c r="BJ21" s="327">
        <v>267576</v>
      </c>
      <c r="BK21" s="327">
        <v>1518071</v>
      </c>
      <c r="BL21" s="327">
        <v>533358</v>
      </c>
      <c r="BM21" s="327">
        <v>361680</v>
      </c>
      <c r="BN21" s="327">
        <v>410172</v>
      </c>
      <c r="BO21" s="328">
        <v>3090857</v>
      </c>
      <c r="BP21" s="330">
        <v>3574718</v>
      </c>
      <c r="BQ21" s="326">
        <v>401760</v>
      </c>
      <c r="BR21" s="327">
        <v>537589</v>
      </c>
      <c r="BS21" s="328">
        <v>939349</v>
      </c>
      <c r="BT21" s="326">
        <v>0</v>
      </c>
      <c r="BU21" s="327">
        <v>3549095</v>
      </c>
      <c r="BV21" s="327">
        <v>5279731</v>
      </c>
      <c r="BW21" s="327">
        <v>4029221</v>
      </c>
      <c r="BX21" s="327">
        <v>4607064</v>
      </c>
      <c r="BY21" s="327">
        <v>2914420</v>
      </c>
      <c r="BZ21" s="328">
        <v>20379531</v>
      </c>
      <c r="CA21" s="330">
        <v>21318880</v>
      </c>
      <c r="CB21" s="326">
        <v>1006448</v>
      </c>
      <c r="CC21" s="327">
        <v>4585033</v>
      </c>
      <c r="CD21" s="328">
        <v>5591481</v>
      </c>
      <c r="CE21" s="326">
        <v>0</v>
      </c>
      <c r="CF21" s="327">
        <v>32907702</v>
      </c>
      <c r="CG21" s="327">
        <v>55056798</v>
      </c>
      <c r="CH21" s="327">
        <v>35255306</v>
      </c>
      <c r="CI21" s="327">
        <v>30549535</v>
      </c>
      <c r="CJ21" s="327">
        <v>15321958</v>
      </c>
      <c r="CK21" s="328">
        <v>169091299</v>
      </c>
      <c r="CL21" s="330">
        <v>174682780</v>
      </c>
      <c r="CM21" s="326">
        <v>0</v>
      </c>
      <c r="CN21" s="327">
        <v>0</v>
      </c>
      <c r="CO21" s="328">
        <v>0</v>
      </c>
      <c r="CP21" s="332">
        <v>0</v>
      </c>
      <c r="CQ21" s="327">
        <v>22447869</v>
      </c>
      <c r="CR21" s="327">
        <v>35523304</v>
      </c>
      <c r="CS21" s="327">
        <v>26396883</v>
      </c>
      <c r="CT21" s="327">
        <v>23712391</v>
      </c>
      <c r="CU21" s="327">
        <v>12017234</v>
      </c>
      <c r="CV21" s="328">
        <v>120097681</v>
      </c>
      <c r="CW21" s="330">
        <v>120097681</v>
      </c>
      <c r="CX21" s="326">
        <v>1006448</v>
      </c>
      <c r="CY21" s="327">
        <v>4585033</v>
      </c>
      <c r="CZ21" s="328">
        <v>5591481</v>
      </c>
      <c r="DA21" s="326">
        <v>0</v>
      </c>
      <c r="DB21" s="327">
        <v>10459833</v>
      </c>
      <c r="DC21" s="327">
        <v>19533494</v>
      </c>
      <c r="DD21" s="327">
        <v>8858423</v>
      </c>
      <c r="DE21" s="327">
        <v>6837144</v>
      </c>
      <c r="DF21" s="327">
        <v>3304724</v>
      </c>
      <c r="DG21" s="328">
        <v>48993618</v>
      </c>
      <c r="DH21" s="330">
        <v>54585099</v>
      </c>
      <c r="DI21" s="326">
        <v>0</v>
      </c>
      <c r="DJ21" s="327">
        <v>107008</v>
      </c>
      <c r="DK21" s="331">
        <v>107008</v>
      </c>
      <c r="DL21" s="332">
        <v>0</v>
      </c>
      <c r="DM21" s="327">
        <v>2143665</v>
      </c>
      <c r="DN21" s="327">
        <v>6004919</v>
      </c>
      <c r="DO21" s="327">
        <v>7570276</v>
      </c>
      <c r="DP21" s="327">
        <v>6843007</v>
      </c>
      <c r="DQ21" s="327">
        <v>2570206</v>
      </c>
      <c r="DR21" s="328">
        <v>25132073</v>
      </c>
      <c r="DS21" s="330">
        <v>25239081</v>
      </c>
      <c r="DT21" s="326">
        <v>0</v>
      </c>
      <c r="DU21" s="327">
        <v>107008</v>
      </c>
      <c r="DV21" s="328">
        <v>107008</v>
      </c>
      <c r="DW21" s="326">
        <v>0</v>
      </c>
      <c r="DX21" s="327">
        <v>1982320</v>
      </c>
      <c r="DY21" s="327">
        <v>5652867</v>
      </c>
      <c r="DZ21" s="327">
        <v>6965864</v>
      </c>
      <c r="EA21" s="327">
        <v>6279867</v>
      </c>
      <c r="EB21" s="327">
        <v>2367936</v>
      </c>
      <c r="EC21" s="328">
        <v>23248854</v>
      </c>
      <c r="ED21" s="330">
        <v>23355862</v>
      </c>
      <c r="EE21" s="326">
        <v>0</v>
      </c>
      <c r="EF21" s="331">
        <v>0</v>
      </c>
      <c r="EG21" s="328">
        <v>0</v>
      </c>
      <c r="EH21" s="326">
        <v>0</v>
      </c>
      <c r="EI21" s="327">
        <v>161345</v>
      </c>
      <c r="EJ21" s="327">
        <v>352052</v>
      </c>
      <c r="EK21" s="327">
        <v>604412</v>
      </c>
      <c r="EL21" s="327">
        <v>563140</v>
      </c>
      <c r="EM21" s="327">
        <v>202270</v>
      </c>
      <c r="EN21" s="331">
        <v>1883219</v>
      </c>
      <c r="EO21" s="330">
        <v>1883219</v>
      </c>
      <c r="EP21" s="326">
        <v>0</v>
      </c>
      <c r="EQ21" s="327">
        <v>0</v>
      </c>
      <c r="ER21" s="331">
        <v>0</v>
      </c>
      <c r="ES21" s="332">
        <v>0</v>
      </c>
      <c r="ET21" s="327">
        <v>0</v>
      </c>
      <c r="EU21" s="327">
        <v>0</v>
      </c>
      <c r="EV21" s="327">
        <v>0</v>
      </c>
      <c r="EW21" s="327">
        <v>0</v>
      </c>
      <c r="EX21" s="327">
        <v>0</v>
      </c>
      <c r="EY21" s="328">
        <v>0</v>
      </c>
      <c r="EZ21" s="330">
        <v>0</v>
      </c>
      <c r="FA21" s="326">
        <v>0</v>
      </c>
      <c r="FB21" s="327">
        <v>0</v>
      </c>
      <c r="FC21" s="331">
        <v>0</v>
      </c>
      <c r="FD21" s="332">
        <v>0</v>
      </c>
      <c r="FE21" s="327">
        <v>0</v>
      </c>
      <c r="FF21" s="327">
        <v>0</v>
      </c>
      <c r="FG21" s="327">
        <v>0</v>
      </c>
      <c r="FH21" s="327">
        <v>0</v>
      </c>
      <c r="FI21" s="327">
        <v>0</v>
      </c>
      <c r="FJ21" s="328">
        <v>0</v>
      </c>
      <c r="FK21" s="330">
        <v>0</v>
      </c>
      <c r="FL21" s="326">
        <v>1679360</v>
      </c>
      <c r="FM21" s="327">
        <v>3767404</v>
      </c>
      <c r="FN21" s="328">
        <v>5446764</v>
      </c>
      <c r="FO21" s="326">
        <v>0</v>
      </c>
      <c r="FP21" s="327">
        <v>3866736</v>
      </c>
      <c r="FQ21" s="327">
        <v>12966367</v>
      </c>
      <c r="FR21" s="327">
        <v>8086691</v>
      </c>
      <c r="FS21" s="327">
        <v>7618140</v>
      </c>
      <c r="FT21" s="327">
        <v>5196911</v>
      </c>
      <c r="FU21" s="328">
        <v>37734845</v>
      </c>
      <c r="FV21" s="330">
        <v>43181609</v>
      </c>
      <c r="FW21" s="333">
        <v>913019</v>
      </c>
      <c r="FX21" s="327">
        <v>2516249</v>
      </c>
      <c r="FY21" s="331">
        <v>3429268</v>
      </c>
      <c r="FZ21" s="332">
        <v>0</v>
      </c>
      <c r="GA21" s="327">
        <v>3052379</v>
      </c>
      <c r="GB21" s="327">
        <v>11957198</v>
      </c>
      <c r="GC21" s="327">
        <v>7216155</v>
      </c>
      <c r="GD21" s="327">
        <v>7013685</v>
      </c>
      <c r="GE21" s="327">
        <v>5044181</v>
      </c>
      <c r="GF21" s="328">
        <v>34283598</v>
      </c>
      <c r="GG21" s="334">
        <v>37712866</v>
      </c>
      <c r="GH21" s="333">
        <v>150034</v>
      </c>
      <c r="GI21" s="327">
        <v>368342</v>
      </c>
      <c r="GJ21" s="331">
        <v>518376</v>
      </c>
      <c r="GK21" s="332">
        <v>0</v>
      </c>
      <c r="GL21" s="327">
        <v>245047</v>
      </c>
      <c r="GM21" s="327">
        <v>412371</v>
      </c>
      <c r="GN21" s="327">
        <v>433540</v>
      </c>
      <c r="GO21" s="327">
        <v>270875</v>
      </c>
      <c r="GP21" s="327">
        <v>36630</v>
      </c>
      <c r="GQ21" s="328">
        <v>1398463</v>
      </c>
      <c r="GR21" s="330">
        <v>1916839</v>
      </c>
      <c r="GS21" s="326">
        <v>616307</v>
      </c>
      <c r="GT21" s="327">
        <v>882813</v>
      </c>
      <c r="GU21" s="328">
        <v>1499120</v>
      </c>
      <c r="GV21" s="326">
        <v>0</v>
      </c>
      <c r="GW21" s="327">
        <v>569310</v>
      </c>
      <c r="GX21" s="327">
        <v>596798</v>
      </c>
      <c r="GY21" s="327">
        <v>436996</v>
      </c>
      <c r="GZ21" s="327">
        <v>333580</v>
      </c>
      <c r="HA21" s="327">
        <v>116100</v>
      </c>
      <c r="HB21" s="331">
        <v>2052784</v>
      </c>
      <c r="HC21" s="330">
        <v>3551904</v>
      </c>
      <c r="HD21" s="326">
        <v>1589729</v>
      </c>
      <c r="HE21" s="327">
        <v>1762288</v>
      </c>
      <c r="HF21" s="331">
        <v>3352017</v>
      </c>
      <c r="HG21" s="332">
        <v>0</v>
      </c>
      <c r="HH21" s="327">
        <v>20489510</v>
      </c>
      <c r="HI21" s="327">
        <v>22396394</v>
      </c>
      <c r="HJ21" s="327">
        <v>20545271</v>
      </c>
      <c r="HK21" s="327">
        <v>29902558</v>
      </c>
      <c r="HL21" s="327">
        <v>17546473</v>
      </c>
      <c r="HM21" s="328">
        <v>110880206</v>
      </c>
      <c r="HN21" s="329">
        <v>114232223</v>
      </c>
      <c r="HO21" s="333">
        <v>1105704</v>
      </c>
      <c r="HP21" s="327">
        <v>2433939</v>
      </c>
      <c r="HQ21" s="328">
        <v>3539643</v>
      </c>
      <c r="HR21" s="326">
        <v>0</v>
      </c>
      <c r="HS21" s="327">
        <v>12938519</v>
      </c>
      <c r="HT21" s="327">
        <v>17837318</v>
      </c>
      <c r="HU21" s="327">
        <v>10643142</v>
      </c>
      <c r="HV21" s="327">
        <v>7735038</v>
      </c>
      <c r="HW21" s="327">
        <v>3921090</v>
      </c>
      <c r="HX21" s="331">
        <v>53075107</v>
      </c>
      <c r="HY21" s="330">
        <v>56614750</v>
      </c>
      <c r="HZ21" s="335">
        <v>148629</v>
      </c>
      <c r="IA21" s="336">
        <v>597660</v>
      </c>
      <c r="IB21" s="337">
        <v>746289</v>
      </c>
      <c r="IC21" s="338">
        <v>0</v>
      </c>
      <c r="ID21" s="336">
        <v>18113364</v>
      </c>
      <c r="IE21" s="339">
        <v>33128726</v>
      </c>
      <c r="IF21" s="337">
        <v>33358237</v>
      </c>
      <c r="IG21" s="336">
        <v>30553681</v>
      </c>
      <c r="IH21" s="337">
        <v>19907679</v>
      </c>
      <c r="II21" s="340">
        <v>135061687</v>
      </c>
      <c r="IJ21" s="341">
        <v>135807976</v>
      </c>
      <c r="IK21" s="342">
        <v>0</v>
      </c>
      <c r="IL21" s="343">
        <v>0</v>
      </c>
      <c r="IM21" s="344">
        <v>0</v>
      </c>
      <c r="IN21" s="404">
        <v>0</v>
      </c>
      <c r="IO21" s="345">
        <v>470845</v>
      </c>
      <c r="IP21" s="345">
        <v>1387992</v>
      </c>
      <c r="IQ21" s="345">
        <v>3867141</v>
      </c>
      <c r="IR21" s="345">
        <v>2778295</v>
      </c>
      <c r="IS21" s="345">
        <v>2263735</v>
      </c>
      <c r="IT21" s="346">
        <v>10768008</v>
      </c>
      <c r="IU21" s="347">
        <v>10768008</v>
      </c>
      <c r="IV21" s="348">
        <v>0</v>
      </c>
      <c r="IW21" s="345">
        <v>0</v>
      </c>
      <c r="IX21" s="349">
        <v>0</v>
      </c>
      <c r="IY21" s="413">
        <v>0</v>
      </c>
      <c r="IZ21" s="345">
        <v>0</v>
      </c>
      <c r="JA21" s="345">
        <v>54688</v>
      </c>
      <c r="JB21" s="345">
        <v>64416</v>
      </c>
      <c r="JC21" s="345">
        <v>21325</v>
      </c>
      <c r="JD21" s="345">
        <v>18671</v>
      </c>
      <c r="JE21" s="349">
        <v>159100</v>
      </c>
      <c r="JF21" s="350">
        <v>159100</v>
      </c>
      <c r="JG21" s="348">
        <v>0</v>
      </c>
      <c r="JH21" s="345">
        <v>0</v>
      </c>
      <c r="JI21" s="346">
        <v>0</v>
      </c>
      <c r="JJ21" s="351">
        <v>0</v>
      </c>
      <c r="JK21" s="345">
        <v>7919783</v>
      </c>
      <c r="JL21" s="345">
        <v>11756199</v>
      </c>
      <c r="JM21" s="345">
        <v>8765164</v>
      </c>
      <c r="JN21" s="345">
        <v>5430748</v>
      </c>
      <c r="JO21" s="345">
        <v>2066408</v>
      </c>
      <c r="JP21" s="349">
        <v>35938302</v>
      </c>
      <c r="JQ21" s="347">
        <v>35938302</v>
      </c>
      <c r="JR21" s="348">
        <v>0</v>
      </c>
      <c r="JS21" s="345">
        <v>0</v>
      </c>
      <c r="JT21" s="346">
        <v>0</v>
      </c>
      <c r="JU21" s="351">
        <v>0</v>
      </c>
      <c r="JV21" s="345">
        <v>579553</v>
      </c>
      <c r="JW21" s="345">
        <v>913885</v>
      </c>
      <c r="JX21" s="345">
        <v>761400</v>
      </c>
      <c r="JY21" s="345">
        <v>1075205</v>
      </c>
      <c r="JZ21" s="345">
        <v>483014</v>
      </c>
      <c r="KA21" s="349">
        <v>3813057</v>
      </c>
      <c r="KB21" s="347">
        <v>3813057</v>
      </c>
      <c r="KC21" s="352">
        <v>148629</v>
      </c>
      <c r="KD21" s="353">
        <v>339449</v>
      </c>
      <c r="KE21" s="349">
        <v>488078</v>
      </c>
      <c r="KF21" s="351">
        <v>0</v>
      </c>
      <c r="KG21" s="345">
        <v>2609104</v>
      </c>
      <c r="KH21" s="345">
        <v>4869395</v>
      </c>
      <c r="KI21" s="345">
        <v>3593773</v>
      </c>
      <c r="KJ21" s="345">
        <v>4863716</v>
      </c>
      <c r="KK21" s="345">
        <v>3186517</v>
      </c>
      <c r="KL21" s="349">
        <v>19122505</v>
      </c>
      <c r="KM21" s="354">
        <v>19610583</v>
      </c>
      <c r="KN21" s="342">
        <v>0</v>
      </c>
      <c r="KO21" s="343">
        <v>258211</v>
      </c>
      <c r="KP21" s="344">
        <v>258211</v>
      </c>
      <c r="KQ21" s="413">
        <v>0</v>
      </c>
      <c r="KR21" s="345">
        <v>6223273</v>
      </c>
      <c r="KS21" s="345">
        <v>13152474</v>
      </c>
      <c r="KT21" s="345">
        <v>12461977</v>
      </c>
      <c r="KU21" s="345">
        <v>11733174</v>
      </c>
      <c r="KV21" s="345">
        <v>6659536</v>
      </c>
      <c r="KW21" s="349">
        <v>50230434</v>
      </c>
      <c r="KX21" s="347">
        <v>50488645</v>
      </c>
      <c r="KY21" s="348">
        <v>0</v>
      </c>
      <c r="KZ21" s="345">
        <v>0</v>
      </c>
      <c r="LA21" s="349">
        <v>0</v>
      </c>
      <c r="LB21" s="413">
        <v>0</v>
      </c>
      <c r="LC21" s="345">
        <v>0</v>
      </c>
      <c r="LD21" s="345">
        <v>0</v>
      </c>
      <c r="LE21" s="345">
        <v>0</v>
      </c>
      <c r="LF21" s="345">
        <v>0</v>
      </c>
      <c r="LG21" s="345">
        <v>0</v>
      </c>
      <c r="LH21" s="349">
        <v>0</v>
      </c>
      <c r="LI21" s="350">
        <v>0</v>
      </c>
      <c r="LJ21" s="348">
        <v>0</v>
      </c>
      <c r="LK21" s="345">
        <v>0</v>
      </c>
      <c r="LL21" s="349">
        <v>0</v>
      </c>
      <c r="LM21" s="413">
        <v>0</v>
      </c>
      <c r="LN21" s="345">
        <v>0</v>
      </c>
      <c r="LO21" s="345">
        <v>0</v>
      </c>
      <c r="LP21" s="345">
        <v>2018730</v>
      </c>
      <c r="LQ21" s="345">
        <v>3726030</v>
      </c>
      <c r="LR21" s="345">
        <v>2588370</v>
      </c>
      <c r="LS21" s="349">
        <v>8333130</v>
      </c>
      <c r="LT21" s="347">
        <v>8333130</v>
      </c>
      <c r="LU21" s="348">
        <v>0</v>
      </c>
      <c r="LV21" s="345">
        <v>0</v>
      </c>
      <c r="LW21" s="349">
        <v>0</v>
      </c>
      <c r="LX21" s="413">
        <v>0</v>
      </c>
      <c r="LY21" s="345">
        <v>310806</v>
      </c>
      <c r="LZ21" s="345">
        <v>994093</v>
      </c>
      <c r="MA21" s="345">
        <v>1825636</v>
      </c>
      <c r="MB21" s="345">
        <v>925188</v>
      </c>
      <c r="MC21" s="345">
        <v>2641428</v>
      </c>
      <c r="MD21" s="349">
        <v>6697151</v>
      </c>
      <c r="ME21" s="350">
        <v>6697151</v>
      </c>
      <c r="MF21" s="348">
        <v>0</v>
      </c>
      <c r="MG21" s="345">
        <v>0</v>
      </c>
      <c r="MH21" s="349">
        <v>0</v>
      </c>
      <c r="MI21" s="413">
        <v>0</v>
      </c>
      <c r="MJ21" s="345">
        <v>14826304</v>
      </c>
      <c r="MK21" s="345">
        <v>28358454</v>
      </c>
      <c r="ML21" s="345">
        <v>110266433</v>
      </c>
      <c r="MM21" s="345">
        <v>148246640</v>
      </c>
      <c r="MN21" s="345">
        <v>82798840</v>
      </c>
      <c r="MO21" s="349">
        <v>384496671</v>
      </c>
      <c r="MP21" s="354">
        <v>384496671</v>
      </c>
      <c r="MQ21" s="348">
        <v>0</v>
      </c>
      <c r="MR21" s="345">
        <v>0</v>
      </c>
      <c r="MS21" s="349">
        <v>0</v>
      </c>
      <c r="MT21" s="413">
        <v>0</v>
      </c>
      <c r="MU21" s="345">
        <v>1583842</v>
      </c>
      <c r="MV21" s="345">
        <v>4127567</v>
      </c>
      <c r="MW21" s="345">
        <v>67252543</v>
      </c>
      <c r="MX21" s="345">
        <v>104414044</v>
      </c>
      <c r="MY21" s="345">
        <v>59300206</v>
      </c>
      <c r="MZ21" s="349">
        <v>236678202</v>
      </c>
      <c r="NA21" s="354">
        <v>236678202</v>
      </c>
      <c r="NB21" s="348">
        <v>0</v>
      </c>
      <c r="NC21" s="345">
        <v>0</v>
      </c>
      <c r="ND21" s="349">
        <v>0</v>
      </c>
      <c r="NE21" s="413">
        <v>0</v>
      </c>
      <c r="NF21" s="345">
        <v>13242462</v>
      </c>
      <c r="NG21" s="345">
        <v>24230887</v>
      </c>
      <c r="NH21" s="345">
        <v>42287230</v>
      </c>
      <c r="NI21" s="345">
        <v>38173996</v>
      </c>
      <c r="NJ21" s="345">
        <v>19510277</v>
      </c>
      <c r="NK21" s="349">
        <v>137444852</v>
      </c>
      <c r="NL21" s="347">
        <v>137444852</v>
      </c>
      <c r="NM21" s="348">
        <v>0</v>
      </c>
      <c r="NN21" s="345">
        <v>0</v>
      </c>
      <c r="NO21" s="349">
        <v>0</v>
      </c>
      <c r="NP21" s="413">
        <v>0</v>
      </c>
      <c r="NQ21" s="345">
        <v>0</v>
      </c>
      <c r="NR21" s="345">
        <v>0</v>
      </c>
      <c r="NS21" s="345">
        <v>0</v>
      </c>
      <c r="NT21" s="345">
        <v>0</v>
      </c>
      <c r="NU21" s="345">
        <v>0</v>
      </c>
      <c r="NV21" s="349">
        <v>0</v>
      </c>
      <c r="NW21" s="350">
        <v>0</v>
      </c>
      <c r="NX21" s="348">
        <v>0</v>
      </c>
      <c r="NY21" s="345">
        <v>0</v>
      </c>
      <c r="NZ21" s="349">
        <v>0</v>
      </c>
      <c r="OA21" s="413">
        <v>0</v>
      </c>
      <c r="OB21" s="345">
        <v>0</v>
      </c>
      <c r="OC21" s="345">
        <v>0</v>
      </c>
      <c r="OD21" s="345">
        <v>726660</v>
      </c>
      <c r="OE21" s="345">
        <v>5658600</v>
      </c>
      <c r="OF21" s="345">
        <v>3988357</v>
      </c>
      <c r="OG21" s="349">
        <v>10373617</v>
      </c>
      <c r="OH21" s="350">
        <v>10373617</v>
      </c>
      <c r="OI21" s="348">
        <v>6514430</v>
      </c>
      <c r="OJ21" s="345">
        <v>15687427</v>
      </c>
      <c r="OK21" s="346">
        <v>22201857</v>
      </c>
      <c r="OL21" s="351">
        <v>0</v>
      </c>
      <c r="OM21" s="345">
        <v>122451764</v>
      </c>
      <c r="ON21" s="345">
        <v>211346254</v>
      </c>
      <c r="OO21" s="345">
        <v>254637961</v>
      </c>
      <c r="OP21" s="345">
        <v>295766543</v>
      </c>
      <c r="OQ21" s="345">
        <v>172295691</v>
      </c>
      <c r="OR21" s="349">
        <v>1056498213</v>
      </c>
      <c r="OS21" s="354">
        <v>1078700070</v>
      </c>
    </row>
    <row r="22" spans="2:409" s="70" customFormat="1" ht="21" customHeight="1" x14ac:dyDescent="0.2">
      <c r="B22" s="410" t="s">
        <v>17</v>
      </c>
      <c r="C22" s="326">
        <v>7335376</v>
      </c>
      <c r="D22" s="327">
        <v>19400953</v>
      </c>
      <c r="E22" s="328">
        <v>26736329</v>
      </c>
      <c r="F22" s="329">
        <v>0</v>
      </c>
      <c r="G22" s="327">
        <v>85621532</v>
      </c>
      <c r="H22" s="327">
        <v>191403563</v>
      </c>
      <c r="I22" s="327">
        <v>162565000</v>
      </c>
      <c r="J22" s="327">
        <v>154488373</v>
      </c>
      <c r="K22" s="327">
        <v>105822145</v>
      </c>
      <c r="L22" s="329">
        <v>699900613</v>
      </c>
      <c r="M22" s="330">
        <v>726636942</v>
      </c>
      <c r="N22" s="326">
        <v>1720988</v>
      </c>
      <c r="O22" s="327">
        <v>4702410</v>
      </c>
      <c r="P22" s="328">
        <v>6423398</v>
      </c>
      <c r="Q22" s="326">
        <v>0</v>
      </c>
      <c r="R22" s="327">
        <v>20204339</v>
      </c>
      <c r="S22" s="327">
        <v>53205572</v>
      </c>
      <c r="T22" s="327">
        <v>54821506</v>
      </c>
      <c r="U22" s="327">
        <v>63923192</v>
      </c>
      <c r="V22" s="327">
        <v>50896301</v>
      </c>
      <c r="W22" s="328">
        <v>243050910</v>
      </c>
      <c r="X22" s="330">
        <v>249474308</v>
      </c>
      <c r="Y22" s="326">
        <v>0</v>
      </c>
      <c r="Z22" s="327">
        <v>0</v>
      </c>
      <c r="AA22" s="328">
        <v>0</v>
      </c>
      <c r="AB22" s="326">
        <v>0</v>
      </c>
      <c r="AC22" s="327">
        <v>7787809</v>
      </c>
      <c r="AD22" s="327">
        <v>25351067</v>
      </c>
      <c r="AE22" s="327">
        <v>31748757</v>
      </c>
      <c r="AF22" s="327">
        <v>40607012</v>
      </c>
      <c r="AG22" s="327">
        <v>29734785</v>
      </c>
      <c r="AH22" s="328">
        <v>135229430</v>
      </c>
      <c r="AI22" s="330">
        <v>135229430</v>
      </c>
      <c r="AJ22" s="326">
        <v>0</v>
      </c>
      <c r="AK22" s="327">
        <v>121069</v>
      </c>
      <c r="AL22" s="328">
        <v>121069</v>
      </c>
      <c r="AM22" s="326">
        <v>0</v>
      </c>
      <c r="AN22" s="327">
        <v>0</v>
      </c>
      <c r="AO22" s="327">
        <v>226521</v>
      </c>
      <c r="AP22" s="327">
        <v>1065144</v>
      </c>
      <c r="AQ22" s="327">
        <v>2767197</v>
      </c>
      <c r="AR22" s="327">
        <v>5973006</v>
      </c>
      <c r="AS22" s="328">
        <v>10031868</v>
      </c>
      <c r="AT22" s="330">
        <v>10152937</v>
      </c>
      <c r="AU22" s="326">
        <v>830338</v>
      </c>
      <c r="AV22" s="327">
        <v>3354982</v>
      </c>
      <c r="AW22" s="328">
        <v>4185320</v>
      </c>
      <c r="AX22" s="326">
        <v>0</v>
      </c>
      <c r="AY22" s="327">
        <v>7951851</v>
      </c>
      <c r="AZ22" s="327">
        <v>17942312</v>
      </c>
      <c r="BA22" s="327">
        <v>13056497</v>
      </c>
      <c r="BB22" s="327">
        <v>11486970</v>
      </c>
      <c r="BC22" s="327">
        <v>8791971</v>
      </c>
      <c r="BD22" s="328">
        <v>59229601</v>
      </c>
      <c r="BE22" s="330">
        <v>63414921</v>
      </c>
      <c r="BF22" s="326">
        <v>198338</v>
      </c>
      <c r="BG22" s="327">
        <v>341203</v>
      </c>
      <c r="BH22" s="331">
        <v>539541</v>
      </c>
      <c r="BI22" s="332">
        <v>0</v>
      </c>
      <c r="BJ22" s="327">
        <v>537136</v>
      </c>
      <c r="BK22" s="327">
        <v>1940987</v>
      </c>
      <c r="BL22" s="327">
        <v>1243119</v>
      </c>
      <c r="BM22" s="327">
        <v>1072804</v>
      </c>
      <c r="BN22" s="327">
        <v>930189</v>
      </c>
      <c r="BO22" s="328">
        <v>5724235</v>
      </c>
      <c r="BP22" s="330">
        <v>6263776</v>
      </c>
      <c r="BQ22" s="326">
        <v>692312</v>
      </c>
      <c r="BR22" s="327">
        <v>885156</v>
      </c>
      <c r="BS22" s="328">
        <v>1577468</v>
      </c>
      <c r="BT22" s="326">
        <v>0</v>
      </c>
      <c r="BU22" s="327">
        <v>3927543</v>
      </c>
      <c r="BV22" s="327">
        <v>7744685</v>
      </c>
      <c r="BW22" s="327">
        <v>7707989</v>
      </c>
      <c r="BX22" s="327">
        <v>7989209</v>
      </c>
      <c r="BY22" s="327">
        <v>5466350</v>
      </c>
      <c r="BZ22" s="328">
        <v>32835776</v>
      </c>
      <c r="CA22" s="330">
        <v>34413244</v>
      </c>
      <c r="CB22" s="326">
        <v>869861</v>
      </c>
      <c r="CC22" s="327">
        <v>3683180</v>
      </c>
      <c r="CD22" s="328">
        <v>4553041</v>
      </c>
      <c r="CE22" s="326">
        <v>0</v>
      </c>
      <c r="CF22" s="327">
        <v>27469107</v>
      </c>
      <c r="CG22" s="327">
        <v>59139659</v>
      </c>
      <c r="CH22" s="327">
        <v>47675359</v>
      </c>
      <c r="CI22" s="327">
        <v>30244341</v>
      </c>
      <c r="CJ22" s="327">
        <v>17990367</v>
      </c>
      <c r="CK22" s="328">
        <v>182518833</v>
      </c>
      <c r="CL22" s="330">
        <v>187071874</v>
      </c>
      <c r="CM22" s="326">
        <v>0</v>
      </c>
      <c r="CN22" s="327">
        <v>0</v>
      </c>
      <c r="CO22" s="328">
        <v>0</v>
      </c>
      <c r="CP22" s="332">
        <v>0</v>
      </c>
      <c r="CQ22" s="327">
        <v>23543378</v>
      </c>
      <c r="CR22" s="327">
        <v>43181594</v>
      </c>
      <c r="CS22" s="327">
        <v>38179072</v>
      </c>
      <c r="CT22" s="327">
        <v>25402887</v>
      </c>
      <c r="CU22" s="327">
        <v>16165222</v>
      </c>
      <c r="CV22" s="328">
        <v>146472153</v>
      </c>
      <c r="CW22" s="330">
        <v>146472153</v>
      </c>
      <c r="CX22" s="326">
        <v>869861</v>
      </c>
      <c r="CY22" s="327">
        <v>3683180</v>
      </c>
      <c r="CZ22" s="328">
        <v>4553041</v>
      </c>
      <c r="DA22" s="326">
        <v>0</v>
      </c>
      <c r="DB22" s="327">
        <v>3925729</v>
      </c>
      <c r="DC22" s="327">
        <v>15958065</v>
      </c>
      <c r="DD22" s="327">
        <v>9496287</v>
      </c>
      <c r="DE22" s="327">
        <v>4841454</v>
      </c>
      <c r="DF22" s="327">
        <v>1825145</v>
      </c>
      <c r="DG22" s="328">
        <v>36046680</v>
      </c>
      <c r="DH22" s="330">
        <v>40599721</v>
      </c>
      <c r="DI22" s="326">
        <v>26891</v>
      </c>
      <c r="DJ22" s="327">
        <v>135282</v>
      </c>
      <c r="DK22" s="331">
        <v>162173</v>
      </c>
      <c r="DL22" s="332">
        <v>0</v>
      </c>
      <c r="DM22" s="327">
        <v>2485070</v>
      </c>
      <c r="DN22" s="327">
        <v>8703575</v>
      </c>
      <c r="DO22" s="327">
        <v>11459747</v>
      </c>
      <c r="DP22" s="327">
        <v>12932013</v>
      </c>
      <c r="DQ22" s="327">
        <v>5987486</v>
      </c>
      <c r="DR22" s="328">
        <v>41567891</v>
      </c>
      <c r="DS22" s="330">
        <v>41730064</v>
      </c>
      <c r="DT22" s="326">
        <v>26891</v>
      </c>
      <c r="DU22" s="327">
        <v>135282</v>
      </c>
      <c r="DV22" s="328">
        <v>162173</v>
      </c>
      <c r="DW22" s="326">
        <v>0</v>
      </c>
      <c r="DX22" s="327">
        <v>2153603</v>
      </c>
      <c r="DY22" s="327">
        <v>7581155</v>
      </c>
      <c r="DZ22" s="327">
        <v>10590080</v>
      </c>
      <c r="EA22" s="327">
        <v>11332591</v>
      </c>
      <c r="EB22" s="327">
        <v>5370440</v>
      </c>
      <c r="EC22" s="328">
        <v>37027869</v>
      </c>
      <c r="ED22" s="330">
        <v>37190042</v>
      </c>
      <c r="EE22" s="326">
        <v>0</v>
      </c>
      <c r="EF22" s="331">
        <v>0</v>
      </c>
      <c r="EG22" s="328">
        <v>0</v>
      </c>
      <c r="EH22" s="326">
        <v>0</v>
      </c>
      <c r="EI22" s="327">
        <v>331467</v>
      </c>
      <c r="EJ22" s="327">
        <v>1122420</v>
      </c>
      <c r="EK22" s="327">
        <v>869667</v>
      </c>
      <c r="EL22" s="327">
        <v>1599422</v>
      </c>
      <c r="EM22" s="327">
        <v>617046</v>
      </c>
      <c r="EN22" s="331">
        <v>4540022</v>
      </c>
      <c r="EO22" s="330">
        <v>4540022</v>
      </c>
      <c r="EP22" s="326">
        <v>0</v>
      </c>
      <c r="EQ22" s="327">
        <v>0</v>
      </c>
      <c r="ER22" s="331">
        <v>0</v>
      </c>
      <c r="ES22" s="332">
        <v>0</v>
      </c>
      <c r="ET22" s="327">
        <v>0</v>
      </c>
      <c r="EU22" s="327">
        <v>0</v>
      </c>
      <c r="EV22" s="327">
        <v>0</v>
      </c>
      <c r="EW22" s="327">
        <v>0</v>
      </c>
      <c r="EX22" s="327">
        <v>0</v>
      </c>
      <c r="EY22" s="328">
        <v>0</v>
      </c>
      <c r="EZ22" s="330">
        <v>0</v>
      </c>
      <c r="FA22" s="326">
        <v>0</v>
      </c>
      <c r="FB22" s="327">
        <v>0</v>
      </c>
      <c r="FC22" s="331">
        <v>0</v>
      </c>
      <c r="FD22" s="332">
        <v>0</v>
      </c>
      <c r="FE22" s="327">
        <v>0</v>
      </c>
      <c r="FF22" s="327">
        <v>0</v>
      </c>
      <c r="FG22" s="327">
        <v>0</v>
      </c>
      <c r="FH22" s="327">
        <v>0</v>
      </c>
      <c r="FI22" s="327">
        <v>0</v>
      </c>
      <c r="FJ22" s="328">
        <v>0</v>
      </c>
      <c r="FK22" s="330">
        <v>0</v>
      </c>
      <c r="FL22" s="326">
        <v>1572216</v>
      </c>
      <c r="FM22" s="327">
        <v>4320515</v>
      </c>
      <c r="FN22" s="328">
        <v>5892731</v>
      </c>
      <c r="FO22" s="326">
        <v>0</v>
      </c>
      <c r="FP22" s="327">
        <v>4427694</v>
      </c>
      <c r="FQ22" s="327">
        <v>19151089</v>
      </c>
      <c r="FR22" s="327">
        <v>12745637</v>
      </c>
      <c r="FS22" s="327">
        <v>10888139</v>
      </c>
      <c r="FT22" s="327">
        <v>7628188</v>
      </c>
      <c r="FU22" s="328">
        <v>54840747</v>
      </c>
      <c r="FV22" s="330">
        <v>60733478</v>
      </c>
      <c r="FW22" s="333">
        <v>947088</v>
      </c>
      <c r="FX22" s="327">
        <v>3354537</v>
      </c>
      <c r="FY22" s="331">
        <v>4301625</v>
      </c>
      <c r="FZ22" s="332">
        <v>0</v>
      </c>
      <c r="GA22" s="327">
        <v>3097707</v>
      </c>
      <c r="GB22" s="327">
        <v>16565909</v>
      </c>
      <c r="GC22" s="327">
        <v>12008133</v>
      </c>
      <c r="GD22" s="327">
        <v>10170151</v>
      </c>
      <c r="GE22" s="327">
        <v>7337974</v>
      </c>
      <c r="GF22" s="328">
        <v>49179874</v>
      </c>
      <c r="GG22" s="334">
        <v>53481499</v>
      </c>
      <c r="GH22" s="333">
        <v>246075</v>
      </c>
      <c r="GI22" s="327">
        <v>121075</v>
      </c>
      <c r="GJ22" s="331">
        <v>367150</v>
      </c>
      <c r="GK22" s="332">
        <v>0</v>
      </c>
      <c r="GL22" s="327">
        <v>408608</v>
      </c>
      <c r="GM22" s="327">
        <v>526870</v>
      </c>
      <c r="GN22" s="327">
        <v>165300</v>
      </c>
      <c r="GO22" s="327">
        <v>291998</v>
      </c>
      <c r="GP22" s="327">
        <v>110214</v>
      </c>
      <c r="GQ22" s="328">
        <v>1502990</v>
      </c>
      <c r="GR22" s="330">
        <v>1870140</v>
      </c>
      <c r="GS22" s="326">
        <v>379053</v>
      </c>
      <c r="GT22" s="327">
        <v>844903</v>
      </c>
      <c r="GU22" s="328">
        <v>1223956</v>
      </c>
      <c r="GV22" s="326">
        <v>0</v>
      </c>
      <c r="GW22" s="327">
        <v>921379</v>
      </c>
      <c r="GX22" s="327">
        <v>2058310</v>
      </c>
      <c r="GY22" s="327">
        <v>572204</v>
      </c>
      <c r="GZ22" s="327">
        <v>425990</v>
      </c>
      <c r="HA22" s="327">
        <v>180000</v>
      </c>
      <c r="HB22" s="331">
        <v>4157883</v>
      </c>
      <c r="HC22" s="330">
        <v>5381839</v>
      </c>
      <c r="HD22" s="326">
        <v>1866118</v>
      </c>
      <c r="HE22" s="327">
        <v>3485467</v>
      </c>
      <c r="HF22" s="331">
        <v>5351585</v>
      </c>
      <c r="HG22" s="332">
        <v>0</v>
      </c>
      <c r="HH22" s="327">
        <v>16509661</v>
      </c>
      <c r="HI22" s="327">
        <v>26874024</v>
      </c>
      <c r="HJ22" s="327">
        <v>19065195</v>
      </c>
      <c r="HK22" s="327">
        <v>24879121</v>
      </c>
      <c r="HL22" s="327">
        <v>17305542</v>
      </c>
      <c r="HM22" s="328">
        <v>104633543</v>
      </c>
      <c r="HN22" s="329">
        <v>109985128</v>
      </c>
      <c r="HO22" s="333">
        <v>1279302</v>
      </c>
      <c r="HP22" s="327">
        <v>3074099</v>
      </c>
      <c r="HQ22" s="328">
        <v>4353401</v>
      </c>
      <c r="HR22" s="326">
        <v>0</v>
      </c>
      <c r="HS22" s="327">
        <v>14525661</v>
      </c>
      <c r="HT22" s="327">
        <v>24329644</v>
      </c>
      <c r="HU22" s="327">
        <v>16797556</v>
      </c>
      <c r="HV22" s="327">
        <v>11621567</v>
      </c>
      <c r="HW22" s="327">
        <v>6014261</v>
      </c>
      <c r="HX22" s="331">
        <v>73288689</v>
      </c>
      <c r="HY22" s="330">
        <v>77642090</v>
      </c>
      <c r="HZ22" s="358">
        <v>570635</v>
      </c>
      <c r="IA22" s="356">
        <v>395225</v>
      </c>
      <c r="IB22" s="358">
        <v>965860</v>
      </c>
      <c r="IC22" s="355">
        <v>0</v>
      </c>
      <c r="ID22" s="356">
        <v>28930274</v>
      </c>
      <c r="IE22" s="357">
        <v>51095273</v>
      </c>
      <c r="IF22" s="358">
        <v>64781531</v>
      </c>
      <c r="IG22" s="356">
        <v>54611568</v>
      </c>
      <c r="IH22" s="358">
        <v>38461236</v>
      </c>
      <c r="II22" s="359">
        <v>237879882</v>
      </c>
      <c r="IJ22" s="358">
        <v>238845742</v>
      </c>
      <c r="IK22" s="342">
        <v>0</v>
      </c>
      <c r="IL22" s="343">
        <v>0</v>
      </c>
      <c r="IM22" s="344">
        <v>0</v>
      </c>
      <c r="IN22" s="404">
        <v>0</v>
      </c>
      <c r="IO22" s="345">
        <v>58347</v>
      </c>
      <c r="IP22" s="345">
        <v>342058</v>
      </c>
      <c r="IQ22" s="345">
        <v>341440</v>
      </c>
      <c r="IR22" s="345">
        <v>471054</v>
      </c>
      <c r="IS22" s="345">
        <v>261242</v>
      </c>
      <c r="IT22" s="346">
        <v>1474141</v>
      </c>
      <c r="IU22" s="347">
        <v>1474141</v>
      </c>
      <c r="IV22" s="348">
        <v>0</v>
      </c>
      <c r="IW22" s="345">
        <v>0</v>
      </c>
      <c r="IX22" s="349">
        <v>0</v>
      </c>
      <c r="IY22" s="413">
        <v>0</v>
      </c>
      <c r="IZ22" s="345">
        <v>0</v>
      </c>
      <c r="JA22" s="345">
        <v>0</v>
      </c>
      <c r="JB22" s="345">
        <v>0</v>
      </c>
      <c r="JC22" s="345">
        <v>0</v>
      </c>
      <c r="JD22" s="345">
        <v>0</v>
      </c>
      <c r="JE22" s="349">
        <v>0</v>
      </c>
      <c r="JF22" s="350">
        <v>0</v>
      </c>
      <c r="JG22" s="348">
        <v>0</v>
      </c>
      <c r="JH22" s="345">
        <v>0</v>
      </c>
      <c r="JI22" s="346">
        <v>0</v>
      </c>
      <c r="JJ22" s="351">
        <v>0</v>
      </c>
      <c r="JK22" s="345">
        <v>14948255</v>
      </c>
      <c r="JL22" s="345">
        <v>22973534</v>
      </c>
      <c r="JM22" s="345">
        <v>17030925</v>
      </c>
      <c r="JN22" s="345">
        <v>14656026</v>
      </c>
      <c r="JO22" s="345">
        <v>6443113</v>
      </c>
      <c r="JP22" s="349">
        <v>76051853</v>
      </c>
      <c r="JQ22" s="347">
        <v>76051853</v>
      </c>
      <c r="JR22" s="348">
        <v>82129</v>
      </c>
      <c r="JS22" s="345">
        <v>126592</v>
      </c>
      <c r="JT22" s="346">
        <v>208721</v>
      </c>
      <c r="JU22" s="351">
        <v>0</v>
      </c>
      <c r="JV22" s="345">
        <v>2107225</v>
      </c>
      <c r="JW22" s="345">
        <v>1971880</v>
      </c>
      <c r="JX22" s="345">
        <v>1714493</v>
      </c>
      <c r="JY22" s="345">
        <v>1702610</v>
      </c>
      <c r="JZ22" s="345">
        <v>774367</v>
      </c>
      <c r="KA22" s="349">
        <v>8270575</v>
      </c>
      <c r="KB22" s="347">
        <v>8479296</v>
      </c>
      <c r="KC22" s="352">
        <v>488506</v>
      </c>
      <c r="KD22" s="353">
        <v>268633</v>
      </c>
      <c r="KE22" s="349">
        <v>757139</v>
      </c>
      <c r="KF22" s="351">
        <v>0</v>
      </c>
      <c r="KG22" s="345">
        <v>1009929</v>
      </c>
      <c r="KH22" s="345">
        <v>6065629</v>
      </c>
      <c r="KI22" s="345">
        <v>10543609</v>
      </c>
      <c r="KJ22" s="345">
        <v>8202829</v>
      </c>
      <c r="KK22" s="345">
        <v>5172945</v>
      </c>
      <c r="KL22" s="349">
        <v>30994941</v>
      </c>
      <c r="KM22" s="354">
        <v>31752080</v>
      </c>
      <c r="KN22" s="342">
        <v>0</v>
      </c>
      <c r="KO22" s="343">
        <v>0</v>
      </c>
      <c r="KP22" s="344">
        <v>0</v>
      </c>
      <c r="KQ22" s="413">
        <v>0</v>
      </c>
      <c r="KR22" s="345">
        <v>10626521</v>
      </c>
      <c r="KS22" s="345">
        <v>18693211</v>
      </c>
      <c r="KT22" s="345">
        <v>24946791</v>
      </c>
      <c r="KU22" s="345">
        <v>14182572</v>
      </c>
      <c r="KV22" s="345">
        <v>9473472</v>
      </c>
      <c r="KW22" s="349">
        <v>77922567</v>
      </c>
      <c r="KX22" s="347">
        <v>77922567</v>
      </c>
      <c r="KY22" s="348">
        <v>0</v>
      </c>
      <c r="KZ22" s="345">
        <v>0</v>
      </c>
      <c r="LA22" s="349">
        <v>0</v>
      </c>
      <c r="LB22" s="413">
        <v>0</v>
      </c>
      <c r="LC22" s="345">
        <v>0</v>
      </c>
      <c r="LD22" s="345">
        <v>0</v>
      </c>
      <c r="LE22" s="345">
        <v>0</v>
      </c>
      <c r="LF22" s="345">
        <v>0</v>
      </c>
      <c r="LG22" s="345">
        <v>0</v>
      </c>
      <c r="LH22" s="349">
        <v>0</v>
      </c>
      <c r="LI22" s="350">
        <v>0</v>
      </c>
      <c r="LJ22" s="348">
        <v>0</v>
      </c>
      <c r="LK22" s="345">
        <v>0</v>
      </c>
      <c r="LL22" s="349">
        <v>0</v>
      </c>
      <c r="LM22" s="413">
        <v>0</v>
      </c>
      <c r="LN22" s="345">
        <v>0</v>
      </c>
      <c r="LO22" s="345">
        <v>288600</v>
      </c>
      <c r="LP22" s="345">
        <v>8724762</v>
      </c>
      <c r="LQ22" s="345">
        <v>14040369</v>
      </c>
      <c r="LR22" s="345">
        <v>10254522</v>
      </c>
      <c r="LS22" s="349">
        <v>33308253</v>
      </c>
      <c r="LT22" s="347">
        <v>33308253</v>
      </c>
      <c r="LU22" s="348">
        <v>0</v>
      </c>
      <c r="LV22" s="345">
        <v>0</v>
      </c>
      <c r="LW22" s="349">
        <v>0</v>
      </c>
      <c r="LX22" s="413">
        <v>0</v>
      </c>
      <c r="LY22" s="345">
        <v>179997</v>
      </c>
      <c r="LZ22" s="345">
        <v>760361</v>
      </c>
      <c r="MA22" s="345">
        <v>1479511</v>
      </c>
      <c r="MB22" s="345">
        <v>1356108</v>
      </c>
      <c r="MC22" s="345">
        <v>6081575</v>
      </c>
      <c r="MD22" s="349">
        <v>9857552</v>
      </c>
      <c r="ME22" s="350">
        <v>9857552</v>
      </c>
      <c r="MF22" s="348">
        <v>0</v>
      </c>
      <c r="MG22" s="345">
        <v>0</v>
      </c>
      <c r="MH22" s="349">
        <v>0</v>
      </c>
      <c r="MI22" s="413">
        <v>0</v>
      </c>
      <c r="MJ22" s="345">
        <v>12395627</v>
      </c>
      <c r="MK22" s="345">
        <v>38687818</v>
      </c>
      <c r="ML22" s="345">
        <v>107630690</v>
      </c>
      <c r="MM22" s="345">
        <v>141701889</v>
      </c>
      <c r="MN22" s="345">
        <v>104162484</v>
      </c>
      <c r="MO22" s="349">
        <v>404578508</v>
      </c>
      <c r="MP22" s="354">
        <v>404578508</v>
      </c>
      <c r="MQ22" s="348">
        <v>0</v>
      </c>
      <c r="MR22" s="345">
        <v>0</v>
      </c>
      <c r="MS22" s="349">
        <v>0</v>
      </c>
      <c r="MT22" s="413">
        <v>0</v>
      </c>
      <c r="MU22" s="345">
        <v>1177966</v>
      </c>
      <c r="MV22" s="345">
        <v>3663859</v>
      </c>
      <c r="MW22" s="345">
        <v>57814821</v>
      </c>
      <c r="MX22" s="345">
        <v>90004838</v>
      </c>
      <c r="MY22" s="345">
        <v>73025772</v>
      </c>
      <c r="MZ22" s="349">
        <v>225687256</v>
      </c>
      <c r="NA22" s="354">
        <v>225687256</v>
      </c>
      <c r="NB22" s="348">
        <v>0</v>
      </c>
      <c r="NC22" s="345">
        <v>0</v>
      </c>
      <c r="ND22" s="349">
        <v>0</v>
      </c>
      <c r="NE22" s="413">
        <v>0</v>
      </c>
      <c r="NF22" s="345">
        <v>11217661</v>
      </c>
      <c r="NG22" s="345">
        <v>35023959</v>
      </c>
      <c r="NH22" s="345">
        <v>49815869</v>
      </c>
      <c r="NI22" s="345">
        <v>48947283</v>
      </c>
      <c r="NJ22" s="345">
        <v>23972438</v>
      </c>
      <c r="NK22" s="349">
        <v>168977210</v>
      </c>
      <c r="NL22" s="347">
        <v>168977210</v>
      </c>
      <c r="NM22" s="348">
        <v>0</v>
      </c>
      <c r="NN22" s="345">
        <v>0</v>
      </c>
      <c r="NO22" s="349">
        <v>0</v>
      </c>
      <c r="NP22" s="413">
        <v>0</v>
      </c>
      <c r="NQ22" s="345">
        <v>0</v>
      </c>
      <c r="NR22" s="345">
        <v>0</v>
      </c>
      <c r="NS22" s="345">
        <v>0</v>
      </c>
      <c r="NT22" s="345">
        <v>0</v>
      </c>
      <c r="NU22" s="345">
        <v>0</v>
      </c>
      <c r="NV22" s="349">
        <v>0</v>
      </c>
      <c r="NW22" s="350">
        <v>0</v>
      </c>
      <c r="NX22" s="348">
        <v>0</v>
      </c>
      <c r="NY22" s="345">
        <v>0</v>
      </c>
      <c r="NZ22" s="349">
        <v>0</v>
      </c>
      <c r="OA22" s="413">
        <v>0</v>
      </c>
      <c r="OB22" s="345">
        <v>0</v>
      </c>
      <c r="OC22" s="345">
        <v>0</v>
      </c>
      <c r="OD22" s="345">
        <v>0</v>
      </c>
      <c r="OE22" s="345">
        <v>2749768</v>
      </c>
      <c r="OF22" s="345">
        <v>7164274</v>
      </c>
      <c r="OG22" s="349">
        <v>9914042</v>
      </c>
      <c r="OH22" s="350">
        <v>9914042</v>
      </c>
      <c r="OI22" s="348">
        <v>7906011</v>
      </c>
      <c r="OJ22" s="345">
        <v>19796178</v>
      </c>
      <c r="OK22" s="346">
        <v>27702189</v>
      </c>
      <c r="OL22" s="351">
        <v>0</v>
      </c>
      <c r="OM22" s="345">
        <v>126947433</v>
      </c>
      <c r="ON22" s="345">
        <v>281186654</v>
      </c>
      <c r="OO22" s="345">
        <v>334977221</v>
      </c>
      <c r="OP22" s="345">
        <v>350801830</v>
      </c>
      <c r="OQ22" s="345">
        <v>248445865</v>
      </c>
      <c r="OR22" s="349">
        <v>1342359003</v>
      </c>
      <c r="OS22" s="354">
        <v>1370061192</v>
      </c>
    </row>
    <row r="23" spans="2:409" s="70" customFormat="1" ht="21" customHeight="1" x14ac:dyDescent="0.2">
      <c r="B23" s="410" t="s">
        <v>18</v>
      </c>
      <c r="C23" s="326">
        <v>9959548</v>
      </c>
      <c r="D23" s="327">
        <v>18862590</v>
      </c>
      <c r="E23" s="328">
        <v>28822138</v>
      </c>
      <c r="F23" s="329">
        <v>0</v>
      </c>
      <c r="G23" s="327">
        <v>155481592</v>
      </c>
      <c r="H23" s="327">
        <v>189359231</v>
      </c>
      <c r="I23" s="327">
        <v>180991107</v>
      </c>
      <c r="J23" s="327">
        <v>155644877</v>
      </c>
      <c r="K23" s="327">
        <v>125991465</v>
      </c>
      <c r="L23" s="329">
        <v>807468272</v>
      </c>
      <c r="M23" s="330">
        <v>836290410</v>
      </c>
      <c r="N23" s="326">
        <v>2529247</v>
      </c>
      <c r="O23" s="327">
        <v>5740404</v>
      </c>
      <c r="P23" s="328">
        <v>8269651</v>
      </c>
      <c r="Q23" s="326">
        <v>0</v>
      </c>
      <c r="R23" s="327">
        <v>44154866</v>
      </c>
      <c r="S23" s="327">
        <v>60816649</v>
      </c>
      <c r="T23" s="327">
        <v>60302402</v>
      </c>
      <c r="U23" s="327">
        <v>60587290</v>
      </c>
      <c r="V23" s="327">
        <v>68125701</v>
      </c>
      <c r="W23" s="328">
        <v>293986908</v>
      </c>
      <c r="X23" s="330">
        <v>302256559</v>
      </c>
      <c r="Y23" s="326">
        <v>0</v>
      </c>
      <c r="Z23" s="327">
        <v>0</v>
      </c>
      <c r="AA23" s="328">
        <v>0</v>
      </c>
      <c r="AB23" s="326">
        <v>0</v>
      </c>
      <c r="AC23" s="327">
        <v>20485195</v>
      </c>
      <c r="AD23" s="327">
        <v>29720827</v>
      </c>
      <c r="AE23" s="327">
        <v>35632079</v>
      </c>
      <c r="AF23" s="327">
        <v>36897253</v>
      </c>
      <c r="AG23" s="327">
        <v>44368089</v>
      </c>
      <c r="AH23" s="328">
        <v>167103443</v>
      </c>
      <c r="AI23" s="330">
        <v>167103443</v>
      </c>
      <c r="AJ23" s="326">
        <v>0</v>
      </c>
      <c r="AK23" s="327">
        <v>0</v>
      </c>
      <c r="AL23" s="328">
        <v>0</v>
      </c>
      <c r="AM23" s="326">
        <v>0</v>
      </c>
      <c r="AN23" s="327">
        <v>162177</v>
      </c>
      <c r="AO23" s="327">
        <v>413478</v>
      </c>
      <c r="AP23" s="327">
        <v>1000301</v>
      </c>
      <c r="AQ23" s="327">
        <v>3658426</v>
      </c>
      <c r="AR23" s="327">
        <v>5845886</v>
      </c>
      <c r="AS23" s="328">
        <v>11080268</v>
      </c>
      <c r="AT23" s="330">
        <v>11080268</v>
      </c>
      <c r="AU23" s="326">
        <v>1348727</v>
      </c>
      <c r="AV23" s="327">
        <v>4451486</v>
      </c>
      <c r="AW23" s="328">
        <v>5800213</v>
      </c>
      <c r="AX23" s="326">
        <v>0</v>
      </c>
      <c r="AY23" s="327">
        <v>14340910</v>
      </c>
      <c r="AZ23" s="327">
        <v>18580649</v>
      </c>
      <c r="BA23" s="327">
        <v>12844325</v>
      </c>
      <c r="BB23" s="327">
        <v>10155038</v>
      </c>
      <c r="BC23" s="327">
        <v>10371338</v>
      </c>
      <c r="BD23" s="328">
        <v>66292260</v>
      </c>
      <c r="BE23" s="330">
        <v>72092473</v>
      </c>
      <c r="BF23" s="326">
        <v>310281</v>
      </c>
      <c r="BG23" s="327">
        <v>600964</v>
      </c>
      <c r="BH23" s="331">
        <v>911245</v>
      </c>
      <c r="BI23" s="332">
        <v>0</v>
      </c>
      <c r="BJ23" s="327">
        <v>2097371</v>
      </c>
      <c r="BK23" s="327">
        <v>3097896</v>
      </c>
      <c r="BL23" s="327">
        <v>2066736</v>
      </c>
      <c r="BM23" s="327">
        <v>1187743</v>
      </c>
      <c r="BN23" s="327">
        <v>826095</v>
      </c>
      <c r="BO23" s="328">
        <v>9275841</v>
      </c>
      <c r="BP23" s="330">
        <v>10187086</v>
      </c>
      <c r="BQ23" s="326">
        <v>870239</v>
      </c>
      <c r="BR23" s="327">
        <v>687954</v>
      </c>
      <c r="BS23" s="328">
        <v>1558193</v>
      </c>
      <c r="BT23" s="326">
        <v>0</v>
      </c>
      <c r="BU23" s="327">
        <v>7069213</v>
      </c>
      <c r="BV23" s="327">
        <v>9003799</v>
      </c>
      <c r="BW23" s="327">
        <v>8758961</v>
      </c>
      <c r="BX23" s="327">
        <v>8688830</v>
      </c>
      <c r="BY23" s="327">
        <v>6714293</v>
      </c>
      <c r="BZ23" s="328">
        <v>40235096</v>
      </c>
      <c r="CA23" s="330">
        <v>41793289</v>
      </c>
      <c r="CB23" s="326">
        <v>1252895</v>
      </c>
      <c r="CC23" s="327">
        <v>4567624</v>
      </c>
      <c r="CD23" s="328">
        <v>5820519</v>
      </c>
      <c r="CE23" s="326">
        <v>0</v>
      </c>
      <c r="CF23" s="327">
        <v>52300579</v>
      </c>
      <c r="CG23" s="327">
        <v>62199403</v>
      </c>
      <c r="CH23" s="327">
        <v>50516973</v>
      </c>
      <c r="CI23" s="327">
        <v>33434572</v>
      </c>
      <c r="CJ23" s="327">
        <v>13852211</v>
      </c>
      <c r="CK23" s="328">
        <v>212303738</v>
      </c>
      <c r="CL23" s="330">
        <v>218124257</v>
      </c>
      <c r="CM23" s="326">
        <v>0</v>
      </c>
      <c r="CN23" s="327">
        <v>0</v>
      </c>
      <c r="CO23" s="328">
        <v>0</v>
      </c>
      <c r="CP23" s="332">
        <v>0</v>
      </c>
      <c r="CQ23" s="327">
        <v>43535338</v>
      </c>
      <c r="CR23" s="327">
        <v>51086091</v>
      </c>
      <c r="CS23" s="327">
        <v>40930239</v>
      </c>
      <c r="CT23" s="327">
        <v>26686637</v>
      </c>
      <c r="CU23" s="327">
        <v>11482389</v>
      </c>
      <c r="CV23" s="328">
        <v>173720694</v>
      </c>
      <c r="CW23" s="330">
        <v>173720694</v>
      </c>
      <c r="CX23" s="326">
        <v>1252895</v>
      </c>
      <c r="CY23" s="327">
        <v>4567624</v>
      </c>
      <c r="CZ23" s="328">
        <v>5820519</v>
      </c>
      <c r="DA23" s="326">
        <v>0</v>
      </c>
      <c r="DB23" s="327">
        <v>8765241</v>
      </c>
      <c r="DC23" s="327">
        <v>11113312</v>
      </c>
      <c r="DD23" s="327">
        <v>9586734</v>
      </c>
      <c r="DE23" s="327">
        <v>6747935</v>
      </c>
      <c r="DF23" s="327">
        <v>2369822</v>
      </c>
      <c r="DG23" s="328">
        <v>38583044</v>
      </c>
      <c r="DH23" s="330">
        <v>44403563</v>
      </c>
      <c r="DI23" s="326">
        <v>71021</v>
      </c>
      <c r="DJ23" s="327">
        <v>218550</v>
      </c>
      <c r="DK23" s="331">
        <v>289571</v>
      </c>
      <c r="DL23" s="332">
        <v>0</v>
      </c>
      <c r="DM23" s="327">
        <v>3503402</v>
      </c>
      <c r="DN23" s="327">
        <v>6208538</v>
      </c>
      <c r="DO23" s="327">
        <v>17826446</v>
      </c>
      <c r="DP23" s="327">
        <v>14188688</v>
      </c>
      <c r="DQ23" s="327">
        <v>7531367</v>
      </c>
      <c r="DR23" s="328">
        <v>49258441</v>
      </c>
      <c r="DS23" s="330">
        <v>49548012</v>
      </c>
      <c r="DT23" s="326">
        <v>71021</v>
      </c>
      <c r="DU23" s="327">
        <v>218550</v>
      </c>
      <c r="DV23" s="328">
        <v>289571</v>
      </c>
      <c r="DW23" s="326">
        <v>0</v>
      </c>
      <c r="DX23" s="327">
        <v>3193201</v>
      </c>
      <c r="DY23" s="327">
        <v>5649338</v>
      </c>
      <c r="DZ23" s="327">
        <v>17104484</v>
      </c>
      <c r="EA23" s="327">
        <v>13823497</v>
      </c>
      <c r="EB23" s="327">
        <v>7531367</v>
      </c>
      <c r="EC23" s="328">
        <v>47301887</v>
      </c>
      <c r="ED23" s="330">
        <v>47591458</v>
      </c>
      <c r="EE23" s="326">
        <v>0</v>
      </c>
      <c r="EF23" s="331">
        <v>0</v>
      </c>
      <c r="EG23" s="328">
        <v>0</v>
      </c>
      <c r="EH23" s="326">
        <v>0</v>
      </c>
      <c r="EI23" s="327">
        <v>310201</v>
      </c>
      <c r="EJ23" s="327">
        <v>559200</v>
      </c>
      <c r="EK23" s="327">
        <v>721962</v>
      </c>
      <c r="EL23" s="327">
        <v>365191</v>
      </c>
      <c r="EM23" s="327">
        <v>0</v>
      </c>
      <c r="EN23" s="331">
        <v>1956554</v>
      </c>
      <c r="EO23" s="330">
        <v>1956554</v>
      </c>
      <c r="EP23" s="326">
        <v>0</v>
      </c>
      <c r="EQ23" s="327">
        <v>0</v>
      </c>
      <c r="ER23" s="331">
        <v>0</v>
      </c>
      <c r="ES23" s="332">
        <v>0</v>
      </c>
      <c r="ET23" s="327">
        <v>0</v>
      </c>
      <c r="EU23" s="327">
        <v>0</v>
      </c>
      <c r="EV23" s="327">
        <v>0</v>
      </c>
      <c r="EW23" s="327">
        <v>0</v>
      </c>
      <c r="EX23" s="327">
        <v>0</v>
      </c>
      <c r="EY23" s="328">
        <v>0</v>
      </c>
      <c r="EZ23" s="330">
        <v>0</v>
      </c>
      <c r="FA23" s="326">
        <v>0</v>
      </c>
      <c r="FB23" s="327">
        <v>0</v>
      </c>
      <c r="FC23" s="331">
        <v>0</v>
      </c>
      <c r="FD23" s="332">
        <v>0</v>
      </c>
      <c r="FE23" s="327">
        <v>0</v>
      </c>
      <c r="FF23" s="327">
        <v>0</v>
      </c>
      <c r="FG23" s="327">
        <v>0</v>
      </c>
      <c r="FH23" s="327">
        <v>0</v>
      </c>
      <c r="FI23" s="327">
        <v>0</v>
      </c>
      <c r="FJ23" s="328">
        <v>0</v>
      </c>
      <c r="FK23" s="330">
        <v>0</v>
      </c>
      <c r="FL23" s="326">
        <v>2427787</v>
      </c>
      <c r="FM23" s="327">
        <v>4093776</v>
      </c>
      <c r="FN23" s="328">
        <v>6521563</v>
      </c>
      <c r="FO23" s="326">
        <v>0</v>
      </c>
      <c r="FP23" s="327">
        <v>7517580</v>
      </c>
      <c r="FQ23" s="327">
        <v>15823408</v>
      </c>
      <c r="FR23" s="327">
        <v>12243042</v>
      </c>
      <c r="FS23" s="327">
        <v>10923042</v>
      </c>
      <c r="FT23" s="327">
        <v>9059844</v>
      </c>
      <c r="FU23" s="328">
        <v>55566916</v>
      </c>
      <c r="FV23" s="330">
        <v>62088479</v>
      </c>
      <c r="FW23" s="333">
        <v>1236676</v>
      </c>
      <c r="FX23" s="327">
        <v>3378993</v>
      </c>
      <c r="FY23" s="331">
        <v>4615669</v>
      </c>
      <c r="FZ23" s="332">
        <v>0</v>
      </c>
      <c r="GA23" s="327">
        <v>6108410</v>
      </c>
      <c r="GB23" s="327">
        <v>14775319</v>
      </c>
      <c r="GC23" s="327">
        <v>11495965</v>
      </c>
      <c r="GD23" s="327">
        <v>9914734</v>
      </c>
      <c r="GE23" s="327">
        <v>8855994</v>
      </c>
      <c r="GF23" s="328">
        <v>51150422</v>
      </c>
      <c r="GG23" s="334">
        <v>55766091</v>
      </c>
      <c r="GH23" s="333">
        <v>136581</v>
      </c>
      <c r="GI23" s="327">
        <v>80113</v>
      </c>
      <c r="GJ23" s="331">
        <v>216694</v>
      </c>
      <c r="GK23" s="332">
        <v>0</v>
      </c>
      <c r="GL23" s="327">
        <v>353740</v>
      </c>
      <c r="GM23" s="327">
        <v>202183</v>
      </c>
      <c r="GN23" s="327">
        <v>529357</v>
      </c>
      <c r="GO23" s="327">
        <v>585308</v>
      </c>
      <c r="GP23" s="327">
        <v>29700</v>
      </c>
      <c r="GQ23" s="328">
        <v>1700288</v>
      </c>
      <c r="GR23" s="330">
        <v>1916982</v>
      </c>
      <c r="GS23" s="326">
        <v>1054530</v>
      </c>
      <c r="GT23" s="327">
        <v>634670</v>
      </c>
      <c r="GU23" s="328">
        <v>1689200</v>
      </c>
      <c r="GV23" s="326">
        <v>0</v>
      </c>
      <c r="GW23" s="327">
        <v>1055430</v>
      </c>
      <c r="GX23" s="327">
        <v>845906</v>
      </c>
      <c r="GY23" s="327">
        <v>217720</v>
      </c>
      <c r="GZ23" s="327">
        <v>423000</v>
      </c>
      <c r="HA23" s="327">
        <v>174150</v>
      </c>
      <c r="HB23" s="331">
        <v>2716206</v>
      </c>
      <c r="HC23" s="330">
        <v>4405406</v>
      </c>
      <c r="HD23" s="326">
        <v>1969137</v>
      </c>
      <c r="HE23" s="327">
        <v>909790</v>
      </c>
      <c r="HF23" s="331">
        <v>2878927</v>
      </c>
      <c r="HG23" s="332">
        <v>0</v>
      </c>
      <c r="HH23" s="327">
        <v>23237785</v>
      </c>
      <c r="HI23" s="327">
        <v>21851586</v>
      </c>
      <c r="HJ23" s="327">
        <v>24110967</v>
      </c>
      <c r="HK23" s="327">
        <v>25937964</v>
      </c>
      <c r="HL23" s="327">
        <v>20449715</v>
      </c>
      <c r="HM23" s="328">
        <v>115588017</v>
      </c>
      <c r="HN23" s="329">
        <v>118466944</v>
      </c>
      <c r="HO23" s="333">
        <v>1709461</v>
      </c>
      <c r="HP23" s="327">
        <v>3332446</v>
      </c>
      <c r="HQ23" s="328">
        <v>5041907</v>
      </c>
      <c r="HR23" s="326">
        <v>0</v>
      </c>
      <c r="HS23" s="327">
        <v>24767380</v>
      </c>
      <c r="HT23" s="327">
        <v>22459647</v>
      </c>
      <c r="HU23" s="327">
        <v>15991277</v>
      </c>
      <c r="HV23" s="327">
        <v>10573321</v>
      </c>
      <c r="HW23" s="327">
        <v>6972627</v>
      </c>
      <c r="HX23" s="331">
        <v>80764252</v>
      </c>
      <c r="HY23" s="330">
        <v>85806159</v>
      </c>
      <c r="HZ23" s="335">
        <v>212405</v>
      </c>
      <c r="IA23" s="336">
        <v>2154715</v>
      </c>
      <c r="IB23" s="337">
        <v>2367120</v>
      </c>
      <c r="IC23" s="338">
        <v>0</v>
      </c>
      <c r="ID23" s="336">
        <v>39716297</v>
      </c>
      <c r="IE23" s="339">
        <v>49113540</v>
      </c>
      <c r="IF23" s="337">
        <v>61536096</v>
      </c>
      <c r="IG23" s="336">
        <v>47966637</v>
      </c>
      <c r="IH23" s="337">
        <v>25128833</v>
      </c>
      <c r="II23" s="340">
        <v>223461403</v>
      </c>
      <c r="IJ23" s="341">
        <v>225828523</v>
      </c>
      <c r="IK23" s="342">
        <v>0</v>
      </c>
      <c r="IL23" s="343">
        <v>0</v>
      </c>
      <c r="IM23" s="344">
        <v>0</v>
      </c>
      <c r="IN23" s="404">
        <v>0</v>
      </c>
      <c r="IO23" s="345">
        <v>801085</v>
      </c>
      <c r="IP23" s="345">
        <v>1128505</v>
      </c>
      <c r="IQ23" s="345">
        <v>1365287</v>
      </c>
      <c r="IR23" s="345">
        <v>1095302</v>
      </c>
      <c r="IS23" s="345">
        <v>1515518</v>
      </c>
      <c r="IT23" s="346">
        <v>5905697</v>
      </c>
      <c r="IU23" s="347">
        <v>5905697</v>
      </c>
      <c r="IV23" s="348">
        <v>0</v>
      </c>
      <c r="IW23" s="345">
        <v>0</v>
      </c>
      <c r="IX23" s="349">
        <v>0</v>
      </c>
      <c r="IY23" s="413">
        <v>0</v>
      </c>
      <c r="IZ23" s="345">
        <v>0</v>
      </c>
      <c r="JA23" s="345">
        <v>0</v>
      </c>
      <c r="JB23" s="345">
        <v>0</v>
      </c>
      <c r="JC23" s="345">
        <v>0</v>
      </c>
      <c r="JD23" s="345">
        <v>141790</v>
      </c>
      <c r="JE23" s="349">
        <v>141790</v>
      </c>
      <c r="JF23" s="350">
        <v>141790</v>
      </c>
      <c r="JG23" s="348">
        <v>0</v>
      </c>
      <c r="JH23" s="345">
        <v>0</v>
      </c>
      <c r="JI23" s="346">
        <v>0</v>
      </c>
      <c r="JJ23" s="351">
        <v>0</v>
      </c>
      <c r="JK23" s="345">
        <v>15348783</v>
      </c>
      <c r="JL23" s="345">
        <v>13171601</v>
      </c>
      <c r="JM23" s="345">
        <v>10425903</v>
      </c>
      <c r="JN23" s="345">
        <v>4844346</v>
      </c>
      <c r="JO23" s="345">
        <v>2148428</v>
      </c>
      <c r="JP23" s="349">
        <v>45939061</v>
      </c>
      <c r="JQ23" s="347">
        <v>45939061</v>
      </c>
      <c r="JR23" s="348">
        <v>0</v>
      </c>
      <c r="JS23" s="345">
        <v>0</v>
      </c>
      <c r="JT23" s="346">
        <v>0</v>
      </c>
      <c r="JU23" s="351">
        <v>0</v>
      </c>
      <c r="JV23" s="345">
        <v>1147793</v>
      </c>
      <c r="JW23" s="345">
        <v>926612</v>
      </c>
      <c r="JX23" s="345">
        <v>2860570</v>
      </c>
      <c r="JY23" s="345">
        <v>1755599</v>
      </c>
      <c r="JZ23" s="345">
        <v>844385</v>
      </c>
      <c r="KA23" s="349">
        <v>7534959</v>
      </c>
      <c r="KB23" s="347">
        <v>7534959</v>
      </c>
      <c r="KC23" s="352">
        <v>212405</v>
      </c>
      <c r="KD23" s="353">
        <v>1380667</v>
      </c>
      <c r="KE23" s="349">
        <v>1593072</v>
      </c>
      <c r="KF23" s="351">
        <v>0</v>
      </c>
      <c r="KG23" s="345">
        <v>6725324</v>
      </c>
      <c r="KH23" s="345">
        <v>8815090</v>
      </c>
      <c r="KI23" s="345">
        <v>14005183</v>
      </c>
      <c r="KJ23" s="345">
        <v>5838207</v>
      </c>
      <c r="KK23" s="345">
        <v>2666664</v>
      </c>
      <c r="KL23" s="349">
        <v>38050468</v>
      </c>
      <c r="KM23" s="354">
        <v>39643540</v>
      </c>
      <c r="KN23" s="342">
        <v>0</v>
      </c>
      <c r="KO23" s="343">
        <v>774048</v>
      </c>
      <c r="KP23" s="344">
        <v>774048</v>
      </c>
      <c r="KQ23" s="413">
        <v>0</v>
      </c>
      <c r="KR23" s="345">
        <v>14476980</v>
      </c>
      <c r="KS23" s="345">
        <v>22319236</v>
      </c>
      <c r="KT23" s="345">
        <v>26790717</v>
      </c>
      <c r="KU23" s="345">
        <v>21748903</v>
      </c>
      <c r="KV23" s="345">
        <v>6180772</v>
      </c>
      <c r="KW23" s="349">
        <v>91516608</v>
      </c>
      <c r="KX23" s="347">
        <v>92290656</v>
      </c>
      <c r="KY23" s="348">
        <v>0</v>
      </c>
      <c r="KZ23" s="345">
        <v>0</v>
      </c>
      <c r="LA23" s="349">
        <v>0</v>
      </c>
      <c r="LB23" s="413">
        <v>0</v>
      </c>
      <c r="LC23" s="345">
        <v>0</v>
      </c>
      <c r="LD23" s="345">
        <v>0</v>
      </c>
      <c r="LE23" s="345">
        <v>0</v>
      </c>
      <c r="LF23" s="345">
        <v>0</v>
      </c>
      <c r="LG23" s="345">
        <v>0</v>
      </c>
      <c r="LH23" s="349">
        <v>0</v>
      </c>
      <c r="LI23" s="350">
        <v>0</v>
      </c>
      <c r="LJ23" s="348">
        <v>0</v>
      </c>
      <c r="LK23" s="345">
        <v>0</v>
      </c>
      <c r="LL23" s="349">
        <v>0</v>
      </c>
      <c r="LM23" s="413">
        <v>0</v>
      </c>
      <c r="LN23" s="345">
        <v>0</v>
      </c>
      <c r="LO23" s="345">
        <v>291536</v>
      </c>
      <c r="LP23" s="345">
        <v>1861236</v>
      </c>
      <c r="LQ23" s="345">
        <v>5328855</v>
      </c>
      <c r="LR23" s="345">
        <v>1737884</v>
      </c>
      <c r="LS23" s="349">
        <v>9219511</v>
      </c>
      <c r="LT23" s="347">
        <v>9219511</v>
      </c>
      <c r="LU23" s="348">
        <v>0</v>
      </c>
      <c r="LV23" s="345">
        <v>0</v>
      </c>
      <c r="LW23" s="349">
        <v>0</v>
      </c>
      <c r="LX23" s="413">
        <v>0</v>
      </c>
      <c r="LY23" s="345">
        <v>1216332</v>
      </c>
      <c r="LZ23" s="345">
        <v>2460960</v>
      </c>
      <c r="MA23" s="345">
        <v>4227200</v>
      </c>
      <c r="MB23" s="345">
        <v>7355425</v>
      </c>
      <c r="MC23" s="345">
        <v>9893392</v>
      </c>
      <c r="MD23" s="349">
        <v>25153309</v>
      </c>
      <c r="ME23" s="350">
        <v>25153309</v>
      </c>
      <c r="MF23" s="348">
        <v>0</v>
      </c>
      <c r="MG23" s="345">
        <v>0</v>
      </c>
      <c r="MH23" s="349">
        <v>0</v>
      </c>
      <c r="MI23" s="413">
        <v>0</v>
      </c>
      <c r="MJ23" s="345">
        <v>8187318</v>
      </c>
      <c r="MK23" s="345">
        <v>23918445</v>
      </c>
      <c r="ML23" s="345">
        <v>90510379</v>
      </c>
      <c r="MM23" s="345">
        <v>158930822</v>
      </c>
      <c r="MN23" s="345">
        <v>116434098</v>
      </c>
      <c r="MO23" s="349">
        <v>397981062</v>
      </c>
      <c r="MP23" s="354">
        <v>397981062</v>
      </c>
      <c r="MQ23" s="348">
        <v>0</v>
      </c>
      <c r="MR23" s="345">
        <v>0</v>
      </c>
      <c r="MS23" s="349">
        <v>0</v>
      </c>
      <c r="MT23" s="413">
        <v>0</v>
      </c>
      <c r="MU23" s="345">
        <v>1218725</v>
      </c>
      <c r="MV23" s="345">
        <v>3225167</v>
      </c>
      <c r="MW23" s="345">
        <v>54429324</v>
      </c>
      <c r="MX23" s="345">
        <v>117302460</v>
      </c>
      <c r="MY23" s="345">
        <v>83424085</v>
      </c>
      <c r="MZ23" s="349">
        <v>259599761</v>
      </c>
      <c r="NA23" s="354">
        <v>259599761</v>
      </c>
      <c r="NB23" s="348">
        <v>0</v>
      </c>
      <c r="NC23" s="345">
        <v>0</v>
      </c>
      <c r="ND23" s="349">
        <v>0</v>
      </c>
      <c r="NE23" s="413">
        <v>0</v>
      </c>
      <c r="NF23" s="345">
        <v>6968593</v>
      </c>
      <c r="NG23" s="345">
        <v>20403397</v>
      </c>
      <c r="NH23" s="345">
        <v>35677421</v>
      </c>
      <c r="NI23" s="345">
        <v>35132092</v>
      </c>
      <c r="NJ23" s="345">
        <v>26463709</v>
      </c>
      <c r="NK23" s="349">
        <v>124645212</v>
      </c>
      <c r="NL23" s="347">
        <v>124645212</v>
      </c>
      <c r="NM23" s="348">
        <v>0</v>
      </c>
      <c r="NN23" s="345">
        <v>0</v>
      </c>
      <c r="NO23" s="349">
        <v>0</v>
      </c>
      <c r="NP23" s="413">
        <v>0</v>
      </c>
      <c r="NQ23" s="345">
        <v>0</v>
      </c>
      <c r="NR23" s="345">
        <v>0</v>
      </c>
      <c r="NS23" s="345">
        <v>0</v>
      </c>
      <c r="NT23" s="345">
        <v>0</v>
      </c>
      <c r="NU23" s="345">
        <v>0</v>
      </c>
      <c r="NV23" s="349">
        <v>0</v>
      </c>
      <c r="NW23" s="350">
        <v>0</v>
      </c>
      <c r="NX23" s="348">
        <v>0</v>
      </c>
      <c r="NY23" s="345">
        <v>0</v>
      </c>
      <c r="NZ23" s="349">
        <v>0</v>
      </c>
      <c r="OA23" s="413">
        <v>0</v>
      </c>
      <c r="OB23" s="345">
        <v>0</v>
      </c>
      <c r="OC23" s="345">
        <v>289881</v>
      </c>
      <c r="OD23" s="345">
        <v>403634</v>
      </c>
      <c r="OE23" s="345">
        <v>6496270</v>
      </c>
      <c r="OF23" s="345">
        <v>6546304</v>
      </c>
      <c r="OG23" s="349">
        <v>13736089</v>
      </c>
      <c r="OH23" s="350">
        <v>13736089</v>
      </c>
      <c r="OI23" s="348">
        <v>10171953</v>
      </c>
      <c r="OJ23" s="345">
        <v>21017305</v>
      </c>
      <c r="OK23" s="346">
        <v>31189258</v>
      </c>
      <c r="OL23" s="351">
        <v>0</v>
      </c>
      <c r="OM23" s="345">
        <v>203385207</v>
      </c>
      <c r="ON23" s="345">
        <v>262391216</v>
      </c>
      <c r="OO23" s="345">
        <v>333037582</v>
      </c>
      <c r="OP23" s="345">
        <v>362542336</v>
      </c>
      <c r="OQ23" s="345">
        <v>267554396</v>
      </c>
      <c r="OR23" s="349">
        <v>1428910737</v>
      </c>
      <c r="OS23" s="354">
        <v>1460099995</v>
      </c>
    </row>
    <row r="24" spans="2:409" s="70" customFormat="1" ht="21" customHeight="1" x14ac:dyDescent="0.2">
      <c r="B24" s="410" t="s">
        <v>19</v>
      </c>
      <c r="C24" s="326">
        <v>6054162</v>
      </c>
      <c r="D24" s="327">
        <v>10348721</v>
      </c>
      <c r="E24" s="328">
        <v>16402883</v>
      </c>
      <c r="F24" s="329">
        <v>0</v>
      </c>
      <c r="G24" s="327">
        <v>69174404</v>
      </c>
      <c r="H24" s="327">
        <v>74965095</v>
      </c>
      <c r="I24" s="327">
        <v>62350434</v>
      </c>
      <c r="J24" s="327">
        <v>51040844</v>
      </c>
      <c r="K24" s="327">
        <v>39509845</v>
      </c>
      <c r="L24" s="329">
        <v>297040622</v>
      </c>
      <c r="M24" s="330">
        <v>313443505</v>
      </c>
      <c r="N24" s="326">
        <v>1356436</v>
      </c>
      <c r="O24" s="327">
        <v>2325813</v>
      </c>
      <c r="P24" s="328">
        <v>3682249</v>
      </c>
      <c r="Q24" s="326">
        <v>0</v>
      </c>
      <c r="R24" s="327">
        <v>19047300</v>
      </c>
      <c r="S24" s="327">
        <v>18778488</v>
      </c>
      <c r="T24" s="327">
        <v>18893755</v>
      </c>
      <c r="U24" s="327">
        <v>19439394</v>
      </c>
      <c r="V24" s="327">
        <v>17297295</v>
      </c>
      <c r="W24" s="328">
        <v>93456232</v>
      </c>
      <c r="X24" s="330">
        <v>97138481</v>
      </c>
      <c r="Y24" s="326">
        <v>0</v>
      </c>
      <c r="Z24" s="327">
        <v>0</v>
      </c>
      <c r="AA24" s="328">
        <v>0</v>
      </c>
      <c r="AB24" s="326">
        <v>0</v>
      </c>
      <c r="AC24" s="327">
        <v>7402595</v>
      </c>
      <c r="AD24" s="327">
        <v>8253734</v>
      </c>
      <c r="AE24" s="327">
        <v>9284410</v>
      </c>
      <c r="AF24" s="327">
        <v>10344919</v>
      </c>
      <c r="AG24" s="327">
        <v>9143225</v>
      </c>
      <c r="AH24" s="328">
        <v>44428883</v>
      </c>
      <c r="AI24" s="330">
        <v>44428883</v>
      </c>
      <c r="AJ24" s="326">
        <v>0</v>
      </c>
      <c r="AK24" s="327">
        <v>0</v>
      </c>
      <c r="AL24" s="328">
        <v>0</v>
      </c>
      <c r="AM24" s="326">
        <v>0</v>
      </c>
      <c r="AN24" s="327">
        <v>222546</v>
      </c>
      <c r="AO24" s="327">
        <v>249646</v>
      </c>
      <c r="AP24" s="327">
        <v>750636</v>
      </c>
      <c r="AQ24" s="327">
        <v>1590607</v>
      </c>
      <c r="AR24" s="327">
        <v>1990080</v>
      </c>
      <c r="AS24" s="328">
        <v>4803515</v>
      </c>
      <c r="AT24" s="330">
        <v>4803515</v>
      </c>
      <c r="AU24" s="326">
        <v>834675</v>
      </c>
      <c r="AV24" s="327">
        <v>1576311</v>
      </c>
      <c r="AW24" s="328">
        <v>2410986</v>
      </c>
      <c r="AX24" s="326">
        <v>0</v>
      </c>
      <c r="AY24" s="327">
        <v>7633484</v>
      </c>
      <c r="AZ24" s="327">
        <v>6697960</v>
      </c>
      <c r="BA24" s="327">
        <v>5507129</v>
      </c>
      <c r="BB24" s="327">
        <v>4431313</v>
      </c>
      <c r="BC24" s="327">
        <v>3890843</v>
      </c>
      <c r="BD24" s="328">
        <v>28160729</v>
      </c>
      <c r="BE24" s="330">
        <v>30571715</v>
      </c>
      <c r="BF24" s="326">
        <v>26016</v>
      </c>
      <c r="BG24" s="327">
        <v>138547</v>
      </c>
      <c r="BH24" s="331">
        <v>164563</v>
      </c>
      <c r="BI24" s="332">
        <v>0</v>
      </c>
      <c r="BJ24" s="327">
        <v>745298</v>
      </c>
      <c r="BK24" s="327">
        <v>545144</v>
      </c>
      <c r="BL24" s="327">
        <v>332126</v>
      </c>
      <c r="BM24" s="327">
        <v>560295</v>
      </c>
      <c r="BN24" s="327">
        <v>109759</v>
      </c>
      <c r="BO24" s="328">
        <v>2292622</v>
      </c>
      <c r="BP24" s="330">
        <v>2457185</v>
      </c>
      <c r="BQ24" s="326">
        <v>495745</v>
      </c>
      <c r="BR24" s="327">
        <v>610955</v>
      </c>
      <c r="BS24" s="328">
        <v>1106700</v>
      </c>
      <c r="BT24" s="326">
        <v>0</v>
      </c>
      <c r="BU24" s="327">
        <v>3043377</v>
      </c>
      <c r="BV24" s="327">
        <v>3032004</v>
      </c>
      <c r="BW24" s="327">
        <v>3019454</v>
      </c>
      <c r="BX24" s="327">
        <v>2512260</v>
      </c>
      <c r="BY24" s="327">
        <v>2163388</v>
      </c>
      <c r="BZ24" s="328">
        <v>13770483</v>
      </c>
      <c r="CA24" s="330">
        <v>14877183</v>
      </c>
      <c r="CB24" s="326">
        <v>938146</v>
      </c>
      <c r="CC24" s="327">
        <v>3030699</v>
      </c>
      <c r="CD24" s="328">
        <v>3968845</v>
      </c>
      <c r="CE24" s="326">
        <v>0</v>
      </c>
      <c r="CF24" s="327">
        <v>21491895</v>
      </c>
      <c r="CG24" s="327">
        <v>26483776</v>
      </c>
      <c r="CH24" s="327">
        <v>16922606</v>
      </c>
      <c r="CI24" s="327">
        <v>9696851</v>
      </c>
      <c r="CJ24" s="327">
        <v>6868593</v>
      </c>
      <c r="CK24" s="328">
        <v>81463721</v>
      </c>
      <c r="CL24" s="330">
        <v>85432566</v>
      </c>
      <c r="CM24" s="326">
        <v>0</v>
      </c>
      <c r="CN24" s="327">
        <v>0</v>
      </c>
      <c r="CO24" s="328">
        <v>0</v>
      </c>
      <c r="CP24" s="332">
        <v>0</v>
      </c>
      <c r="CQ24" s="327">
        <v>15373782</v>
      </c>
      <c r="CR24" s="327">
        <v>19054713</v>
      </c>
      <c r="CS24" s="327">
        <v>12250885</v>
      </c>
      <c r="CT24" s="327">
        <v>6682598</v>
      </c>
      <c r="CU24" s="327">
        <v>5908305</v>
      </c>
      <c r="CV24" s="328">
        <v>59270283</v>
      </c>
      <c r="CW24" s="330">
        <v>59270283</v>
      </c>
      <c r="CX24" s="326">
        <v>938146</v>
      </c>
      <c r="CY24" s="327">
        <v>3030699</v>
      </c>
      <c r="CZ24" s="328">
        <v>3968845</v>
      </c>
      <c r="DA24" s="326">
        <v>0</v>
      </c>
      <c r="DB24" s="327">
        <v>6118113</v>
      </c>
      <c r="DC24" s="327">
        <v>7429063</v>
      </c>
      <c r="DD24" s="327">
        <v>4671721</v>
      </c>
      <c r="DE24" s="327">
        <v>3014253</v>
      </c>
      <c r="DF24" s="327">
        <v>960288</v>
      </c>
      <c r="DG24" s="328">
        <v>22193438</v>
      </c>
      <c r="DH24" s="330">
        <v>26162283</v>
      </c>
      <c r="DI24" s="326">
        <v>168354</v>
      </c>
      <c r="DJ24" s="327">
        <v>139422</v>
      </c>
      <c r="DK24" s="331">
        <v>307776</v>
      </c>
      <c r="DL24" s="332">
        <v>0</v>
      </c>
      <c r="DM24" s="327">
        <v>2188562</v>
      </c>
      <c r="DN24" s="327">
        <v>4234103</v>
      </c>
      <c r="DO24" s="327">
        <v>4592801</v>
      </c>
      <c r="DP24" s="327">
        <v>3666059</v>
      </c>
      <c r="DQ24" s="327">
        <v>1067595</v>
      </c>
      <c r="DR24" s="328">
        <v>15749120</v>
      </c>
      <c r="DS24" s="330">
        <v>16056896</v>
      </c>
      <c r="DT24" s="326">
        <v>168354</v>
      </c>
      <c r="DU24" s="327">
        <v>139422</v>
      </c>
      <c r="DV24" s="328">
        <v>307776</v>
      </c>
      <c r="DW24" s="326">
        <v>0</v>
      </c>
      <c r="DX24" s="327">
        <v>1641206</v>
      </c>
      <c r="DY24" s="327">
        <v>3751709</v>
      </c>
      <c r="DZ24" s="327">
        <v>3851468</v>
      </c>
      <c r="EA24" s="327">
        <v>2397598</v>
      </c>
      <c r="EB24" s="327">
        <v>815385</v>
      </c>
      <c r="EC24" s="328">
        <v>12457366</v>
      </c>
      <c r="ED24" s="330">
        <v>12765142</v>
      </c>
      <c r="EE24" s="326">
        <v>0</v>
      </c>
      <c r="EF24" s="331">
        <v>0</v>
      </c>
      <c r="EG24" s="328">
        <v>0</v>
      </c>
      <c r="EH24" s="326">
        <v>0</v>
      </c>
      <c r="EI24" s="327">
        <v>547356</v>
      </c>
      <c r="EJ24" s="327">
        <v>482394</v>
      </c>
      <c r="EK24" s="327">
        <v>741333</v>
      </c>
      <c r="EL24" s="327">
        <v>1268461</v>
      </c>
      <c r="EM24" s="327">
        <v>252210</v>
      </c>
      <c r="EN24" s="331">
        <v>3291754</v>
      </c>
      <c r="EO24" s="330">
        <v>3291754</v>
      </c>
      <c r="EP24" s="326">
        <v>0</v>
      </c>
      <c r="EQ24" s="327">
        <v>0</v>
      </c>
      <c r="ER24" s="331">
        <v>0</v>
      </c>
      <c r="ES24" s="332">
        <v>0</v>
      </c>
      <c r="ET24" s="327">
        <v>0</v>
      </c>
      <c r="EU24" s="327">
        <v>0</v>
      </c>
      <c r="EV24" s="327">
        <v>0</v>
      </c>
      <c r="EW24" s="327">
        <v>0</v>
      </c>
      <c r="EX24" s="327">
        <v>0</v>
      </c>
      <c r="EY24" s="328">
        <v>0</v>
      </c>
      <c r="EZ24" s="330">
        <v>0</v>
      </c>
      <c r="FA24" s="326">
        <v>0</v>
      </c>
      <c r="FB24" s="327">
        <v>0</v>
      </c>
      <c r="FC24" s="331">
        <v>0</v>
      </c>
      <c r="FD24" s="332">
        <v>0</v>
      </c>
      <c r="FE24" s="327">
        <v>0</v>
      </c>
      <c r="FF24" s="327">
        <v>0</v>
      </c>
      <c r="FG24" s="327">
        <v>0</v>
      </c>
      <c r="FH24" s="327">
        <v>0</v>
      </c>
      <c r="FI24" s="327">
        <v>0</v>
      </c>
      <c r="FJ24" s="328">
        <v>0</v>
      </c>
      <c r="FK24" s="330">
        <v>0</v>
      </c>
      <c r="FL24" s="326">
        <v>1488227</v>
      </c>
      <c r="FM24" s="327">
        <v>1734487</v>
      </c>
      <c r="FN24" s="328">
        <v>3222714</v>
      </c>
      <c r="FO24" s="326">
        <v>0</v>
      </c>
      <c r="FP24" s="327">
        <v>4612464</v>
      </c>
      <c r="FQ24" s="327">
        <v>6463144</v>
      </c>
      <c r="FR24" s="327">
        <v>4645676</v>
      </c>
      <c r="FS24" s="327">
        <v>4045878</v>
      </c>
      <c r="FT24" s="327">
        <v>3042962</v>
      </c>
      <c r="FU24" s="328">
        <v>22810124</v>
      </c>
      <c r="FV24" s="330">
        <v>26032838</v>
      </c>
      <c r="FW24" s="333">
        <v>983494</v>
      </c>
      <c r="FX24" s="327">
        <v>1527517</v>
      </c>
      <c r="FY24" s="331">
        <v>2511011</v>
      </c>
      <c r="FZ24" s="332">
        <v>0</v>
      </c>
      <c r="GA24" s="327">
        <v>3691346</v>
      </c>
      <c r="GB24" s="327">
        <v>5722647</v>
      </c>
      <c r="GC24" s="327">
        <v>4420040</v>
      </c>
      <c r="GD24" s="327">
        <v>3737710</v>
      </c>
      <c r="GE24" s="327">
        <v>2840930</v>
      </c>
      <c r="GF24" s="328">
        <v>20412673</v>
      </c>
      <c r="GG24" s="334">
        <v>22923684</v>
      </c>
      <c r="GH24" s="333">
        <v>80784</v>
      </c>
      <c r="GI24" s="327">
        <v>112455</v>
      </c>
      <c r="GJ24" s="331">
        <v>193239</v>
      </c>
      <c r="GK24" s="332">
        <v>0</v>
      </c>
      <c r="GL24" s="327">
        <v>172491</v>
      </c>
      <c r="GM24" s="327">
        <v>235761</v>
      </c>
      <c r="GN24" s="327">
        <v>225636</v>
      </c>
      <c r="GO24" s="327">
        <v>110286</v>
      </c>
      <c r="GP24" s="327">
        <v>83952</v>
      </c>
      <c r="GQ24" s="328">
        <v>828126</v>
      </c>
      <c r="GR24" s="330">
        <v>1021365</v>
      </c>
      <c r="GS24" s="326">
        <v>423949</v>
      </c>
      <c r="GT24" s="327">
        <v>94515</v>
      </c>
      <c r="GU24" s="328">
        <v>518464</v>
      </c>
      <c r="GV24" s="326">
        <v>0</v>
      </c>
      <c r="GW24" s="327">
        <v>748627</v>
      </c>
      <c r="GX24" s="327">
        <v>504736</v>
      </c>
      <c r="GY24" s="327">
        <v>0</v>
      </c>
      <c r="GZ24" s="327">
        <v>197882</v>
      </c>
      <c r="HA24" s="327">
        <v>118080</v>
      </c>
      <c r="HB24" s="331">
        <v>1569325</v>
      </c>
      <c r="HC24" s="330">
        <v>2087789</v>
      </c>
      <c r="HD24" s="326">
        <v>991106</v>
      </c>
      <c r="HE24" s="327">
        <v>1629964</v>
      </c>
      <c r="HF24" s="331">
        <v>2621070</v>
      </c>
      <c r="HG24" s="332">
        <v>0</v>
      </c>
      <c r="HH24" s="327">
        <v>10603242</v>
      </c>
      <c r="HI24" s="327">
        <v>10671618</v>
      </c>
      <c r="HJ24" s="327">
        <v>11724763</v>
      </c>
      <c r="HK24" s="327">
        <v>10711637</v>
      </c>
      <c r="HL24" s="327">
        <v>8920995</v>
      </c>
      <c r="HM24" s="328">
        <v>52632255</v>
      </c>
      <c r="HN24" s="329">
        <v>55253325</v>
      </c>
      <c r="HO24" s="333">
        <v>1111893</v>
      </c>
      <c r="HP24" s="327">
        <v>1488336</v>
      </c>
      <c r="HQ24" s="328">
        <v>2600229</v>
      </c>
      <c r="HR24" s="326">
        <v>0</v>
      </c>
      <c r="HS24" s="327">
        <v>11230941</v>
      </c>
      <c r="HT24" s="327">
        <v>8333966</v>
      </c>
      <c r="HU24" s="327">
        <v>5570833</v>
      </c>
      <c r="HV24" s="327">
        <v>3481025</v>
      </c>
      <c r="HW24" s="327">
        <v>2312405</v>
      </c>
      <c r="HX24" s="331">
        <v>30929170</v>
      </c>
      <c r="HY24" s="330">
        <v>33529399</v>
      </c>
      <c r="HZ24" s="358">
        <v>25817</v>
      </c>
      <c r="IA24" s="356">
        <v>351547</v>
      </c>
      <c r="IB24" s="358">
        <v>377364</v>
      </c>
      <c r="IC24" s="355">
        <v>0</v>
      </c>
      <c r="ID24" s="356">
        <v>16191441</v>
      </c>
      <c r="IE24" s="357">
        <v>24063599</v>
      </c>
      <c r="IF24" s="358">
        <v>26759042</v>
      </c>
      <c r="IG24" s="356">
        <v>15434574</v>
      </c>
      <c r="IH24" s="358">
        <v>14097534</v>
      </c>
      <c r="II24" s="359">
        <v>96546190</v>
      </c>
      <c r="IJ24" s="358">
        <v>96923554</v>
      </c>
      <c r="IK24" s="342">
        <v>0</v>
      </c>
      <c r="IL24" s="343">
        <v>0</v>
      </c>
      <c r="IM24" s="344">
        <v>0</v>
      </c>
      <c r="IN24" s="404">
        <v>0</v>
      </c>
      <c r="IO24" s="345">
        <v>1032706</v>
      </c>
      <c r="IP24" s="345">
        <v>1600978</v>
      </c>
      <c r="IQ24" s="345">
        <v>1336031</v>
      </c>
      <c r="IR24" s="345">
        <v>1142157</v>
      </c>
      <c r="IS24" s="345">
        <v>926097</v>
      </c>
      <c r="IT24" s="346">
        <v>6037969</v>
      </c>
      <c r="IU24" s="347">
        <v>6037969</v>
      </c>
      <c r="IV24" s="348">
        <v>0</v>
      </c>
      <c r="IW24" s="345">
        <v>0</v>
      </c>
      <c r="IX24" s="349">
        <v>0</v>
      </c>
      <c r="IY24" s="413">
        <v>0</v>
      </c>
      <c r="IZ24" s="345">
        <v>11661</v>
      </c>
      <c r="JA24" s="345">
        <v>0</v>
      </c>
      <c r="JB24" s="345">
        <v>41666</v>
      </c>
      <c r="JC24" s="345">
        <v>115382</v>
      </c>
      <c r="JD24" s="345">
        <v>94970</v>
      </c>
      <c r="JE24" s="349">
        <v>263679</v>
      </c>
      <c r="JF24" s="350">
        <v>263679</v>
      </c>
      <c r="JG24" s="348">
        <v>0</v>
      </c>
      <c r="JH24" s="345">
        <v>0</v>
      </c>
      <c r="JI24" s="346">
        <v>0</v>
      </c>
      <c r="JJ24" s="351">
        <v>0</v>
      </c>
      <c r="JK24" s="345">
        <v>6286976</v>
      </c>
      <c r="JL24" s="345">
        <v>6426979</v>
      </c>
      <c r="JM24" s="345">
        <v>4944504</v>
      </c>
      <c r="JN24" s="345">
        <v>2871239</v>
      </c>
      <c r="JO24" s="345">
        <v>1306865</v>
      </c>
      <c r="JP24" s="349">
        <v>21836563</v>
      </c>
      <c r="JQ24" s="347">
        <v>21836563</v>
      </c>
      <c r="JR24" s="348">
        <v>25817</v>
      </c>
      <c r="JS24" s="345">
        <v>0</v>
      </c>
      <c r="JT24" s="346">
        <v>25817</v>
      </c>
      <c r="JU24" s="351">
        <v>0</v>
      </c>
      <c r="JV24" s="345">
        <v>1235893</v>
      </c>
      <c r="JW24" s="345">
        <v>2300052</v>
      </c>
      <c r="JX24" s="345">
        <v>2538492</v>
      </c>
      <c r="JY24" s="345">
        <v>487092</v>
      </c>
      <c r="JZ24" s="345">
        <v>696226</v>
      </c>
      <c r="KA24" s="349">
        <v>7257755</v>
      </c>
      <c r="KB24" s="347">
        <v>7283572</v>
      </c>
      <c r="KC24" s="352">
        <v>0</v>
      </c>
      <c r="KD24" s="353">
        <v>351547</v>
      </c>
      <c r="KE24" s="349">
        <v>351547</v>
      </c>
      <c r="KF24" s="351">
        <v>0</v>
      </c>
      <c r="KG24" s="345">
        <v>3547351</v>
      </c>
      <c r="KH24" s="345">
        <v>7234598</v>
      </c>
      <c r="KI24" s="345">
        <v>7837418</v>
      </c>
      <c r="KJ24" s="345">
        <v>5053440</v>
      </c>
      <c r="KK24" s="345">
        <v>2451584</v>
      </c>
      <c r="KL24" s="349">
        <v>26124391</v>
      </c>
      <c r="KM24" s="354">
        <v>26475938</v>
      </c>
      <c r="KN24" s="342">
        <v>0</v>
      </c>
      <c r="KO24" s="343">
        <v>0</v>
      </c>
      <c r="KP24" s="344">
        <v>0</v>
      </c>
      <c r="KQ24" s="413">
        <v>0</v>
      </c>
      <c r="KR24" s="345">
        <v>4076854</v>
      </c>
      <c r="KS24" s="345">
        <v>6424605</v>
      </c>
      <c r="KT24" s="345">
        <v>9155083</v>
      </c>
      <c r="KU24" s="345">
        <v>4637898</v>
      </c>
      <c r="KV24" s="345">
        <v>4946922</v>
      </c>
      <c r="KW24" s="349">
        <v>29241362</v>
      </c>
      <c r="KX24" s="347">
        <v>29241362</v>
      </c>
      <c r="KY24" s="348">
        <v>0</v>
      </c>
      <c r="KZ24" s="345">
        <v>0</v>
      </c>
      <c r="LA24" s="349">
        <v>0</v>
      </c>
      <c r="LB24" s="413">
        <v>0</v>
      </c>
      <c r="LC24" s="345">
        <v>0</v>
      </c>
      <c r="LD24" s="345">
        <v>0</v>
      </c>
      <c r="LE24" s="345">
        <v>0</v>
      </c>
      <c r="LF24" s="345">
        <v>0</v>
      </c>
      <c r="LG24" s="345">
        <v>0</v>
      </c>
      <c r="LH24" s="349">
        <v>0</v>
      </c>
      <c r="LI24" s="350">
        <v>0</v>
      </c>
      <c r="LJ24" s="348">
        <v>0</v>
      </c>
      <c r="LK24" s="345">
        <v>0</v>
      </c>
      <c r="LL24" s="349">
        <v>0</v>
      </c>
      <c r="LM24" s="413">
        <v>0</v>
      </c>
      <c r="LN24" s="345">
        <v>0</v>
      </c>
      <c r="LO24" s="345">
        <v>0</v>
      </c>
      <c r="LP24" s="345">
        <v>0</v>
      </c>
      <c r="LQ24" s="345">
        <v>0</v>
      </c>
      <c r="LR24" s="345">
        <v>0</v>
      </c>
      <c r="LS24" s="349">
        <v>0</v>
      </c>
      <c r="LT24" s="347">
        <v>0</v>
      </c>
      <c r="LU24" s="348">
        <v>0</v>
      </c>
      <c r="LV24" s="345">
        <v>0</v>
      </c>
      <c r="LW24" s="349">
        <v>0</v>
      </c>
      <c r="LX24" s="413">
        <v>0</v>
      </c>
      <c r="LY24" s="345">
        <v>0</v>
      </c>
      <c r="LZ24" s="345">
        <v>76387</v>
      </c>
      <c r="MA24" s="345">
        <v>905848</v>
      </c>
      <c r="MB24" s="345">
        <v>1127366</v>
      </c>
      <c r="MC24" s="345">
        <v>3674870</v>
      </c>
      <c r="MD24" s="349">
        <v>5784471</v>
      </c>
      <c r="ME24" s="350">
        <v>5784471</v>
      </c>
      <c r="MF24" s="348">
        <v>0</v>
      </c>
      <c r="MG24" s="345">
        <v>0</v>
      </c>
      <c r="MH24" s="349">
        <v>0</v>
      </c>
      <c r="MI24" s="413">
        <v>0</v>
      </c>
      <c r="MJ24" s="345">
        <v>7424848</v>
      </c>
      <c r="MK24" s="345">
        <v>16740554</v>
      </c>
      <c r="ML24" s="345">
        <v>59644315</v>
      </c>
      <c r="MM24" s="345">
        <v>63140754</v>
      </c>
      <c r="MN24" s="345">
        <v>50641799</v>
      </c>
      <c r="MO24" s="349">
        <v>197592270</v>
      </c>
      <c r="MP24" s="354">
        <v>197592270</v>
      </c>
      <c r="MQ24" s="348">
        <v>0</v>
      </c>
      <c r="MR24" s="345">
        <v>0</v>
      </c>
      <c r="MS24" s="349">
        <v>0</v>
      </c>
      <c r="MT24" s="413">
        <v>0</v>
      </c>
      <c r="MU24" s="345">
        <v>0</v>
      </c>
      <c r="MV24" s="345">
        <v>1794703</v>
      </c>
      <c r="MW24" s="345">
        <v>37776868</v>
      </c>
      <c r="MX24" s="345">
        <v>42059276</v>
      </c>
      <c r="MY24" s="345">
        <v>37735456</v>
      </c>
      <c r="MZ24" s="349">
        <v>119366303</v>
      </c>
      <c r="NA24" s="354">
        <v>119366303</v>
      </c>
      <c r="NB24" s="348">
        <v>0</v>
      </c>
      <c r="NC24" s="345">
        <v>0</v>
      </c>
      <c r="ND24" s="349">
        <v>0</v>
      </c>
      <c r="NE24" s="413">
        <v>0</v>
      </c>
      <c r="NF24" s="345">
        <v>7424848</v>
      </c>
      <c r="NG24" s="345">
        <v>14945851</v>
      </c>
      <c r="NH24" s="345">
        <v>21867447</v>
      </c>
      <c r="NI24" s="345">
        <v>20226075</v>
      </c>
      <c r="NJ24" s="345">
        <v>9806515</v>
      </c>
      <c r="NK24" s="349">
        <v>74270736</v>
      </c>
      <c r="NL24" s="347">
        <v>74270736</v>
      </c>
      <c r="NM24" s="348">
        <v>0</v>
      </c>
      <c r="NN24" s="345">
        <v>0</v>
      </c>
      <c r="NO24" s="349">
        <v>0</v>
      </c>
      <c r="NP24" s="413">
        <v>0</v>
      </c>
      <c r="NQ24" s="345">
        <v>0</v>
      </c>
      <c r="NR24" s="345">
        <v>0</v>
      </c>
      <c r="NS24" s="345">
        <v>0</v>
      </c>
      <c r="NT24" s="345">
        <v>0</v>
      </c>
      <c r="NU24" s="345">
        <v>0</v>
      </c>
      <c r="NV24" s="349">
        <v>0</v>
      </c>
      <c r="NW24" s="350">
        <v>0</v>
      </c>
      <c r="NX24" s="348">
        <v>0</v>
      </c>
      <c r="NY24" s="345">
        <v>0</v>
      </c>
      <c r="NZ24" s="349">
        <v>0</v>
      </c>
      <c r="OA24" s="413">
        <v>0</v>
      </c>
      <c r="OB24" s="345">
        <v>0</v>
      </c>
      <c r="OC24" s="345">
        <v>0</v>
      </c>
      <c r="OD24" s="345">
        <v>0</v>
      </c>
      <c r="OE24" s="345">
        <v>855403</v>
      </c>
      <c r="OF24" s="345">
        <v>3099828</v>
      </c>
      <c r="OG24" s="349">
        <v>3955231</v>
      </c>
      <c r="OH24" s="350">
        <v>3955231</v>
      </c>
      <c r="OI24" s="348">
        <v>6079979</v>
      </c>
      <c r="OJ24" s="345">
        <v>10700268</v>
      </c>
      <c r="OK24" s="346">
        <v>16780247</v>
      </c>
      <c r="OL24" s="351">
        <v>0</v>
      </c>
      <c r="OM24" s="345">
        <v>92790693</v>
      </c>
      <c r="ON24" s="345">
        <v>115769248</v>
      </c>
      <c r="OO24" s="345">
        <v>148753791</v>
      </c>
      <c r="OP24" s="345">
        <v>129616172</v>
      </c>
      <c r="OQ24" s="345">
        <v>104249178</v>
      </c>
      <c r="OR24" s="349">
        <v>591179082</v>
      </c>
      <c r="OS24" s="354">
        <v>607959329</v>
      </c>
    </row>
    <row r="25" spans="2:409" s="70" customFormat="1" ht="21" customHeight="1" x14ac:dyDescent="0.2">
      <c r="B25" s="410" t="s">
        <v>20</v>
      </c>
      <c r="C25" s="326">
        <v>6003101</v>
      </c>
      <c r="D25" s="327">
        <v>12784074</v>
      </c>
      <c r="E25" s="328">
        <v>18787175</v>
      </c>
      <c r="F25" s="326">
        <v>0</v>
      </c>
      <c r="G25" s="327">
        <v>97445360</v>
      </c>
      <c r="H25" s="327">
        <v>85439354</v>
      </c>
      <c r="I25" s="327">
        <v>90758421</v>
      </c>
      <c r="J25" s="327">
        <v>72507272</v>
      </c>
      <c r="K25" s="327">
        <v>54090039</v>
      </c>
      <c r="L25" s="367">
        <v>400240446</v>
      </c>
      <c r="M25" s="330">
        <v>419027621</v>
      </c>
      <c r="N25" s="326">
        <v>1959169</v>
      </c>
      <c r="O25" s="327">
        <v>4547299</v>
      </c>
      <c r="P25" s="328">
        <v>6506468</v>
      </c>
      <c r="Q25" s="326">
        <v>0</v>
      </c>
      <c r="R25" s="327">
        <v>30558739</v>
      </c>
      <c r="S25" s="327">
        <v>29106795</v>
      </c>
      <c r="T25" s="327">
        <v>29814923</v>
      </c>
      <c r="U25" s="327">
        <v>28176301</v>
      </c>
      <c r="V25" s="327">
        <v>28773411</v>
      </c>
      <c r="W25" s="328">
        <v>146430169</v>
      </c>
      <c r="X25" s="330">
        <v>152936637</v>
      </c>
      <c r="Y25" s="326">
        <v>0</v>
      </c>
      <c r="Z25" s="327">
        <v>0</v>
      </c>
      <c r="AA25" s="328">
        <v>0</v>
      </c>
      <c r="AB25" s="326">
        <v>0</v>
      </c>
      <c r="AC25" s="327">
        <v>12579360</v>
      </c>
      <c r="AD25" s="327">
        <v>12320932</v>
      </c>
      <c r="AE25" s="327">
        <v>15567977</v>
      </c>
      <c r="AF25" s="327">
        <v>15548138</v>
      </c>
      <c r="AG25" s="327">
        <v>18324245</v>
      </c>
      <c r="AH25" s="328">
        <v>74340652</v>
      </c>
      <c r="AI25" s="330">
        <v>74340652</v>
      </c>
      <c r="AJ25" s="326">
        <v>0</v>
      </c>
      <c r="AK25" s="327">
        <v>0</v>
      </c>
      <c r="AL25" s="328">
        <v>0</v>
      </c>
      <c r="AM25" s="326">
        <v>0</v>
      </c>
      <c r="AN25" s="327">
        <v>54855</v>
      </c>
      <c r="AO25" s="327">
        <v>245570</v>
      </c>
      <c r="AP25" s="327">
        <v>585726</v>
      </c>
      <c r="AQ25" s="327">
        <v>1998347</v>
      </c>
      <c r="AR25" s="327">
        <v>2839548</v>
      </c>
      <c r="AS25" s="328">
        <v>5724046</v>
      </c>
      <c r="AT25" s="330">
        <v>5724046</v>
      </c>
      <c r="AU25" s="326">
        <v>1195799</v>
      </c>
      <c r="AV25" s="327">
        <v>2738884</v>
      </c>
      <c r="AW25" s="328">
        <v>3934683</v>
      </c>
      <c r="AX25" s="326">
        <v>0</v>
      </c>
      <c r="AY25" s="327">
        <v>11771479</v>
      </c>
      <c r="AZ25" s="327">
        <v>10550960</v>
      </c>
      <c r="BA25" s="327">
        <v>7507002</v>
      </c>
      <c r="BB25" s="327">
        <v>6031101</v>
      </c>
      <c r="BC25" s="327">
        <v>3937507</v>
      </c>
      <c r="BD25" s="328">
        <v>39798049</v>
      </c>
      <c r="BE25" s="330">
        <v>43732732</v>
      </c>
      <c r="BF25" s="326">
        <v>376280</v>
      </c>
      <c r="BG25" s="327">
        <v>1300011</v>
      </c>
      <c r="BH25" s="331">
        <v>1676291</v>
      </c>
      <c r="BI25" s="332">
        <v>0</v>
      </c>
      <c r="BJ25" s="327">
        <v>2414113</v>
      </c>
      <c r="BK25" s="327">
        <v>2241918</v>
      </c>
      <c r="BL25" s="327">
        <v>1657863</v>
      </c>
      <c r="BM25" s="327">
        <v>1415230</v>
      </c>
      <c r="BN25" s="327">
        <v>456786</v>
      </c>
      <c r="BO25" s="328">
        <v>8185910</v>
      </c>
      <c r="BP25" s="330">
        <v>9862201</v>
      </c>
      <c r="BQ25" s="326">
        <v>387090</v>
      </c>
      <c r="BR25" s="327">
        <v>508404</v>
      </c>
      <c r="BS25" s="328">
        <v>895494</v>
      </c>
      <c r="BT25" s="326">
        <v>0</v>
      </c>
      <c r="BU25" s="327">
        <v>3738932</v>
      </c>
      <c r="BV25" s="327">
        <v>3747415</v>
      </c>
      <c r="BW25" s="327">
        <v>4496355</v>
      </c>
      <c r="BX25" s="327">
        <v>3183485</v>
      </c>
      <c r="BY25" s="327">
        <v>3215325</v>
      </c>
      <c r="BZ25" s="328">
        <v>18381512</v>
      </c>
      <c r="CA25" s="330">
        <v>19277006</v>
      </c>
      <c r="CB25" s="326">
        <v>349316</v>
      </c>
      <c r="CC25" s="327">
        <v>1436026</v>
      </c>
      <c r="CD25" s="328">
        <v>1785342</v>
      </c>
      <c r="CE25" s="326">
        <v>0</v>
      </c>
      <c r="CF25" s="327">
        <v>26320146</v>
      </c>
      <c r="CG25" s="327">
        <v>22977460</v>
      </c>
      <c r="CH25" s="327">
        <v>20790186</v>
      </c>
      <c r="CI25" s="327">
        <v>13556609</v>
      </c>
      <c r="CJ25" s="327">
        <v>4417560</v>
      </c>
      <c r="CK25" s="328">
        <v>88061961</v>
      </c>
      <c r="CL25" s="330">
        <v>89847303</v>
      </c>
      <c r="CM25" s="326">
        <v>0</v>
      </c>
      <c r="CN25" s="327">
        <v>0</v>
      </c>
      <c r="CO25" s="328">
        <v>0</v>
      </c>
      <c r="CP25" s="332">
        <v>0</v>
      </c>
      <c r="CQ25" s="327">
        <v>19069639</v>
      </c>
      <c r="CR25" s="327">
        <v>16755434</v>
      </c>
      <c r="CS25" s="327">
        <v>17642700</v>
      </c>
      <c r="CT25" s="327">
        <v>9502468</v>
      </c>
      <c r="CU25" s="327">
        <v>3048823</v>
      </c>
      <c r="CV25" s="328">
        <v>66019064</v>
      </c>
      <c r="CW25" s="330">
        <v>66019064</v>
      </c>
      <c r="CX25" s="326">
        <v>349316</v>
      </c>
      <c r="CY25" s="327">
        <v>1436026</v>
      </c>
      <c r="CZ25" s="328">
        <v>1785342</v>
      </c>
      <c r="DA25" s="326">
        <v>0</v>
      </c>
      <c r="DB25" s="327">
        <v>7250507</v>
      </c>
      <c r="DC25" s="327">
        <v>6222026</v>
      </c>
      <c r="DD25" s="327">
        <v>3147486</v>
      </c>
      <c r="DE25" s="327">
        <v>4054141</v>
      </c>
      <c r="DF25" s="327">
        <v>1368737</v>
      </c>
      <c r="DG25" s="328">
        <v>22042897</v>
      </c>
      <c r="DH25" s="330">
        <v>23828239</v>
      </c>
      <c r="DI25" s="326">
        <v>84078</v>
      </c>
      <c r="DJ25" s="327">
        <v>90612</v>
      </c>
      <c r="DK25" s="331">
        <v>174690</v>
      </c>
      <c r="DL25" s="332">
        <v>0</v>
      </c>
      <c r="DM25" s="327">
        <v>3951798</v>
      </c>
      <c r="DN25" s="327">
        <v>4415190</v>
      </c>
      <c r="DO25" s="327">
        <v>11847639</v>
      </c>
      <c r="DP25" s="327">
        <v>6209954</v>
      </c>
      <c r="DQ25" s="327">
        <v>4348501</v>
      </c>
      <c r="DR25" s="328">
        <v>30773082</v>
      </c>
      <c r="DS25" s="330">
        <v>30947772</v>
      </c>
      <c r="DT25" s="326">
        <v>84078</v>
      </c>
      <c r="DU25" s="327">
        <v>90612</v>
      </c>
      <c r="DV25" s="328">
        <v>174690</v>
      </c>
      <c r="DW25" s="326">
        <v>0</v>
      </c>
      <c r="DX25" s="327">
        <v>3681883</v>
      </c>
      <c r="DY25" s="327">
        <v>4127069</v>
      </c>
      <c r="DZ25" s="327">
        <v>11751918</v>
      </c>
      <c r="EA25" s="327">
        <v>5531840</v>
      </c>
      <c r="EB25" s="327">
        <v>3726385</v>
      </c>
      <c r="EC25" s="328">
        <v>28819095</v>
      </c>
      <c r="ED25" s="330">
        <v>28993785</v>
      </c>
      <c r="EE25" s="326">
        <v>0</v>
      </c>
      <c r="EF25" s="331">
        <v>0</v>
      </c>
      <c r="EG25" s="328">
        <v>0</v>
      </c>
      <c r="EH25" s="326">
        <v>0</v>
      </c>
      <c r="EI25" s="327">
        <v>269915</v>
      </c>
      <c r="EJ25" s="327">
        <v>288121</v>
      </c>
      <c r="EK25" s="327">
        <v>95721</v>
      </c>
      <c r="EL25" s="327">
        <v>678114</v>
      </c>
      <c r="EM25" s="327">
        <v>622116</v>
      </c>
      <c r="EN25" s="331">
        <v>1953987</v>
      </c>
      <c r="EO25" s="330">
        <v>1953987</v>
      </c>
      <c r="EP25" s="326">
        <v>0</v>
      </c>
      <c r="EQ25" s="327">
        <v>0</v>
      </c>
      <c r="ER25" s="331">
        <v>0</v>
      </c>
      <c r="ES25" s="332">
        <v>0</v>
      </c>
      <c r="ET25" s="327">
        <v>0</v>
      </c>
      <c r="EU25" s="327">
        <v>0</v>
      </c>
      <c r="EV25" s="327">
        <v>0</v>
      </c>
      <c r="EW25" s="327">
        <v>0</v>
      </c>
      <c r="EX25" s="327">
        <v>0</v>
      </c>
      <c r="EY25" s="328">
        <v>0</v>
      </c>
      <c r="EZ25" s="330">
        <v>0</v>
      </c>
      <c r="FA25" s="326">
        <v>0</v>
      </c>
      <c r="FB25" s="327">
        <v>0</v>
      </c>
      <c r="FC25" s="331">
        <v>0</v>
      </c>
      <c r="FD25" s="332">
        <v>0</v>
      </c>
      <c r="FE25" s="327">
        <v>0</v>
      </c>
      <c r="FF25" s="327">
        <v>0</v>
      </c>
      <c r="FG25" s="327">
        <v>0</v>
      </c>
      <c r="FH25" s="327">
        <v>0</v>
      </c>
      <c r="FI25" s="327">
        <v>0</v>
      </c>
      <c r="FJ25" s="328">
        <v>0</v>
      </c>
      <c r="FK25" s="330">
        <v>0</v>
      </c>
      <c r="FL25" s="326">
        <v>1566737</v>
      </c>
      <c r="FM25" s="327">
        <v>3551283</v>
      </c>
      <c r="FN25" s="328">
        <v>5118020</v>
      </c>
      <c r="FO25" s="326">
        <v>0</v>
      </c>
      <c r="FP25" s="327">
        <v>6704594</v>
      </c>
      <c r="FQ25" s="327">
        <v>7708916</v>
      </c>
      <c r="FR25" s="327">
        <v>6751830</v>
      </c>
      <c r="FS25" s="327">
        <v>5823025</v>
      </c>
      <c r="FT25" s="327">
        <v>3511665</v>
      </c>
      <c r="FU25" s="328">
        <v>30500030</v>
      </c>
      <c r="FV25" s="330">
        <v>35618050</v>
      </c>
      <c r="FW25" s="333">
        <v>901919</v>
      </c>
      <c r="FX25" s="327">
        <v>2370893</v>
      </c>
      <c r="FY25" s="331">
        <v>3272812</v>
      </c>
      <c r="FZ25" s="332">
        <v>0</v>
      </c>
      <c r="GA25" s="327">
        <v>5404272</v>
      </c>
      <c r="GB25" s="327">
        <v>7007519</v>
      </c>
      <c r="GC25" s="327">
        <v>6005535</v>
      </c>
      <c r="GD25" s="327">
        <v>5381850</v>
      </c>
      <c r="GE25" s="327">
        <v>3412989</v>
      </c>
      <c r="GF25" s="328">
        <v>27212165</v>
      </c>
      <c r="GG25" s="334">
        <v>30484977</v>
      </c>
      <c r="GH25" s="333">
        <v>137598</v>
      </c>
      <c r="GI25" s="327">
        <v>201024</v>
      </c>
      <c r="GJ25" s="331">
        <v>338622</v>
      </c>
      <c r="GK25" s="332">
        <v>0</v>
      </c>
      <c r="GL25" s="327">
        <v>195788</v>
      </c>
      <c r="GM25" s="327">
        <v>234342</v>
      </c>
      <c r="GN25" s="327">
        <v>136995</v>
      </c>
      <c r="GO25" s="327">
        <v>222675</v>
      </c>
      <c r="GP25" s="327">
        <v>22176</v>
      </c>
      <c r="GQ25" s="328">
        <v>811976</v>
      </c>
      <c r="GR25" s="330">
        <v>1150598</v>
      </c>
      <c r="GS25" s="326">
        <v>527220</v>
      </c>
      <c r="GT25" s="327">
        <v>979366</v>
      </c>
      <c r="GU25" s="328">
        <v>1506586</v>
      </c>
      <c r="GV25" s="326">
        <v>0</v>
      </c>
      <c r="GW25" s="327">
        <v>1104534</v>
      </c>
      <c r="GX25" s="327">
        <v>467055</v>
      </c>
      <c r="GY25" s="327">
        <v>609300</v>
      </c>
      <c r="GZ25" s="327">
        <v>218500</v>
      </c>
      <c r="HA25" s="327">
        <v>76500</v>
      </c>
      <c r="HB25" s="331">
        <v>2475889</v>
      </c>
      <c r="HC25" s="330">
        <v>3982475</v>
      </c>
      <c r="HD25" s="326">
        <v>910379</v>
      </c>
      <c r="HE25" s="327">
        <v>1069151</v>
      </c>
      <c r="HF25" s="331">
        <v>1979530</v>
      </c>
      <c r="HG25" s="332">
        <v>0</v>
      </c>
      <c r="HH25" s="327">
        <v>13982159</v>
      </c>
      <c r="HI25" s="327">
        <v>11325661</v>
      </c>
      <c r="HJ25" s="327">
        <v>13636821</v>
      </c>
      <c r="HK25" s="327">
        <v>13401098</v>
      </c>
      <c r="HL25" s="327">
        <v>10043328</v>
      </c>
      <c r="HM25" s="328">
        <v>62389067</v>
      </c>
      <c r="HN25" s="329">
        <v>64368597</v>
      </c>
      <c r="HO25" s="333">
        <v>1133422</v>
      </c>
      <c r="HP25" s="327">
        <v>2089703</v>
      </c>
      <c r="HQ25" s="328">
        <v>3223125</v>
      </c>
      <c r="HR25" s="326">
        <v>0</v>
      </c>
      <c r="HS25" s="327">
        <v>15927924</v>
      </c>
      <c r="HT25" s="327">
        <v>9905332</v>
      </c>
      <c r="HU25" s="327">
        <v>7917022</v>
      </c>
      <c r="HV25" s="327">
        <v>5340285</v>
      </c>
      <c r="HW25" s="327">
        <v>2995574</v>
      </c>
      <c r="HX25" s="331">
        <v>42086137</v>
      </c>
      <c r="HY25" s="330">
        <v>45309262</v>
      </c>
      <c r="HZ25" s="335">
        <v>0</v>
      </c>
      <c r="IA25" s="336">
        <v>125569</v>
      </c>
      <c r="IB25" s="337">
        <v>125569</v>
      </c>
      <c r="IC25" s="338">
        <v>0</v>
      </c>
      <c r="ID25" s="336">
        <v>16919322</v>
      </c>
      <c r="IE25" s="339">
        <v>21055404</v>
      </c>
      <c r="IF25" s="337">
        <v>27281478</v>
      </c>
      <c r="IG25" s="336">
        <v>7980558</v>
      </c>
      <c r="IH25" s="337">
        <v>8466613</v>
      </c>
      <c r="II25" s="340">
        <v>81703375</v>
      </c>
      <c r="IJ25" s="341">
        <v>81828944</v>
      </c>
      <c r="IK25" s="342">
        <v>0</v>
      </c>
      <c r="IL25" s="343">
        <v>0</v>
      </c>
      <c r="IM25" s="344">
        <v>0</v>
      </c>
      <c r="IN25" s="404">
        <v>0</v>
      </c>
      <c r="IO25" s="345">
        <v>88092</v>
      </c>
      <c r="IP25" s="345">
        <v>0</v>
      </c>
      <c r="IQ25" s="345">
        <v>0</v>
      </c>
      <c r="IR25" s="345">
        <v>0</v>
      </c>
      <c r="IS25" s="345">
        <v>309186</v>
      </c>
      <c r="IT25" s="346">
        <v>397278</v>
      </c>
      <c r="IU25" s="347">
        <v>397278</v>
      </c>
      <c r="IV25" s="348">
        <v>0</v>
      </c>
      <c r="IW25" s="345">
        <v>0</v>
      </c>
      <c r="IX25" s="349">
        <v>0</v>
      </c>
      <c r="IY25" s="413">
        <v>0</v>
      </c>
      <c r="IZ25" s="345">
        <v>0</v>
      </c>
      <c r="JA25" s="345">
        <v>0</v>
      </c>
      <c r="JB25" s="345">
        <v>0</v>
      </c>
      <c r="JC25" s="345">
        <v>0</v>
      </c>
      <c r="JD25" s="345">
        <v>0</v>
      </c>
      <c r="JE25" s="349">
        <v>0</v>
      </c>
      <c r="JF25" s="350">
        <v>0</v>
      </c>
      <c r="JG25" s="348">
        <v>0</v>
      </c>
      <c r="JH25" s="345">
        <v>0</v>
      </c>
      <c r="JI25" s="346">
        <v>0</v>
      </c>
      <c r="JJ25" s="351">
        <v>0</v>
      </c>
      <c r="JK25" s="345">
        <v>9043830</v>
      </c>
      <c r="JL25" s="345">
        <v>6992589</v>
      </c>
      <c r="JM25" s="345">
        <v>5359393</v>
      </c>
      <c r="JN25" s="345">
        <v>1631450</v>
      </c>
      <c r="JO25" s="345">
        <v>699635</v>
      </c>
      <c r="JP25" s="349">
        <v>23726897</v>
      </c>
      <c r="JQ25" s="347">
        <v>23726897</v>
      </c>
      <c r="JR25" s="348">
        <v>0</v>
      </c>
      <c r="JS25" s="345">
        <v>0</v>
      </c>
      <c r="JT25" s="346">
        <v>0</v>
      </c>
      <c r="JU25" s="351">
        <v>0</v>
      </c>
      <c r="JV25" s="345">
        <v>166512</v>
      </c>
      <c r="JW25" s="345">
        <v>36140</v>
      </c>
      <c r="JX25" s="345">
        <v>704899</v>
      </c>
      <c r="JY25" s="345">
        <v>92816</v>
      </c>
      <c r="JZ25" s="345">
        <v>61180</v>
      </c>
      <c r="KA25" s="349">
        <v>1061547</v>
      </c>
      <c r="KB25" s="347">
        <v>1061547</v>
      </c>
      <c r="KC25" s="352">
        <v>0</v>
      </c>
      <c r="KD25" s="353">
        <v>125569</v>
      </c>
      <c r="KE25" s="349">
        <v>125569</v>
      </c>
      <c r="KF25" s="351">
        <v>0</v>
      </c>
      <c r="KG25" s="345">
        <v>3066242</v>
      </c>
      <c r="KH25" s="345">
        <v>2969560</v>
      </c>
      <c r="KI25" s="345">
        <v>4560151</v>
      </c>
      <c r="KJ25" s="345">
        <v>798247</v>
      </c>
      <c r="KK25" s="345">
        <v>922422</v>
      </c>
      <c r="KL25" s="349">
        <v>12316622</v>
      </c>
      <c r="KM25" s="354">
        <v>12442191</v>
      </c>
      <c r="KN25" s="342">
        <v>0</v>
      </c>
      <c r="KO25" s="343">
        <v>0</v>
      </c>
      <c r="KP25" s="344">
        <v>0</v>
      </c>
      <c r="KQ25" s="413">
        <v>0</v>
      </c>
      <c r="KR25" s="345">
        <v>4554646</v>
      </c>
      <c r="KS25" s="345">
        <v>11057115</v>
      </c>
      <c r="KT25" s="345">
        <v>16657035</v>
      </c>
      <c r="KU25" s="345">
        <v>5458045</v>
      </c>
      <c r="KV25" s="345">
        <v>6474190</v>
      </c>
      <c r="KW25" s="349">
        <v>44201031</v>
      </c>
      <c r="KX25" s="347">
        <v>44201031</v>
      </c>
      <c r="KY25" s="348">
        <v>0</v>
      </c>
      <c r="KZ25" s="345">
        <v>0</v>
      </c>
      <c r="LA25" s="349">
        <v>0</v>
      </c>
      <c r="LB25" s="413">
        <v>0</v>
      </c>
      <c r="LC25" s="345">
        <v>0</v>
      </c>
      <c r="LD25" s="345">
        <v>0</v>
      </c>
      <c r="LE25" s="345">
        <v>0</v>
      </c>
      <c r="LF25" s="345">
        <v>0</v>
      </c>
      <c r="LG25" s="345">
        <v>0</v>
      </c>
      <c r="LH25" s="349">
        <v>0</v>
      </c>
      <c r="LI25" s="350">
        <v>0</v>
      </c>
      <c r="LJ25" s="348">
        <v>0</v>
      </c>
      <c r="LK25" s="345">
        <v>0</v>
      </c>
      <c r="LL25" s="349">
        <v>0</v>
      </c>
      <c r="LM25" s="413">
        <v>0</v>
      </c>
      <c r="LN25" s="345">
        <v>0</v>
      </c>
      <c r="LO25" s="345">
        <v>0</v>
      </c>
      <c r="LP25" s="345">
        <v>0</v>
      </c>
      <c r="LQ25" s="345">
        <v>0</v>
      </c>
      <c r="LR25" s="345">
        <v>0</v>
      </c>
      <c r="LS25" s="349">
        <v>0</v>
      </c>
      <c r="LT25" s="347">
        <v>0</v>
      </c>
      <c r="LU25" s="348">
        <v>0</v>
      </c>
      <c r="LV25" s="345">
        <v>0</v>
      </c>
      <c r="LW25" s="349">
        <v>0</v>
      </c>
      <c r="LX25" s="413">
        <v>0</v>
      </c>
      <c r="LY25" s="345">
        <v>0</v>
      </c>
      <c r="LZ25" s="345">
        <v>0</v>
      </c>
      <c r="MA25" s="345">
        <v>0</v>
      </c>
      <c r="MB25" s="345">
        <v>0</v>
      </c>
      <c r="MC25" s="345">
        <v>0</v>
      </c>
      <c r="MD25" s="349">
        <v>0</v>
      </c>
      <c r="ME25" s="350">
        <v>0</v>
      </c>
      <c r="MF25" s="348">
        <v>0</v>
      </c>
      <c r="MG25" s="345">
        <v>0</v>
      </c>
      <c r="MH25" s="349">
        <v>0</v>
      </c>
      <c r="MI25" s="413">
        <v>0</v>
      </c>
      <c r="MJ25" s="345">
        <v>3791609</v>
      </c>
      <c r="MK25" s="345">
        <v>16366189</v>
      </c>
      <c r="ML25" s="345">
        <v>51833475</v>
      </c>
      <c r="MM25" s="345">
        <v>82184783</v>
      </c>
      <c r="MN25" s="345">
        <v>44117659</v>
      </c>
      <c r="MO25" s="349">
        <v>198293715</v>
      </c>
      <c r="MP25" s="354">
        <v>198293715</v>
      </c>
      <c r="MQ25" s="348">
        <v>0</v>
      </c>
      <c r="MR25" s="345">
        <v>0</v>
      </c>
      <c r="MS25" s="349">
        <v>0</v>
      </c>
      <c r="MT25" s="413">
        <v>0</v>
      </c>
      <c r="MU25" s="345">
        <v>696571</v>
      </c>
      <c r="MV25" s="345">
        <v>5755279</v>
      </c>
      <c r="MW25" s="345">
        <v>41335125</v>
      </c>
      <c r="MX25" s="345">
        <v>64175189</v>
      </c>
      <c r="MY25" s="345">
        <v>34600604</v>
      </c>
      <c r="MZ25" s="349">
        <v>146562768</v>
      </c>
      <c r="NA25" s="354">
        <v>146562768</v>
      </c>
      <c r="NB25" s="348">
        <v>0</v>
      </c>
      <c r="NC25" s="345">
        <v>0</v>
      </c>
      <c r="ND25" s="349">
        <v>0</v>
      </c>
      <c r="NE25" s="413">
        <v>0</v>
      </c>
      <c r="NF25" s="345">
        <v>3095038</v>
      </c>
      <c r="NG25" s="345">
        <v>10610910</v>
      </c>
      <c r="NH25" s="345">
        <v>10249362</v>
      </c>
      <c r="NI25" s="345">
        <v>16916688</v>
      </c>
      <c r="NJ25" s="345">
        <v>7756799</v>
      </c>
      <c r="NK25" s="349">
        <v>48628797</v>
      </c>
      <c r="NL25" s="347">
        <v>48628797</v>
      </c>
      <c r="NM25" s="348">
        <v>0</v>
      </c>
      <c r="NN25" s="345">
        <v>0</v>
      </c>
      <c r="NO25" s="349">
        <v>0</v>
      </c>
      <c r="NP25" s="413">
        <v>0</v>
      </c>
      <c r="NQ25" s="345">
        <v>0</v>
      </c>
      <c r="NR25" s="345">
        <v>0</v>
      </c>
      <c r="NS25" s="345">
        <v>0</v>
      </c>
      <c r="NT25" s="345">
        <v>0</v>
      </c>
      <c r="NU25" s="345">
        <v>0</v>
      </c>
      <c r="NV25" s="349">
        <v>0</v>
      </c>
      <c r="NW25" s="350">
        <v>0</v>
      </c>
      <c r="NX25" s="348">
        <v>0</v>
      </c>
      <c r="NY25" s="345">
        <v>0</v>
      </c>
      <c r="NZ25" s="349">
        <v>0</v>
      </c>
      <c r="OA25" s="413">
        <v>0</v>
      </c>
      <c r="OB25" s="345">
        <v>0</v>
      </c>
      <c r="OC25" s="345">
        <v>0</v>
      </c>
      <c r="OD25" s="345">
        <v>248988</v>
      </c>
      <c r="OE25" s="345">
        <v>1092906</v>
      </c>
      <c r="OF25" s="345">
        <v>1760256</v>
      </c>
      <c r="OG25" s="349">
        <v>3102150</v>
      </c>
      <c r="OH25" s="350">
        <v>3102150</v>
      </c>
      <c r="OI25" s="348">
        <v>6003101</v>
      </c>
      <c r="OJ25" s="345">
        <v>12909643</v>
      </c>
      <c r="OK25" s="346">
        <v>18912744</v>
      </c>
      <c r="OL25" s="351">
        <v>0</v>
      </c>
      <c r="OM25" s="345">
        <v>118156291</v>
      </c>
      <c r="ON25" s="345">
        <v>122860947</v>
      </c>
      <c r="OO25" s="345">
        <v>169873374</v>
      </c>
      <c r="OP25" s="345">
        <v>162672613</v>
      </c>
      <c r="OQ25" s="345">
        <v>106674311</v>
      </c>
      <c r="OR25" s="349">
        <v>680237536</v>
      </c>
      <c r="OS25" s="354">
        <v>699150280</v>
      </c>
    </row>
    <row r="26" spans="2:409" s="70" customFormat="1" ht="21" customHeight="1" x14ac:dyDescent="0.2">
      <c r="B26" s="410" t="s">
        <v>21</v>
      </c>
      <c r="C26" s="326">
        <v>7925603</v>
      </c>
      <c r="D26" s="327">
        <v>12654453</v>
      </c>
      <c r="E26" s="328">
        <v>20580056</v>
      </c>
      <c r="F26" s="329">
        <v>0</v>
      </c>
      <c r="G26" s="327">
        <v>87128631</v>
      </c>
      <c r="H26" s="327">
        <v>117118625</v>
      </c>
      <c r="I26" s="327">
        <v>103852226</v>
      </c>
      <c r="J26" s="327">
        <v>76081323</v>
      </c>
      <c r="K26" s="327">
        <v>64185961</v>
      </c>
      <c r="L26" s="367">
        <v>448366766</v>
      </c>
      <c r="M26" s="330">
        <v>468946822</v>
      </c>
      <c r="N26" s="326">
        <v>2553999</v>
      </c>
      <c r="O26" s="327">
        <v>4397963</v>
      </c>
      <c r="P26" s="328">
        <v>6951962</v>
      </c>
      <c r="Q26" s="326">
        <v>0</v>
      </c>
      <c r="R26" s="327">
        <v>27692230</v>
      </c>
      <c r="S26" s="327">
        <v>41920564</v>
      </c>
      <c r="T26" s="327">
        <v>38307787</v>
      </c>
      <c r="U26" s="327">
        <v>31977111</v>
      </c>
      <c r="V26" s="327">
        <v>34552441</v>
      </c>
      <c r="W26" s="328">
        <v>174450133</v>
      </c>
      <c r="X26" s="330">
        <v>181402095</v>
      </c>
      <c r="Y26" s="326">
        <v>0</v>
      </c>
      <c r="Z26" s="327">
        <v>0</v>
      </c>
      <c r="AA26" s="328">
        <v>0</v>
      </c>
      <c r="AB26" s="326">
        <v>0</v>
      </c>
      <c r="AC26" s="327">
        <v>12231175</v>
      </c>
      <c r="AD26" s="327">
        <v>22117884</v>
      </c>
      <c r="AE26" s="327">
        <v>24548762</v>
      </c>
      <c r="AF26" s="327">
        <v>18741594</v>
      </c>
      <c r="AG26" s="327">
        <v>22513325</v>
      </c>
      <c r="AH26" s="328">
        <v>100152740</v>
      </c>
      <c r="AI26" s="330">
        <v>100152740</v>
      </c>
      <c r="AJ26" s="326">
        <v>0</v>
      </c>
      <c r="AK26" s="327">
        <v>0</v>
      </c>
      <c r="AL26" s="328">
        <v>0</v>
      </c>
      <c r="AM26" s="326">
        <v>0</v>
      </c>
      <c r="AN26" s="327">
        <v>0</v>
      </c>
      <c r="AO26" s="327">
        <v>110996</v>
      </c>
      <c r="AP26" s="327">
        <v>598953</v>
      </c>
      <c r="AQ26" s="327">
        <v>1933710</v>
      </c>
      <c r="AR26" s="327">
        <v>2963254</v>
      </c>
      <c r="AS26" s="328">
        <v>5606913</v>
      </c>
      <c r="AT26" s="330">
        <v>5606913</v>
      </c>
      <c r="AU26" s="326">
        <v>1415395</v>
      </c>
      <c r="AV26" s="327">
        <v>2858221</v>
      </c>
      <c r="AW26" s="328">
        <v>4273616</v>
      </c>
      <c r="AX26" s="326">
        <v>0</v>
      </c>
      <c r="AY26" s="327">
        <v>10254624</v>
      </c>
      <c r="AZ26" s="327">
        <v>12060387</v>
      </c>
      <c r="BA26" s="327">
        <v>6847413</v>
      </c>
      <c r="BB26" s="327">
        <v>6719097</v>
      </c>
      <c r="BC26" s="327">
        <v>5513912</v>
      </c>
      <c r="BD26" s="328">
        <v>41395433</v>
      </c>
      <c r="BE26" s="330">
        <v>45669049</v>
      </c>
      <c r="BF26" s="326">
        <v>463151</v>
      </c>
      <c r="BG26" s="327">
        <v>1024284</v>
      </c>
      <c r="BH26" s="331">
        <v>1487435</v>
      </c>
      <c r="BI26" s="332">
        <v>0</v>
      </c>
      <c r="BJ26" s="327">
        <v>846226</v>
      </c>
      <c r="BK26" s="327">
        <v>2010820</v>
      </c>
      <c r="BL26" s="327">
        <v>1265965</v>
      </c>
      <c r="BM26" s="327">
        <v>392973</v>
      </c>
      <c r="BN26" s="327">
        <v>266680</v>
      </c>
      <c r="BO26" s="328">
        <v>4782664</v>
      </c>
      <c r="BP26" s="330">
        <v>6270099</v>
      </c>
      <c r="BQ26" s="326">
        <v>675453</v>
      </c>
      <c r="BR26" s="327">
        <v>515458</v>
      </c>
      <c r="BS26" s="328">
        <v>1190911</v>
      </c>
      <c r="BT26" s="326">
        <v>0</v>
      </c>
      <c r="BU26" s="327">
        <v>4360205</v>
      </c>
      <c r="BV26" s="327">
        <v>5620477</v>
      </c>
      <c r="BW26" s="327">
        <v>5046694</v>
      </c>
      <c r="BX26" s="327">
        <v>4189737</v>
      </c>
      <c r="BY26" s="327">
        <v>3295270</v>
      </c>
      <c r="BZ26" s="328">
        <v>22512383</v>
      </c>
      <c r="CA26" s="330">
        <v>23703294</v>
      </c>
      <c r="CB26" s="326">
        <v>462889</v>
      </c>
      <c r="CC26" s="327">
        <v>1356925</v>
      </c>
      <c r="CD26" s="328">
        <v>1819814</v>
      </c>
      <c r="CE26" s="326">
        <v>0</v>
      </c>
      <c r="CF26" s="327">
        <v>26005452</v>
      </c>
      <c r="CG26" s="327">
        <v>33921040</v>
      </c>
      <c r="CH26" s="327">
        <v>27518082</v>
      </c>
      <c r="CI26" s="327">
        <v>12424561</v>
      </c>
      <c r="CJ26" s="327">
        <v>5542433</v>
      </c>
      <c r="CK26" s="328">
        <v>105411568</v>
      </c>
      <c r="CL26" s="330">
        <v>107231382</v>
      </c>
      <c r="CM26" s="326">
        <v>0</v>
      </c>
      <c r="CN26" s="327">
        <v>0</v>
      </c>
      <c r="CO26" s="328">
        <v>0</v>
      </c>
      <c r="CP26" s="332">
        <v>0</v>
      </c>
      <c r="CQ26" s="327">
        <v>22813639</v>
      </c>
      <c r="CR26" s="327">
        <v>30129092</v>
      </c>
      <c r="CS26" s="327">
        <v>24321904</v>
      </c>
      <c r="CT26" s="327">
        <v>10976636</v>
      </c>
      <c r="CU26" s="327">
        <v>4832971</v>
      </c>
      <c r="CV26" s="328">
        <v>93074242</v>
      </c>
      <c r="CW26" s="330">
        <v>93074242</v>
      </c>
      <c r="CX26" s="326">
        <v>462889</v>
      </c>
      <c r="CY26" s="327">
        <v>1356925</v>
      </c>
      <c r="CZ26" s="328">
        <v>1819814</v>
      </c>
      <c r="DA26" s="326">
        <v>0</v>
      </c>
      <c r="DB26" s="327">
        <v>3191813</v>
      </c>
      <c r="DC26" s="327">
        <v>3791948</v>
      </c>
      <c r="DD26" s="327">
        <v>3196178</v>
      </c>
      <c r="DE26" s="327">
        <v>1447925</v>
      </c>
      <c r="DF26" s="327">
        <v>709462</v>
      </c>
      <c r="DG26" s="328">
        <v>12337326</v>
      </c>
      <c r="DH26" s="330">
        <v>14157140</v>
      </c>
      <c r="DI26" s="326">
        <v>39432</v>
      </c>
      <c r="DJ26" s="327">
        <v>345440</v>
      </c>
      <c r="DK26" s="331">
        <v>384872</v>
      </c>
      <c r="DL26" s="332">
        <v>0</v>
      </c>
      <c r="DM26" s="327">
        <v>1570384</v>
      </c>
      <c r="DN26" s="327">
        <v>4359516</v>
      </c>
      <c r="DO26" s="327">
        <v>8088151</v>
      </c>
      <c r="DP26" s="327">
        <v>7435573</v>
      </c>
      <c r="DQ26" s="327">
        <v>6234977</v>
      </c>
      <c r="DR26" s="328">
        <v>27688601</v>
      </c>
      <c r="DS26" s="330">
        <v>28073473</v>
      </c>
      <c r="DT26" s="326">
        <v>39432</v>
      </c>
      <c r="DU26" s="327">
        <v>240293</v>
      </c>
      <c r="DV26" s="328">
        <v>279725</v>
      </c>
      <c r="DW26" s="326">
        <v>0</v>
      </c>
      <c r="DX26" s="327">
        <v>1570384</v>
      </c>
      <c r="DY26" s="327">
        <v>4188636</v>
      </c>
      <c r="DZ26" s="327">
        <v>7769776</v>
      </c>
      <c r="EA26" s="327">
        <v>6943935</v>
      </c>
      <c r="EB26" s="327">
        <v>5451933</v>
      </c>
      <c r="EC26" s="328">
        <v>25924664</v>
      </c>
      <c r="ED26" s="330">
        <v>26204389</v>
      </c>
      <c r="EE26" s="326">
        <v>0</v>
      </c>
      <c r="EF26" s="331">
        <v>105147</v>
      </c>
      <c r="EG26" s="328">
        <v>105147</v>
      </c>
      <c r="EH26" s="326">
        <v>0</v>
      </c>
      <c r="EI26" s="327">
        <v>0</v>
      </c>
      <c r="EJ26" s="327">
        <v>170880</v>
      </c>
      <c r="EK26" s="327">
        <v>318375</v>
      </c>
      <c r="EL26" s="327">
        <v>491638</v>
      </c>
      <c r="EM26" s="327">
        <v>783044</v>
      </c>
      <c r="EN26" s="331">
        <v>1763937</v>
      </c>
      <c r="EO26" s="330">
        <v>1869084</v>
      </c>
      <c r="EP26" s="326">
        <v>0</v>
      </c>
      <c r="EQ26" s="327">
        <v>0</v>
      </c>
      <c r="ER26" s="331">
        <v>0</v>
      </c>
      <c r="ES26" s="332">
        <v>0</v>
      </c>
      <c r="ET26" s="327">
        <v>0</v>
      </c>
      <c r="EU26" s="327">
        <v>0</v>
      </c>
      <c r="EV26" s="327">
        <v>0</v>
      </c>
      <c r="EW26" s="327">
        <v>0</v>
      </c>
      <c r="EX26" s="327">
        <v>0</v>
      </c>
      <c r="EY26" s="328">
        <v>0</v>
      </c>
      <c r="EZ26" s="330">
        <v>0</v>
      </c>
      <c r="FA26" s="326">
        <v>0</v>
      </c>
      <c r="FB26" s="327">
        <v>0</v>
      </c>
      <c r="FC26" s="331">
        <v>0</v>
      </c>
      <c r="FD26" s="332">
        <v>0</v>
      </c>
      <c r="FE26" s="327">
        <v>0</v>
      </c>
      <c r="FF26" s="327">
        <v>0</v>
      </c>
      <c r="FG26" s="327">
        <v>0</v>
      </c>
      <c r="FH26" s="327">
        <v>0</v>
      </c>
      <c r="FI26" s="327">
        <v>0</v>
      </c>
      <c r="FJ26" s="328">
        <v>0</v>
      </c>
      <c r="FK26" s="330">
        <v>0</v>
      </c>
      <c r="FL26" s="326">
        <v>2255086</v>
      </c>
      <c r="FM26" s="327">
        <v>3108539</v>
      </c>
      <c r="FN26" s="328">
        <v>5363625</v>
      </c>
      <c r="FO26" s="326">
        <v>0</v>
      </c>
      <c r="FP26" s="327">
        <v>4559142</v>
      </c>
      <c r="FQ26" s="327">
        <v>10137968</v>
      </c>
      <c r="FR26" s="327">
        <v>7762163</v>
      </c>
      <c r="FS26" s="327">
        <v>5559342</v>
      </c>
      <c r="FT26" s="327">
        <v>4118241</v>
      </c>
      <c r="FU26" s="328">
        <v>32136856</v>
      </c>
      <c r="FV26" s="330">
        <v>37500481</v>
      </c>
      <c r="FW26" s="333">
        <v>1265063</v>
      </c>
      <c r="FX26" s="327">
        <v>2390482</v>
      </c>
      <c r="FY26" s="331">
        <v>3655545</v>
      </c>
      <c r="FZ26" s="332">
        <v>0</v>
      </c>
      <c r="GA26" s="327">
        <v>3473584</v>
      </c>
      <c r="GB26" s="327">
        <v>9642633</v>
      </c>
      <c r="GC26" s="327">
        <v>7248925</v>
      </c>
      <c r="GD26" s="327">
        <v>5324902</v>
      </c>
      <c r="GE26" s="327">
        <v>4055241</v>
      </c>
      <c r="GF26" s="328">
        <v>29745285</v>
      </c>
      <c r="GG26" s="334">
        <v>33400830</v>
      </c>
      <c r="GH26" s="333">
        <v>107983</v>
      </c>
      <c r="GI26" s="327">
        <v>157486</v>
      </c>
      <c r="GJ26" s="331">
        <v>265469</v>
      </c>
      <c r="GK26" s="332">
        <v>0</v>
      </c>
      <c r="GL26" s="327">
        <v>360905</v>
      </c>
      <c r="GM26" s="327">
        <v>264835</v>
      </c>
      <c r="GN26" s="327">
        <v>40770</v>
      </c>
      <c r="GO26" s="327">
        <v>58320</v>
      </c>
      <c r="GP26" s="327">
        <v>0</v>
      </c>
      <c r="GQ26" s="328">
        <v>724830</v>
      </c>
      <c r="GR26" s="330">
        <v>990299</v>
      </c>
      <c r="GS26" s="326">
        <v>882040</v>
      </c>
      <c r="GT26" s="327">
        <v>560571</v>
      </c>
      <c r="GU26" s="328">
        <v>1442611</v>
      </c>
      <c r="GV26" s="326">
        <v>0</v>
      </c>
      <c r="GW26" s="327">
        <v>724653</v>
      </c>
      <c r="GX26" s="327">
        <v>230500</v>
      </c>
      <c r="GY26" s="327">
        <v>472468</v>
      </c>
      <c r="GZ26" s="327">
        <v>176120</v>
      </c>
      <c r="HA26" s="327">
        <v>63000</v>
      </c>
      <c r="HB26" s="331">
        <v>1666741</v>
      </c>
      <c r="HC26" s="330">
        <v>3109352</v>
      </c>
      <c r="HD26" s="326">
        <v>1178511</v>
      </c>
      <c r="HE26" s="327">
        <v>1299305</v>
      </c>
      <c r="HF26" s="331">
        <v>2477816</v>
      </c>
      <c r="HG26" s="332">
        <v>0</v>
      </c>
      <c r="HH26" s="327">
        <v>13464923</v>
      </c>
      <c r="HI26" s="327">
        <v>12962563</v>
      </c>
      <c r="HJ26" s="327">
        <v>12935206</v>
      </c>
      <c r="HK26" s="327">
        <v>13488377</v>
      </c>
      <c r="HL26" s="327">
        <v>10361904</v>
      </c>
      <c r="HM26" s="328">
        <v>63212973</v>
      </c>
      <c r="HN26" s="329">
        <v>65690789</v>
      </c>
      <c r="HO26" s="333">
        <v>1435686</v>
      </c>
      <c r="HP26" s="327">
        <v>2146281</v>
      </c>
      <c r="HQ26" s="328">
        <v>3581967</v>
      </c>
      <c r="HR26" s="326">
        <v>0</v>
      </c>
      <c r="HS26" s="327">
        <v>13836500</v>
      </c>
      <c r="HT26" s="327">
        <v>13816974</v>
      </c>
      <c r="HU26" s="327">
        <v>9240837</v>
      </c>
      <c r="HV26" s="327">
        <v>5196359</v>
      </c>
      <c r="HW26" s="327">
        <v>3375965</v>
      </c>
      <c r="HX26" s="331">
        <v>45466635</v>
      </c>
      <c r="HY26" s="330">
        <v>49048602</v>
      </c>
      <c r="HZ26" s="358">
        <v>0</v>
      </c>
      <c r="IA26" s="356">
        <v>0</v>
      </c>
      <c r="IB26" s="358">
        <v>0</v>
      </c>
      <c r="IC26" s="355">
        <v>0</v>
      </c>
      <c r="ID26" s="356">
        <v>17797356</v>
      </c>
      <c r="IE26" s="357">
        <v>25332230</v>
      </c>
      <c r="IF26" s="358">
        <v>24588504</v>
      </c>
      <c r="IG26" s="356">
        <v>11437482</v>
      </c>
      <c r="IH26" s="358">
        <v>8485674</v>
      </c>
      <c r="II26" s="359">
        <v>87641246</v>
      </c>
      <c r="IJ26" s="358">
        <v>87641246</v>
      </c>
      <c r="IK26" s="342">
        <v>0</v>
      </c>
      <c r="IL26" s="343">
        <v>0</v>
      </c>
      <c r="IM26" s="344">
        <v>0</v>
      </c>
      <c r="IN26" s="404">
        <v>0</v>
      </c>
      <c r="IO26" s="345">
        <v>0</v>
      </c>
      <c r="IP26" s="345">
        <v>347862</v>
      </c>
      <c r="IQ26" s="345">
        <v>155890</v>
      </c>
      <c r="IR26" s="345">
        <v>0</v>
      </c>
      <c r="IS26" s="345">
        <v>291107</v>
      </c>
      <c r="IT26" s="346">
        <v>794859</v>
      </c>
      <c r="IU26" s="347">
        <v>794859</v>
      </c>
      <c r="IV26" s="348">
        <v>0</v>
      </c>
      <c r="IW26" s="345">
        <v>0</v>
      </c>
      <c r="IX26" s="349">
        <v>0</v>
      </c>
      <c r="IY26" s="413">
        <v>0</v>
      </c>
      <c r="IZ26" s="345">
        <v>0</v>
      </c>
      <c r="JA26" s="345">
        <v>0</v>
      </c>
      <c r="JB26" s="345">
        <v>0</v>
      </c>
      <c r="JC26" s="345">
        <v>0</v>
      </c>
      <c r="JD26" s="345">
        <v>0</v>
      </c>
      <c r="JE26" s="349">
        <v>0</v>
      </c>
      <c r="JF26" s="350">
        <v>0</v>
      </c>
      <c r="JG26" s="348">
        <v>0</v>
      </c>
      <c r="JH26" s="345">
        <v>0</v>
      </c>
      <c r="JI26" s="346">
        <v>0</v>
      </c>
      <c r="JJ26" s="351">
        <v>0</v>
      </c>
      <c r="JK26" s="345">
        <v>12410583</v>
      </c>
      <c r="JL26" s="345">
        <v>11695157</v>
      </c>
      <c r="JM26" s="345">
        <v>8158962</v>
      </c>
      <c r="JN26" s="345">
        <v>3405852</v>
      </c>
      <c r="JO26" s="345">
        <v>2159033</v>
      </c>
      <c r="JP26" s="349">
        <v>37829587</v>
      </c>
      <c r="JQ26" s="347">
        <v>37829587</v>
      </c>
      <c r="JR26" s="348">
        <v>0</v>
      </c>
      <c r="JS26" s="345">
        <v>0</v>
      </c>
      <c r="JT26" s="346">
        <v>0</v>
      </c>
      <c r="JU26" s="351">
        <v>0</v>
      </c>
      <c r="JV26" s="345">
        <v>0</v>
      </c>
      <c r="JW26" s="345">
        <v>0</v>
      </c>
      <c r="JX26" s="345">
        <v>0</v>
      </c>
      <c r="JY26" s="345">
        <v>0</v>
      </c>
      <c r="JZ26" s="345">
        <v>0</v>
      </c>
      <c r="KA26" s="349">
        <v>0</v>
      </c>
      <c r="KB26" s="347">
        <v>0</v>
      </c>
      <c r="KC26" s="352">
        <v>0</v>
      </c>
      <c r="KD26" s="353">
        <v>0</v>
      </c>
      <c r="KE26" s="349">
        <v>0</v>
      </c>
      <c r="KF26" s="351">
        <v>0</v>
      </c>
      <c r="KG26" s="345">
        <v>1024466</v>
      </c>
      <c r="KH26" s="345">
        <v>1598263</v>
      </c>
      <c r="KI26" s="345">
        <v>4548293</v>
      </c>
      <c r="KJ26" s="345">
        <v>2097225</v>
      </c>
      <c r="KK26" s="345">
        <v>990051</v>
      </c>
      <c r="KL26" s="349">
        <v>10258298</v>
      </c>
      <c r="KM26" s="354">
        <v>10258298</v>
      </c>
      <c r="KN26" s="342">
        <v>0</v>
      </c>
      <c r="KO26" s="343">
        <v>0</v>
      </c>
      <c r="KP26" s="344">
        <v>0</v>
      </c>
      <c r="KQ26" s="413">
        <v>0</v>
      </c>
      <c r="KR26" s="345">
        <v>4250808</v>
      </c>
      <c r="KS26" s="345">
        <v>11557108</v>
      </c>
      <c r="KT26" s="345">
        <v>11725359</v>
      </c>
      <c r="KU26" s="345">
        <v>5682182</v>
      </c>
      <c r="KV26" s="345">
        <v>4273751</v>
      </c>
      <c r="KW26" s="349">
        <v>37489208</v>
      </c>
      <c r="KX26" s="347">
        <v>37489208</v>
      </c>
      <c r="KY26" s="348">
        <v>0</v>
      </c>
      <c r="KZ26" s="345">
        <v>0</v>
      </c>
      <c r="LA26" s="349">
        <v>0</v>
      </c>
      <c r="LB26" s="413">
        <v>0</v>
      </c>
      <c r="LC26" s="345">
        <v>0</v>
      </c>
      <c r="LD26" s="345">
        <v>0</v>
      </c>
      <c r="LE26" s="345">
        <v>0</v>
      </c>
      <c r="LF26" s="345">
        <v>0</v>
      </c>
      <c r="LG26" s="345">
        <v>0</v>
      </c>
      <c r="LH26" s="349">
        <v>0</v>
      </c>
      <c r="LI26" s="350">
        <v>0</v>
      </c>
      <c r="LJ26" s="348">
        <v>0</v>
      </c>
      <c r="LK26" s="345">
        <v>0</v>
      </c>
      <c r="LL26" s="349">
        <v>0</v>
      </c>
      <c r="LM26" s="413">
        <v>0</v>
      </c>
      <c r="LN26" s="345">
        <v>0</v>
      </c>
      <c r="LO26" s="345">
        <v>0</v>
      </c>
      <c r="LP26" s="345">
        <v>0</v>
      </c>
      <c r="LQ26" s="345">
        <v>0</v>
      </c>
      <c r="LR26" s="345">
        <v>0</v>
      </c>
      <c r="LS26" s="349">
        <v>0</v>
      </c>
      <c r="LT26" s="347">
        <v>0</v>
      </c>
      <c r="LU26" s="348">
        <v>0</v>
      </c>
      <c r="LV26" s="345">
        <v>0</v>
      </c>
      <c r="LW26" s="349">
        <v>0</v>
      </c>
      <c r="LX26" s="413">
        <v>0</v>
      </c>
      <c r="LY26" s="345">
        <v>111499</v>
      </c>
      <c r="LZ26" s="345">
        <v>133840</v>
      </c>
      <c r="MA26" s="345">
        <v>0</v>
      </c>
      <c r="MB26" s="345">
        <v>252223</v>
      </c>
      <c r="MC26" s="345">
        <v>771732</v>
      </c>
      <c r="MD26" s="349">
        <v>1269294</v>
      </c>
      <c r="ME26" s="350">
        <v>1269294</v>
      </c>
      <c r="MF26" s="348">
        <v>0</v>
      </c>
      <c r="MG26" s="345">
        <v>0</v>
      </c>
      <c r="MH26" s="349">
        <v>0</v>
      </c>
      <c r="MI26" s="413">
        <v>0</v>
      </c>
      <c r="MJ26" s="345">
        <v>6342933</v>
      </c>
      <c r="MK26" s="345">
        <v>15628260</v>
      </c>
      <c r="ML26" s="345">
        <v>60377222</v>
      </c>
      <c r="MM26" s="345">
        <v>77930813</v>
      </c>
      <c r="MN26" s="345">
        <v>58249319</v>
      </c>
      <c r="MO26" s="349">
        <v>218528547</v>
      </c>
      <c r="MP26" s="354">
        <v>218528547</v>
      </c>
      <c r="MQ26" s="348">
        <v>0</v>
      </c>
      <c r="MR26" s="345">
        <v>0</v>
      </c>
      <c r="MS26" s="349">
        <v>0</v>
      </c>
      <c r="MT26" s="413">
        <v>0</v>
      </c>
      <c r="MU26" s="345">
        <v>1176073</v>
      </c>
      <c r="MV26" s="345">
        <v>3666057</v>
      </c>
      <c r="MW26" s="345">
        <v>46726205</v>
      </c>
      <c r="MX26" s="345">
        <v>58307360</v>
      </c>
      <c r="MY26" s="345">
        <v>41555136</v>
      </c>
      <c r="MZ26" s="349">
        <v>151430831</v>
      </c>
      <c r="NA26" s="354">
        <v>151430831</v>
      </c>
      <c r="NB26" s="348">
        <v>0</v>
      </c>
      <c r="NC26" s="345">
        <v>0</v>
      </c>
      <c r="ND26" s="349">
        <v>0</v>
      </c>
      <c r="NE26" s="413">
        <v>0</v>
      </c>
      <c r="NF26" s="345">
        <v>5166860</v>
      </c>
      <c r="NG26" s="345">
        <v>11626192</v>
      </c>
      <c r="NH26" s="345">
        <v>13266626</v>
      </c>
      <c r="NI26" s="345">
        <v>14271607</v>
      </c>
      <c r="NJ26" s="345">
        <v>9365519</v>
      </c>
      <c r="NK26" s="349">
        <v>53696804</v>
      </c>
      <c r="NL26" s="347">
        <v>53696804</v>
      </c>
      <c r="NM26" s="348">
        <v>0</v>
      </c>
      <c r="NN26" s="345">
        <v>0</v>
      </c>
      <c r="NO26" s="349">
        <v>0</v>
      </c>
      <c r="NP26" s="413">
        <v>0</v>
      </c>
      <c r="NQ26" s="345">
        <v>0</v>
      </c>
      <c r="NR26" s="345">
        <v>0</v>
      </c>
      <c r="NS26" s="345">
        <v>0</v>
      </c>
      <c r="NT26" s="345">
        <v>0</v>
      </c>
      <c r="NU26" s="345">
        <v>0</v>
      </c>
      <c r="NV26" s="349">
        <v>0</v>
      </c>
      <c r="NW26" s="350">
        <v>0</v>
      </c>
      <c r="NX26" s="348">
        <v>0</v>
      </c>
      <c r="NY26" s="345">
        <v>0</v>
      </c>
      <c r="NZ26" s="349">
        <v>0</v>
      </c>
      <c r="OA26" s="413">
        <v>0</v>
      </c>
      <c r="OB26" s="345">
        <v>0</v>
      </c>
      <c r="OC26" s="345">
        <v>336011</v>
      </c>
      <c r="OD26" s="345">
        <v>384391</v>
      </c>
      <c r="OE26" s="345">
        <v>5351846</v>
      </c>
      <c r="OF26" s="345">
        <v>7328664</v>
      </c>
      <c r="OG26" s="349">
        <v>13400912</v>
      </c>
      <c r="OH26" s="350">
        <v>13400912</v>
      </c>
      <c r="OI26" s="348">
        <v>7925603</v>
      </c>
      <c r="OJ26" s="345">
        <v>12654453</v>
      </c>
      <c r="OK26" s="346">
        <v>20580056</v>
      </c>
      <c r="OL26" s="351">
        <v>0</v>
      </c>
      <c r="OM26" s="345">
        <v>111268920</v>
      </c>
      <c r="ON26" s="345">
        <v>158079115</v>
      </c>
      <c r="OO26" s="345">
        <v>188817952</v>
      </c>
      <c r="OP26" s="345">
        <v>165449618</v>
      </c>
      <c r="OQ26" s="345">
        <v>130920954</v>
      </c>
      <c r="OR26" s="349">
        <v>754536559</v>
      </c>
      <c r="OS26" s="354">
        <v>775116615</v>
      </c>
    </row>
    <row r="27" spans="2:409" s="70" customFormat="1" ht="21" customHeight="1" x14ac:dyDescent="0.2">
      <c r="B27" s="410" t="s">
        <v>22</v>
      </c>
      <c r="C27" s="326">
        <v>1974303</v>
      </c>
      <c r="D27" s="327">
        <v>3749389</v>
      </c>
      <c r="E27" s="328">
        <v>5723692</v>
      </c>
      <c r="F27" s="329">
        <v>0</v>
      </c>
      <c r="G27" s="327">
        <v>27798046</v>
      </c>
      <c r="H27" s="327">
        <v>35773903</v>
      </c>
      <c r="I27" s="327">
        <v>26107169</v>
      </c>
      <c r="J27" s="327">
        <v>28777218</v>
      </c>
      <c r="K27" s="327">
        <v>18682891</v>
      </c>
      <c r="L27" s="367">
        <v>137139227</v>
      </c>
      <c r="M27" s="330">
        <v>142862919</v>
      </c>
      <c r="N27" s="326">
        <v>302087</v>
      </c>
      <c r="O27" s="327">
        <v>530840</v>
      </c>
      <c r="P27" s="328">
        <v>832927</v>
      </c>
      <c r="Q27" s="326">
        <v>0</v>
      </c>
      <c r="R27" s="327">
        <v>5840107</v>
      </c>
      <c r="S27" s="327">
        <v>9847343</v>
      </c>
      <c r="T27" s="327">
        <v>4907409</v>
      </c>
      <c r="U27" s="327">
        <v>10572878</v>
      </c>
      <c r="V27" s="327">
        <v>9605332</v>
      </c>
      <c r="W27" s="328">
        <v>40773069</v>
      </c>
      <c r="X27" s="330">
        <v>41605996</v>
      </c>
      <c r="Y27" s="326">
        <v>0</v>
      </c>
      <c r="Z27" s="327">
        <v>0</v>
      </c>
      <c r="AA27" s="328">
        <v>0</v>
      </c>
      <c r="AB27" s="326">
        <v>0</v>
      </c>
      <c r="AC27" s="327">
        <v>2358159</v>
      </c>
      <c r="AD27" s="327">
        <v>5107392</v>
      </c>
      <c r="AE27" s="327">
        <v>2197629</v>
      </c>
      <c r="AF27" s="327">
        <v>5751172</v>
      </c>
      <c r="AG27" s="327">
        <v>5717159</v>
      </c>
      <c r="AH27" s="328">
        <v>21131511</v>
      </c>
      <c r="AI27" s="330">
        <v>21131511</v>
      </c>
      <c r="AJ27" s="326">
        <v>0</v>
      </c>
      <c r="AK27" s="327">
        <v>0</v>
      </c>
      <c r="AL27" s="328">
        <v>0</v>
      </c>
      <c r="AM27" s="326">
        <v>0</v>
      </c>
      <c r="AN27" s="327">
        <v>165961</v>
      </c>
      <c r="AO27" s="327">
        <v>0</v>
      </c>
      <c r="AP27" s="327">
        <v>101813</v>
      </c>
      <c r="AQ27" s="327">
        <v>676688</v>
      </c>
      <c r="AR27" s="327">
        <v>1612242</v>
      </c>
      <c r="AS27" s="328">
        <v>2556704</v>
      </c>
      <c r="AT27" s="330">
        <v>2556704</v>
      </c>
      <c r="AU27" s="326">
        <v>165947</v>
      </c>
      <c r="AV27" s="327">
        <v>435539</v>
      </c>
      <c r="AW27" s="328">
        <v>601486</v>
      </c>
      <c r="AX27" s="326">
        <v>0</v>
      </c>
      <c r="AY27" s="327">
        <v>1966739</v>
      </c>
      <c r="AZ27" s="327">
        <v>3144246</v>
      </c>
      <c r="BA27" s="327">
        <v>1387725</v>
      </c>
      <c r="BB27" s="327">
        <v>2753595</v>
      </c>
      <c r="BC27" s="327">
        <v>1650109</v>
      </c>
      <c r="BD27" s="328">
        <v>10902414</v>
      </c>
      <c r="BE27" s="330">
        <v>11503900</v>
      </c>
      <c r="BF27" s="326">
        <v>37100</v>
      </c>
      <c r="BG27" s="327">
        <v>0</v>
      </c>
      <c r="BH27" s="331">
        <v>37100</v>
      </c>
      <c r="BI27" s="332">
        <v>0</v>
      </c>
      <c r="BJ27" s="327">
        <v>394707</v>
      </c>
      <c r="BK27" s="327">
        <v>367961</v>
      </c>
      <c r="BL27" s="327">
        <v>144220</v>
      </c>
      <c r="BM27" s="327">
        <v>220722</v>
      </c>
      <c r="BN27" s="327">
        <v>70186</v>
      </c>
      <c r="BO27" s="328">
        <v>1197796</v>
      </c>
      <c r="BP27" s="330">
        <v>1234896</v>
      </c>
      <c r="BQ27" s="326">
        <v>99040</v>
      </c>
      <c r="BR27" s="327">
        <v>95301</v>
      </c>
      <c r="BS27" s="328">
        <v>194341</v>
      </c>
      <c r="BT27" s="326">
        <v>0</v>
      </c>
      <c r="BU27" s="327">
        <v>954541</v>
      </c>
      <c r="BV27" s="327">
        <v>1227744</v>
      </c>
      <c r="BW27" s="327">
        <v>1076022</v>
      </c>
      <c r="BX27" s="327">
        <v>1170701</v>
      </c>
      <c r="BY27" s="327">
        <v>555636</v>
      </c>
      <c r="BZ27" s="328">
        <v>4984644</v>
      </c>
      <c r="CA27" s="330">
        <v>5178985</v>
      </c>
      <c r="CB27" s="326">
        <v>179500</v>
      </c>
      <c r="CC27" s="327">
        <v>309972</v>
      </c>
      <c r="CD27" s="328">
        <v>489472</v>
      </c>
      <c r="CE27" s="326">
        <v>0</v>
      </c>
      <c r="CF27" s="327">
        <v>7640014</v>
      </c>
      <c r="CG27" s="327">
        <v>11868799</v>
      </c>
      <c r="CH27" s="327">
        <v>8396846</v>
      </c>
      <c r="CI27" s="327">
        <v>4676462</v>
      </c>
      <c r="CJ27" s="327">
        <v>2123462</v>
      </c>
      <c r="CK27" s="328">
        <v>34705583</v>
      </c>
      <c r="CL27" s="330">
        <v>35195055</v>
      </c>
      <c r="CM27" s="326">
        <v>0</v>
      </c>
      <c r="CN27" s="327">
        <v>0</v>
      </c>
      <c r="CO27" s="328">
        <v>0</v>
      </c>
      <c r="CP27" s="332">
        <v>0</v>
      </c>
      <c r="CQ27" s="327">
        <v>6185746</v>
      </c>
      <c r="CR27" s="327">
        <v>9563805</v>
      </c>
      <c r="CS27" s="327">
        <v>7808357</v>
      </c>
      <c r="CT27" s="327">
        <v>3391014</v>
      </c>
      <c r="CU27" s="327">
        <v>1638243</v>
      </c>
      <c r="CV27" s="328">
        <v>28587165</v>
      </c>
      <c r="CW27" s="330">
        <v>28587165</v>
      </c>
      <c r="CX27" s="326">
        <v>179500</v>
      </c>
      <c r="CY27" s="327">
        <v>309972</v>
      </c>
      <c r="CZ27" s="328">
        <v>489472</v>
      </c>
      <c r="DA27" s="326">
        <v>0</v>
      </c>
      <c r="DB27" s="327">
        <v>1454268</v>
      </c>
      <c r="DC27" s="327">
        <v>2304994</v>
      </c>
      <c r="DD27" s="327">
        <v>588489</v>
      </c>
      <c r="DE27" s="327">
        <v>1285448</v>
      </c>
      <c r="DF27" s="327">
        <v>485219</v>
      </c>
      <c r="DG27" s="328">
        <v>6118418</v>
      </c>
      <c r="DH27" s="330">
        <v>6607890</v>
      </c>
      <c r="DI27" s="326">
        <v>0</v>
      </c>
      <c r="DJ27" s="327">
        <v>33450</v>
      </c>
      <c r="DK27" s="331">
        <v>33450</v>
      </c>
      <c r="DL27" s="332">
        <v>0</v>
      </c>
      <c r="DM27" s="327">
        <v>640765</v>
      </c>
      <c r="DN27" s="327">
        <v>1076489</v>
      </c>
      <c r="DO27" s="327">
        <v>2558820</v>
      </c>
      <c r="DP27" s="327">
        <v>3060630</v>
      </c>
      <c r="DQ27" s="327">
        <v>1730971</v>
      </c>
      <c r="DR27" s="328">
        <v>9067675</v>
      </c>
      <c r="DS27" s="330">
        <v>9101125</v>
      </c>
      <c r="DT27" s="326">
        <v>0</v>
      </c>
      <c r="DU27" s="327">
        <v>33450</v>
      </c>
      <c r="DV27" s="328">
        <v>33450</v>
      </c>
      <c r="DW27" s="326">
        <v>0</v>
      </c>
      <c r="DX27" s="327">
        <v>427355</v>
      </c>
      <c r="DY27" s="327">
        <v>967147</v>
      </c>
      <c r="DZ27" s="327">
        <v>2400406</v>
      </c>
      <c r="EA27" s="327">
        <v>2913586</v>
      </c>
      <c r="EB27" s="327">
        <v>1358300</v>
      </c>
      <c r="EC27" s="328">
        <v>8066794</v>
      </c>
      <c r="ED27" s="330">
        <v>8100244</v>
      </c>
      <c r="EE27" s="326">
        <v>0</v>
      </c>
      <c r="EF27" s="331">
        <v>0</v>
      </c>
      <c r="EG27" s="328">
        <v>0</v>
      </c>
      <c r="EH27" s="326">
        <v>0</v>
      </c>
      <c r="EI27" s="327">
        <v>213410</v>
      </c>
      <c r="EJ27" s="327">
        <v>109342</v>
      </c>
      <c r="EK27" s="327">
        <v>158414</v>
      </c>
      <c r="EL27" s="327">
        <v>147044</v>
      </c>
      <c r="EM27" s="327">
        <v>372671</v>
      </c>
      <c r="EN27" s="331">
        <v>1000881</v>
      </c>
      <c r="EO27" s="330">
        <v>1000881</v>
      </c>
      <c r="EP27" s="326">
        <v>0</v>
      </c>
      <c r="EQ27" s="327">
        <v>0</v>
      </c>
      <c r="ER27" s="331">
        <v>0</v>
      </c>
      <c r="ES27" s="332">
        <v>0</v>
      </c>
      <c r="ET27" s="327">
        <v>0</v>
      </c>
      <c r="EU27" s="327">
        <v>0</v>
      </c>
      <c r="EV27" s="327">
        <v>0</v>
      </c>
      <c r="EW27" s="327">
        <v>0</v>
      </c>
      <c r="EX27" s="327">
        <v>0</v>
      </c>
      <c r="EY27" s="328">
        <v>0</v>
      </c>
      <c r="EZ27" s="330">
        <v>0</v>
      </c>
      <c r="FA27" s="326">
        <v>0</v>
      </c>
      <c r="FB27" s="327">
        <v>0</v>
      </c>
      <c r="FC27" s="331">
        <v>0</v>
      </c>
      <c r="FD27" s="332">
        <v>0</v>
      </c>
      <c r="FE27" s="327">
        <v>0</v>
      </c>
      <c r="FF27" s="327">
        <v>0</v>
      </c>
      <c r="FG27" s="327">
        <v>0</v>
      </c>
      <c r="FH27" s="327">
        <v>0</v>
      </c>
      <c r="FI27" s="327">
        <v>0</v>
      </c>
      <c r="FJ27" s="328">
        <v>0</v>
      </c>
      <c r="FK27" s="330">
        <v>0</v>
      </c>
      <c r="FL27" s="326">
        <v>792269</v>
      </c>
      <c r="FM27" s="327">
        <v>1328120</v>
      </c>
      <c r="FN27" s="328">
        <v>2120389</v>
      </c>
      <c r="FO27" s="326">
        <v>0</v>
      </c>
      <c r="FP27" s="327">
        <v>2851875</v>
      </c>
      <c r="FQ27" s="327">
        <v>3659242</v>
      </c>
      <c r="FR27" s="327">
        <v>2151342</v>
      </c>
      <c r="FS27" s="327">
        <v>2417193</v>
      </c>
      <c r="FT27" s="327">
        <v>1291515</v>
      </c>
      <c r="FU27" s="328">
        <v>12371167</v>
      </c>
      <c r="FV27" s="330">
        <v>14491556</v>
      </c>
      <c r="FW27" s="333">
        <v>289988</v>
      </c>
      <c r="FX27" s="327">
        <v>1035782</v>
      </c>
      <c r="FY27" s="331">
        <v>1325770</v>
      </c>
      <c r="FZ27" s="332">
        <v>0</v>
      </c>
      <c r="GA27" s="327">
        <v>1944236</v>
      </c>
      <c r="GB27" s="327">
        <v>3230491</v>
      </c>
      <c r="GC27" s="327">
        <v>1931530</v>
      </c>
      <c r="GD27" s="327">
        <v>2250378</v>
      </c>
      <c r="GE27" s="327">
        <v>1291515</v>
      </c>
      <c r="GF27" s="328">
        <v>10648150</v>
      </c>
      <c r="GG27" s="334">
        <v>11973920</v>
      </c>
      <c r="GH27" s="333">
        <v>20196</v>
      </c>
      <c r="GI27" s="327">
        <v>24948</v>
      </c>
      <c r="GJ27" s="331">
        <v>45144</v>
      </c>
      <c r="GK27" s="332">
        <v>0</v>
      </c>
      <c r="GL27" s="327">
        <v>395899</v>
      </c>
      <c r="GM27" s="327">
        <v>170631</v>
      </c>
      <c r="GN27" s="327">
        <v>22770</v>
      </c>
      <c r="GO27" s="327">
        <v>28215</v>
      </c>
      <c r="GP27" s="327">
        <v>0</v>
      </c>
      <c r="GQ27" s="328">
        <v>617515</v>
      </c>
      <c r="GR27" s="330">
        <v>662659</v>
      </c>
      <c r="GS27" s="326">
        <v>482085</v>
      </c>
      <c r="GT27" s="327">
        <v>267390</v>
      </c>
      <c r="GU27" s="328">
        <v>749475</v>
      </c>
      <c r="GV27" s="326">
        <v>0</v>
      </c>
      <c r="GW27" s="327">
        <v>511740</v>
      </c>
      <c r="GX27" s="327">
        <v>258120</v>
      </c>
      <c r="GY27" s="327">
        <v>197042</v>
      </c>
      <c r="GZ27" s="327">
        <v>138600</v>
      </c>
      <c r="HA27" s="327">
        <v>0</v>
      </c>
      <c r="HB27" s="331">
        <v>1105502</v>
      </c>
      <c r="HC27" s="330">
        <v>1854977</v>
      </c>
      <c r="HD27" s="326">
        <v>393466</v>
      </c>
      <c r="HE27" s="327">
        <v>772227</v>
      </c>
      <c r="HF27" s="331">
        <v>1165693</v>
      </c>
      <c r="HG27" s="332">
        <v>0</v>
      </c>
      <c r="HH27" s="327">
        <v>5591899</v>
      </c>
      <c r="HI27" s="327">
        <v>4154817</v>
      </c>
      <c r="HJ27" s="327">
        <v>5160522</v>
      </c>
      <c r="HK27" s="327">
        <v>5753261</v>
      </c>
      <c r="HL27" s="327">
        <v>2790524</v>
      </c>
      <c r="HM27" s="328">
        <v>23451023</v>
      </c>
      <c r="HN27" s="329">
        <v>24616716</v>
      </c>
      <c r="HO27" s="333">
        <v>306981</v>
      </c>
      <c r="HP27" s="327">
        <v>774780</v>
      </c>
      <c r="HQ27" s="328">
        <v>1081761</v>
      </c>
      <c r="HR27" s="326">
        <v>0</v>
      </c>
      <c r="HS27" s="327">
        <v>5233386</v>
      </c>
      <c r="HT27" s="327">
        <v>5167213</v>
      </c>
      <c r="HU27" s="327">
        <v>2932230</v>
      </c>
      <c r="HV27" s="327">
        <v>2296794</v>
      </c>
      <c r="HW27" s="327">
        <v>1141087</v>
      </c>
      <c r="HX27" s="331">
        <v>16770710</v>
      </c>
      <c r="HY27" s="330">
        <v>17852471</v>
      </c>
      <c r="HZ27" s="335">
        <v>192998</v>
      </c>
      <c r="IA27" s="336">
        <v>538559</v>
      </c>
      <c r="IB27" s="337">
        <v>731557</v>
      </c>
      <c r="IC27" s="338">
        <v>0</v>
      </c>
      <c r="ID27" s="336">
        <v>12219690</v>
      </c>
      <c r="IE27" s="339">
        <v>18789675</v>
      </c>
      <c r="IF27" s="337">
        <v>16795654</v>
      </c>
      <c r="IG27" s="336">
        <v>14523756</v>
      </c>
      <c r="IH27" s="337">
        <v>7974374</v>
      </c>
      <c r="II27" s="340">
        <v>70303149</v>
      </c>
      <c r="IJ27" s="341">
        <v>71034706</v>
      </c>
      <c r="IK27" s="342">
        <v>0</v>
      </c>
      <c r="IL27" s="343">
        <v>0</v>
      </c>
      <c r="IM27" s="344">
        <v>0</v>
      </c>
      <c r="IN27" s="404">
        <v>0</v>
      </c>
      <c r="IO27" s="345">
        <v>0</v>
      </c>
      <c r="IP27" s="345">
        <v>648566</v>
      </c>
      <c r="IQ27" s="345">
        <v>942793</v>
      </c>
      <c r="IR27" s="345">
        <v>702289</v>
      </c>
      <c r="IS27" s="345">
        <v>0</v>
      </c>
      <c r="IT27" s="346">
        <v>2293648</v>
      </c>
      <c r="IU27" s="347">
        <v>2293648</v>
      </c>
      <c r="IV27" s="348">
        <v>0</v>
      </c>
      <c r="IW27" s="345">
        <v>0</v>
      </c>
      <c r="IX27" s="349">
        <v>0</v>
      </c>
      <c r="IY27" s="413">
        <v>0</v>
      </c>
      <c r="IZ27" s="345">
        <v>0</v>
      </c>
      <c r="JA27" s="345">
        <v>0</v>
      </c>
      <c r="JB27" s="345">
        <v>0</v>
      </c>
      <c r="JC27" s="345">
        <v>0</v>
      </c>
      <c r="JD27" s="345">
        <v>0</v>
      </c>
      <c r="JE27" s="349">
        <v>0</v>
      </c>
      <c r="JF27" s="350">
        <v>0</v>
      </c>
      <c r="JG27" s="348">
        <v>0</v>
      </c>
      <c r="JH27" s="345">
        <v>0</v>
      </c>
      <c r="JI27" s="346">
        <v>0</v>
      </c>
      <c r="JJ27" s="351">
        <v>0</v>
      </c>
      <c r="JK27" s="345">
        <v>6376542</v>
      </c>
      <c r="JL27" s="345">
        <v>8413792</v>
      </c>
      <c r="JM27" s="345">
        <v>5028853</v>
      </c>
      <c r="JN27" s="345">
        <v>3949263</v>
      </c>
      <c r="JO27" s="345">
        <v>849235</v>
      </c>
      <c r="JP27" s="349">
        <v>24617685</v>
      </c>
      <c r="JQ27" s="347">
        <v>24617685</v>
      </c>
      <c r="JR27" s="348">
        <v>0</v>
      </c>
      <c r="JS27" s="345">
        <v>0</v>
      </c>
      <c r="JT27" s="346">
        <v>0</v>
      </c>
      <c r="JU27" s="351">
        <v>0</v>
      </c>
      <c r="JV27" s="345">
        <v>194673</v>
      </c>
      <c r="JW27" s="345">
        <v>98064</v>
      </c>
      <c r="JX27" s="345">
        <v>804717</v>
      </c>
      <c r="JY27" s="345">
        <v>704431</v>
      </c>
      <c r="JZ27" s="345">
        <v>250672</v>
      </c>
      <c r="KA27" s="349">
        <v>2052557</v>
      </c>
      <c r="KB27" s="347">
        <v>2052557</v>
      </c>
      <c r="KC27" s="352">
        <v>192998</v>
      </c>
      <c r="KD27" s="353">
        <v>538559</v>
      </c>
      <c r="KE27" s="349">
        <v>731557</v>
      </c>
      <c r="KF27" s="351">
        <v>0</v>
      </c>
      <c r="KG27" s="345">
        <v>2981450</v>
      </c>
      <c r="KH27" s="345">
        <v>4363416</v>
      </c>
      <c r="KI27" s="345">
        <v>3223804</v>
      </c>
      <c r="KJ27" s="345">
        <v>1974149</v>
      </c>
      <c r="KK27" s="345">
        <v>2379515</v>
      </c>
      <c r="KL27" s="349">
        <v>14922334</v>
      </c>
      <c r="KM27" s="354">
        <v>15653891</v>
      </c>
      <c r="KN27" s="342">
        <v>0</v>
      </c>
      <c r="KO27" s="343">
        <v>0</v>
      </c>
      <c r="KP27" s="344">
        <v>0</v>
      </c>
      <c r="KQ27" s="413">
        <v>0</v>
      </c>
      <c r="KR27" s="345">
        <v>2667025</v>
      </c>
      <c r="KS27" s="345">
        <v>4757025</v>
      </c>
      <c r="KT27" s="345">
        <v>5029466</v>
      </c>
      <c r="KU27" s="345">
        <v>3249464</v>
      </c>
      <c r="KV27" s="345">
        <v>1505675</v>
      </c>
      <c r="KW27" s="349">
        <v>17208655</v>
      </c>
      <c r="KX27" s="347">
        <v>17208655</v>
      </c>
      <c r="KY27" s="348">
        <v>0</v>
      </c>
      <c r="KZ27" s="345">
        <v>0</v>
      </c>
      <c r="LA27" s="349">
        <v>0</v>
      </c>
      <c r="LB27" s="413">
        <v>0</v>
      </c>
      <c r="LC27" s="345">
        <v>0</v>
      </c>
      <c r="LD27" s="345">
        <v>0</v>
      </c>
      <c r="LE27" s="345">
        <v>0</v>
      </c>
      <c r="LF27" s="345">
        <v>0</v>
      </c>
      <c r="LG27" s="345">
        <v>0</v>
      </c>
      <c r="LH27" s="349">
        <v>0</v>
      </c>
      <c r="LI27" s="350">
        <v>0</v>
      </c>
      <c r="LJ27" s="348">
        <v>0</v>
      </c>
      <c r="LK27" s="345">
        <v>0</v>
      </c>
      <c r="LL27" s="349">
        <v>0</v>
      </c>
      <c r="LM27" s="413">
        <v>0</v>
      </c>
      <c r="LN27" s="345">
        <v>0</v>
      </c>
      <c r="LO27" s="345">
        <v>508812</v>
      </c>
      <c r="LP27" s="345">
        <v>1766021</v>
      </c>
      <c r="LQ27" s="345">
        <v>3944160</v>
      </c>
      <c r="LR27" s="345">
        <v>2989277</v>
      </c>
      <c r="LS27" s="349">
        <v>9208270</v>
      </c>
      <c r="LT27" s="347">
        <v>9208270</v>
      </c>
      <c r="LU27" s="348">
        <v>0</v>
      </c>
      <c r="LV27" s="345">
        <v>0</v>
      </c>
      <c r="LW27" s="349">
        <v>0</v>
      </c>
      <c r="LX27" s="413">
        <v>0</v>
      </c>
      <c r="LY27" s="345">
        <v>0</v>
      </c>
      <c r="LZ27" s="345">
        <v>0</v>
      </c>
      <c r="MA27" s="345">
        <v>0</v>
      </c>
      <c r="MB27" s="345">
        <v>0</v>
      </c>
      <c r="MC27" s="345">
        <v>0</v>
      </c>
      <c r="MD27" s="349">
        <v>0</v>
      </c>
      <c r="ME27" s="350">
        <v>0</v>
      </c>
      <c r="MF27" s="348">
        <v>0</v>
      </c>
      <c r="MG27" s="345">
        <v>0</v>
      </c>
      <c r="MH27" s="349">
        <v>0</v>
      </c>
      <c r="MI27" s="413">
        <v>0</v>
      </c>
      <c r="MJ27" s="345">
        <v>2389628</v>
      </c>
      <c r="MK27" s="345">
        <v>5720789</v>
      </c>
      <c r="ML27" s="345">
        <v>19808060</v>
      </c>
      <c r="MM27" s="345">
        <v>29935673</v>
      </c>
      <c r="MN27" s="345">
        <v>16900044</v>
      </c>
      <c r="MO27" s="349">
        <v>74754194</v>
      </c>
      <c r="MP27" s="354">
        <v>74754194</v>
      </c>
      <c r="MQ27" s="348">
        <v>0</v>
      </c>
      <c r="MR27" s="345">
        <v>0</v>
      </c>
      <c r="MS27" s="349">
        <v>0</v>
      </c>
      <c r="MT27" s="413">
        <v>0</v>
      </c>
      <c r="MU27" s="345">
        <v>433748</v>
      </c>
      <c r="MV27" s="345">
        <v>1350797</v>
      </c>
      <c r="MW27" s="345">
        <v>11781151</v>
      </c>
      <c r="MX27" s="345">
        <v>17462559</v>
      </c>
      <c r="MY27" s="345">
        <v>10957494</v>
      </c>
      <c r="MZ27" s="349">
        <v>41985749</v>
      </c>
      <c r="NA27" s="354">
        <v>41985749</v>
      </c>
      <c r="NB27" s="348">
        <v>0</v>
      </c>
      <c r="NC27" s="345">
        <v>0</v>
      </c>
      <c r="ND27" s="349">
        <v>0</v>
      </c>
      <c r="NE27" s="413">
        <v>0</v>
      </c>
      <c r="NF27" s="345">
        <v>1955880</v>
      </c>
      <c r="NG27" s="345">
        <v>4369992</v>
      </c>
      <c r="NH27" s="345">
        <v>7605862</v>
      </c>
      <c r="NI27" s="345">
        <v>10623834</v>
      </c>
      <c r="NJ27" s="345">
        <v>4154823</v>
      </c>
      <c r="NK27" s="349">
        <v>28710391</v>
      </c>
      <c r="NL27" s="347">
        <v>28710391</v>
      </c>
      <c r="NM27" s="348">
        <v>0</v>
      </c>
      <c r="NN27" s="345">
        <v>0</v>
      </c>
      <c r="NO27" s="349">
        <v>0</v>
      </c>
      <c r="NP27" s="413">
        <v>0</v>
      </c>
      <c r="NQ27" s="345">
        <v>0</v>
      </c>
      <c r="NR27" s="345">
        <v>0</v>
      </c>
      <c r="NS27" s="345">
        <v>0</v>
      </c>
      <c r="NT27" s="345">
        <v>0</v>
      </c>
      <c r="NU27" s="345">
        <v>0</v>
      </c>
      <c r="NV27" s="349">
        <v>0</v>
      </c>
      <c r="NW27" s="350">
        <v>0</v>
      </c>
      <c r="NX27" s="348">
        <v>0</v>
      </c>
      <c r="NY27" s="345">
        <v>0</v>
      </c>
      <c r="NZ27" s="349">
        <v>0</v>
      </c>
      <c r="OA27" s="413">
        <v>0</v>
      </c>
      <c r="OB27" s="345">
        <v>0</v>
      </c>
      <c r="OC27" s="345">
        <v>0</v>
      </c>
      <c r="OD27" s="345">
        <v>421047</v>
      </c>
      <c r="OE27" s="345">
        <v>1849280</v>
      </c>
      <c r="OF27" s="345">
        <v>1787727</v>
      </c>
      <c r="OG27" s="349">
        <v>4058054</v>
      </c>
      <c r="OH27" s="350">
        <v>4058054</v>
      </c>
      <c r="OI27" s="348">
        <v>2167301</v>
      </c>
      <c r="OJ27" s="345">
        <v>4287948</v>
      </c>
      <c r="OK27" s="346">
        <v>6455249</v>
      </c>
      <c r="OL27" s="351">
        <v>0</v>
      </c>
      <c r="OM27" s="345">
        <v>42407364</v>
      </c>
      <c r="ON27" s="345">
        <v>60284367</v>
      </c>
      <c r="OO27" s="345">
        <v>62710883</v>
      </c>
      <c r="OP27" s="345">
        <v>73236647</v>
      </c>
      <c r="OQ27" s="345">
        <v>43557309</v>
      </c>
      <c r="OR27" s="349">
        <v>282196570</v>
      </c>
      <c r="OS27" s="354">
        <v>288651819</v>
      </c>
    </row>
    <row r="28" spans="2:409" s="70" customFormat="1" ht="21" customHeight="1" x14ac:dyDescent="0.2">
      <c r="B28" s="410" t="s">
        <v>23</v>
      </c>
      <c r="C28" s="326">
        <v>4476315</v>
      </c>
      <c r="D28" s="327">
        <v>7995844</v>
      </c>
      <c r="E28" s="328">
        <v>12472159</v>
      </c>
      <c r="F28" s="329">
        <v>0</v>
      </c>
      <c r="G28" s="327">
        <v>60427314</v>
      </c>
      <c r="H28" s="327">
        <v>73381176</v>
      </c>
      <c r="I28" s="327">
        <v>58129754</v>
      </c>
      <c r="J28" s="327">
        <v>56206926</v>
      </c>
      <c r="K28" s="327">
        <v>36927659</v>
      </c>
      <c r="L28" s="367">
        <v>285072829</v>
      </c>
      <c r="M28" s="330">
        <v>297544988</v>
      </c>
      <c r="N28" s="326">
        <v>1588324</v>
      </c>
      <c r="O28" s="327">
        <v>2948307</v>
      </c>
      <c r="P28" s="328">
        <v>4536631</v>
      </c>
      <c r="Q28" s="326">
        <v>0</v>
      </c>
      <c r="R28" s="327">
        <v>14572100</v>
      </c>
      <c r="S28" s="327">
        <v>20376737</v>
      </c>
      <c r="T28" s="327">
        <v>15385694</v>
      </c>
      <c r="U28" s="327">
        <v>20521861</v>
      </c>
      <c r="V28" s="327">
        <v>17256700</v>
      </c>
      <c r="W28" s="328">
        <v>88113092</v>
      </c>
      <c r="X28" s="330">
        <v>92649723</v>
      </c>
      <c r="Y28" s="326">
        <v>0</v>
      </c>
      <c r="Z28" s="327">
        <v>0</v>
      </c>
      <c r="AA28" s="328">
        <v>0</v>
      </c>
      <c r="AB28" s="326">
        <v>0</v>
      </c>
      <c r="AC28" s="327">
        <v>6536911</v>
      </c>
      <c r="AD28" s="327">
        <v>8321106</v>
      </c>
      <c r="AE28" s="327">
        <v>7520255</v>
      </c>
      <c r="AF28" s="327">
        <v>10514246</v>
      </c>
      <c r="AG28" s="327">
        <v>10355381</v>
      </c>
      <c r="AH28" s="328">
        <v>43247899</v>
      </c>
      <c r="AI28" s="330">
        <v>43247899</v>
      </c>
      <c r="AJ28" s="326">
        <v>0</v>
      </c>
      <c r="AK28" s="327">
        <v>0</v>
      </c>
      <c r="AL28" s="328">
        <v>0</v>
      </c>
      <c r="AM28" s="326">
        <v>0</v>
      </c>
      <c r="AN28" s="327">
        <v>0</v>
      </c>
      <c r="AO28" s="327">
        <v>267620</v>
      </c>
      <c r="AP28" s="327">
        <v>257362</v>
      </c>
      <c r="AQ28" s="327">
        <v>1473563</v>
      </c>
      <c r="AR28" s="327">
        <v>1888859</v>
      </c>
      <c r="AS28" s="328">
        <v>3887404</v>
      </c>
      <c r="AT28" s="330">
        <v>3887404</v>
      </c>
      <c r="AU28" s="326">
        <v>1086313</v>
      </c>
      <c r="AV28" s="327">
        <v>2281682</v>
      </c>
      <c r="AW28" s="328">
        <v>3367995</v>
      </c>
      <c r="AX28" s="326">
        <v>0</v>
      </c>
      <c r="AY28" s="327">
        <v>4943904</v>
      </c>
      <c r="AZ28" s="327">
        <v>8502811</v>
      </c>
      <c r="BA28" s="327">
        <v>5052317</v>
      </c>
      <c r="BB28" s="327">
        <v>5233659</v>
      </c>
      <c r="BC28" s="327">
        <v>2987508</v>
      </c>
      <c r="BD28" s="328">
        <v>26720199</v>
      </c>
      <c r="BE28" s="330">
        <v>30088194</v>
      </c>
      <c r="BF28" s="326">
        <v>133440</v>
      </c>
      <c r="BG28" s="327">
        <v>463434</v>
      </c>
      <c r="BH28" s="331">
        <v>596874</v>
      </c>
      <c r="BI28" s="332">
        <v>0</v>
      </c>
      <c r="BJ28" s="327">
        <v>337749</v>
      </c>
      <c r="BK28" s="327">
        <v>692038</v>
      </c>
      <c r="BL28" s="327">
        <v>414001</v>
      </c>
      <c r="BM28" s="327">
        <v>321270</v>
      </c>
      <c r="BN28" s="327">
        <v>61324</v>
      </c>
      <c r="BO28" s="328">
        <v>1826382</v>
      </c>
      <c r="BP28" s="330">
        <v>2423256</v>
      </c>
      <c r="BQ28" s="326">
        <v>368571</v>
      </c>
      <c r="BR28" s="327">
        <v>203191</v>
      </c>
      <c r="BS28" s="328">
        <v>571762</v>
      </c>
      <c r="BT28" s="326">
        <v>0</v>
      </c>
      <c r="BU28" s="327">
        <v>2753536</v>
      </c>
      <c r="BV28" s="327">
        <v>2593162</v>
      </c>
      <c r="BW28" s="327">
        <v>2141759</v>
      </c>
      <c r="BX28" s="327">
        <v>2979123</v>
      </c>
      <c r="BY28" s="327">
        <v>1963628</v>
      </c>
      <c r="BZ28" s="328">
        <v>12431208</v>
      </c>
      <c r="CA28" s="330">
        <v>13002970</v>
      </c>
      <c r="CB28" s="326">
        <v>79137</v>
      </c>
      <c r="CC28" s="327">
        <v>555248</v>
      </c>
      <c r="CD28" s="328">
        <v>634385</v>
      </c>
      <c r="CE28" s="326">
        <v>0</v>
      </c>
      <c r="CF28" s="327">
        <v>20902933</v>
      </c>
      <c r="CG28" s="327">
        <v>26187328</v>
      </c>
      <c r="CH28" s="327">
        <v>18403110</v>
      </c>
      <c r="CI28" s="327">
        <v>10820847</v>
      </c>
      <c r="CJ28" s="327">
        <v>4786225</v>
      </c>
      <c r="CK28" s="328">
        <v>81100443</v>
      </c>
      <c r="CL28" s="330">
        <v>81734828</v>
      </c>
      <c r="CM28" s="326">
        <v>0</v>
      </c>
      <c r="CN28" s="327">
        <v>0</v>
      </c>
      <c r="CO28" s="328">
        <v>0</v>
      </c>
      <c r="CP28" s="332">
        <v>0</v>
      </c>
      <c r="CQ28" s="327">
        <v>18207458</v>
      </c>
      <c r="CR28" s="327">
        <v>22122429</v>
      </c>
      <c r="CS28" s="327">
        <v>15793428</v>
      </c>
      <c r="CT28" s="327">
        <v>7771273</v>
      </c>
      <c r="CU28" s="327">
        <v>4298821</v>
      </c>
      <c r="CV28" s="328">
        <v>68193409</v>
      </c>
      <c r="CW28" s="330">
        <v>68193409</v>
      </c>
      <c r="CX28" s="326">
        <v>79137</v>
      </c>
      <c r="CY28" s="327">
        <v>555248</v>
      </c>
      <c r="CZ28" s="328">
        <v>634385</v>
      </c>
      <c r="DA28" s="326">
        <v>0</v>
      </c>
      <c r="DB28" s="327">
        <v>2695475</v>
      </c>
      <c r="DC28" s="327">
        <v>4064899</v>
      </c>
      <c r="DD28" s="327">
        <v>2609682</v>
      </c>
      <c r="DE28" s="327">
        <v>3049574</v>
      </c>
      <c r="DF28" s="327">
        <v>487404</v>
      </c>
      <c r="DG28" s="328">
        <v>12907034</v>
      </c>
      <c r="DH28" s="330">
        <v>13541419</v>
      </c>
      <c r="DI28" s="326">
        <v>0</v>
      </c>
      <c r="DJ28" s="327">
        <v>20082</v>
      </c>
      <c r="DK28" s="331">
        <v>20082</v>
      </c>
      <c r="DL28" s="332">
        <v>0</v>
      </c>
      <c r="DM28" s="327">
        <v>2811873</v>
      </c>
      <c r="DN28" s="327">
        <v>3530345</v>
      </c>
      <c r="DO28" s="327">
        <v>6453864</v>
      </c>
      <c r="DP28" s="327">
        <v>5573749</v>
      </c>
      <c r="DQ28" s="327">
        <v>1633882</v>
      </c>
      <c r="DR28" s="328">
        <v>20003713</v>
      </c>
      <c r="DS28" s="330">
        <v>20023795</v>
      </c>
      <c r="DT28" s="326">
        <v>0</v>
      </c>
      <c r="DU28" s="327">
        <v>20082</v>
      </c>
      <c r="DV28" s="328">
        <v>20082</v>
      </c>
      <c r="DW28" s="326">
        <v>0</v>
      </c>
      <c r="DX28" s="327">
        <v>2781669</v>
      </c>
      <c r="DY28" s="327">
        <v>3319981</v>
      </c>
      <c r="DZ28" s="327">
        <v>6453864</v>
      </c>
      <c r="EA28" s="327">
        <v>5306268</v>
      </c>
      <c r="EB28" s="327">
        <v>1306417</v>
      </c>
      <c r="EC28" s="328">
        <v>19168199</v>
      </c>
      <c r="ED28" s="330">
        <v>19188281</v>
      </c>
      <c r="EE28" s="326">
        <v>0</v>
      </c>
      <c r="EF28" s="331">
        <v>0</v>
      </c>
      <c r="EG28" s="328">
        <v>0</v>
      </c>
      <c r="EH28" s="326">
        <v>0</v>
      </c>
      <c r="EI28" s="327">
        <v>30204</v>
      </c>
      <c r="EJ28" s="327">
        <v>210364</v>
      </c>
      <c r="EK28" s="327">
        <v>0</v>
      </c>
      <c r="EL28" s="327">
        <v>267481</v>
      </c>
      <c r="EM28" s="327">
        <v>327465</v>
      </c>
      <c r="EN28" s="331">
        <v>835514</v>
      </c>
      <c r="EO28" s="330">
        <v>835514</v>
      </c>
      <c r="EP28" s="326">
        <v>0</v>
      </c>
      <c r="EQ28" s="327">
        <v>0</v>
      </c>
      <c r="ER28" s="331">
        <v>0</v>
      </c>
      <c r="ES28" s="332">
        <v>0</v>
      </c>
      <c r="ET28" s="327">
        <v>0</v>
      </c>
      <c r="EU28" s="327">
        <v>0</v>
      </c>
      <c r="EV28" s="327">
        <v>0</v>
      </c>
      <c r="EW28" s="327">
        <v>0</v>
      </c>
      <c r="EX28" s="327">
        <v>0</v>
      </c>
      <c r="EY28" s="328">
        <v>0</v>
      </c>
      <c r="EZ28" s="330">
        <v>0</v>
      </c>
      <c r="FA28" s="326">
        <v>0</v>
      </c>
      <c r="FB28" s="327">
        <v>0</v>
      </c>
      <c r="FC28" s="331">
        <v>0</v>
      </c>
      <c r="FD28" s="332">
        <v>0</v>
      </c>
      <c r="FE28" s="327">
        <v>0</v>
      </c>
      <c r="FF28" s="327">
        <v>0</v>
      </c>
      <c r="FG28" s="327">
        <v>0</v>
      </c>
      <c r="FH28" s="327">
        <v>0</v>
      </c>
      <c r="FI28" s="327">
        <v>0</v>
      </c>
      <c r="FJ28" s="328">
        <v>0</v>
      </c>
      <c r="FK28" s="330">
        <v>0</v>
      </c>
      <c r="FL28" s="326">
        <v>1496490</v>
      </c>
      <c r="FM28" s="327">
        <v>2542943</v>
      </c>
      <c r="FN28" s="328">
        <v>4039433</v>
      </c>
      <c r="FO28" s="326">
        <v>0</v>
      </c>
      <c r="FP28" s="327">
        <v>2585654</v>
      </c>
      <c r="FQ28" s="327">
        <v>6960396</v>
      </c>
      <c r="FR28" s="327">
        <v>4092121</v>
      </c>
      <c r="FS28" s="327">
        <v>3745770</v>
      </c>
      <c r="FT28" s="327">
        <v>2105639</v>
      </c>
      <c r="FU28" s="328">
        <v>19489580</v>
      </c>
      <c r="FV28" s="330">
        <v>23529013</v>
      </c>
      <c r="FW28" s="333">
        <v>554004</v>
      </c>
      <c r="FX28" s="327">
        <v>1912073</v>
      </c>
      <c r="FY28" s="331">
        <v>2466077</v>
      </c>
      <c r="FZ28" s="332">
        <v>0</v>
      </c>
      <c r="GA28" s="327">
        <v>2231394</v>
      </c>
      <c r="GB28" s="327">
        <v>6039335</v>
      </c>
      <c r="GC28" s="327">
        <v>3672721</v>
      </c>
      <c r="GD28" s="327">
        <v>3695640</v>
      </c>
      <c r="GE28" s="327">
        <v>2044843</v>
      </c>
      <c r="GF28" s="328">
        <v>17683933</v>
      </c>
      <c r="GG28" s="334">
        <v>20150010</v>
      </c>
      <c r="GH28" s="333">
        <v>133086</v>
      </c>
      <c r="GI28" s="327">
        <v>39570</v>
      </c>
      <c r="GJ28" s="331">
        <v>172656</v>
      </c>
      <c r="GK28" s="332">
        <v>0</v>
      </c>
      <c r="GL28" s="327">
        <v>82100</v>
      </c>
      <c r="GM28" s="327">
        <v>309438</v>
      </c>
      <c r="GN28" s="327">
        <v>170550</v>
      </c>
      <c r="GO28" s="327">
        <v>23400</v>
      </c>
      <c r="GP28" s="327">
        <v>60796</v>
      </c>
      <c r="GQ28" s="328">
        <v>646284</v>
      </c>
      <c r="GR28" s="330">
        <v>818940</v>
      </c>
      <c r="GS28" s="326">
        <v>809400</v>
      </c>
      <c r="GT28" s="327">
        <v>591300</v>
      </c>
      <c r="GU28" s="328">
        <v>1400700</v>
      </c>
      <c r="GV28" s="326">
        <v>0</v>
      </c>
      <c r="GW28" s="327">
        <v>272160</v>
      </c>
      <c r="GX28" s="327">
        <v>611623</v>
      </c>
      <c r="GY28" s="327">
        <v>248850</v>
      </c>
      <c r="GZ28" s="327">
        <v>26730</v>
      </c>
      <c r="HA28" s="327">
        <v>0</v>
      </c>
      <c r="HB28" s="331">
        <v>1159363</v>
      </c>
      <c r="HC28" s="330">
        <v>2560063</v>
      </c>
      <c r="HD28" s="326">
        <v>595161</v>
      </c>
      <c r="HE28" s="327">
        <v>400285</v>
      </c>
      <c r="HF28" s="331">
        <v>995446</v>
      </c>
      <c r="HG28" s="332">
        <v>0</v>
      </c>
      <c r="HH28" s="327">
        <v>11260871</v>
      </c>
      <c r="HI28" s="327">
        <v>7890266</v>
      </c>
      <c r="HJ28" s="327">
        <v>8383479</v>
      </c>
      <c r="HK28" s="327">
        <v>11586064</v>
      </c>
      <c r="HL28" s="327">
        <v>9387742</v>
      </c>
      <c r="HM28" s="328">
        <v>48508422</v>
      </c>
      <c r="HN28" s="329">
        <v>49503868</v>
      </c>
      <c r="HO28" s="333">
        <v>717203</v>
      </c>
      <c r="HP28" s="327">
        <v>1528979</v>
      </c>
      <c r="HQ28" s="328">
        <v>2246182</v>
      </c>
      <c r="HR28" s="326">
        <v>0</v>
      </c>
      <c r="HS28" s="327">
        <v>8293883</v>
      </c>
      <c r="HT28" s="327">
        <v>8436104</v>
      </c>
      <c r="HU28" s="327">
        <v>5411486</v>
      </c>
      <c r="HV28" s="327">
        <v>3958635</v>
      </c>
      <c r="HW28" s="327">
        <v>1757471</v>
      </c>
      <c r="HX28" s="331">
        <v>27857579</v>
      </c>
      <c r="HY28" s="330">
        <v>30103761</v>
      </c>
      <c r="HZ28" s="358">
        <v>0</v>
      </c>
      <c r="IA28" s="356">
        <v>0</v>
      </c>
      <c r="IB28" s="358">
        <v>0</v>
      </c>
      <c r="IC28" s="355">
        <v>0</v>
      </c>
      <c r="ID28" s="356">
        <v>14377045</v>
      </c>
      <c r="IE28" s="357">
        <v>10434100</v>
      </c>
      <c r="IF28" s="358">
        <v>11248920</v>
      </c>
      <c r="IG28" s="356">
        <v>10841954</v>
      </c>
      <c r="IH28" s="358">
        <v>5003525</v>
      </c>
      <c r="II28" s="359">
        <v>51905544</v>
      </c>
      <c r="IJ28" s="358">
        <v>51905544</v>
      </c>
      <c r="IK28" s="342">
        <v>0</v>
      </c>
      <c r="IL28" s="343">
        <v>0</v>
      </c>
      <c r="IM28" s="344">
        <v>0</v>
      </c>
      <c r="IN28" s="404">
        <v>0</v>
      </c>
      <c r="IO28" s="345">
        <v>0</v>
      </c>
      <c r="IP28" s="345">
        <v>0</v>
      </c>
      <c r="IQ28" s="345">
        <v>160513</v>
      </c>
      <c r="IR28" s="345">
        <v>0</v>
      </c>
      <c r="IS28" s="345">
        <v>273972</v>
      </c>
      <c r="IT28" s="346">
        <v>434485</v>
      </c>
      <c r="IU28" s="347">
        <v>434485</v>
      </c>
      <c r="IV28" s="348">
        <v>0</v>
      </c>
      <c r="IW28" s="345">
        <v>0</v>
      </c>
      <c r="IX28" s="349">
        <v>0</v>
      </c>
      <c r="IY28" s="413">
        <v>0</v>
      </c>
      <c r="IZ28" s="345">
        <v>0</v>
      </c>
      <c r="JA28" s="345">
        <v>0</v>
      </c>
      <c r="JB28" s="345">
        <v>0</v>
      </c>
      <c r="JC28" s="345">
        <v>0</v>
      </c>
      <c r="JD28" s="345">
        <v>0</v>
      </c>
      <c r="JE28" s="349">
        <v>0</v>
      </c>
      <c r="JF28" s="350">
        <v>0</v>
      </c>
      <c r="JG28" s="348">
        <v>0</v>
      </c>
      <c r="JH28" s="345">
        <v>0</v>
      </c>
      <c r="JI28" s="346">
        <v>0</v>
      </c>
      <c r="JJ28" s="351">
        <v>0</v>
      </c>
      <c r="JK28" s="345">
        <v>3538670</v>
      </c>
      <c r="JL28" s="345">
        <v>3868629</v>
      </c>
      <c r="JM28" s="345">
        <v>2812600</v>
      </c>
      <c r="JN28" s="345">
        <v>3439356</v>
      </c>
      <c r="JO28" s="345">
        <v>737535</v>
      </c>
      <c r="JP28" s="349">
        <v>14396790</v>
      </c>
      <c r="JQ28" s="347">
        <v>14396790</v>
      </c>
      <c r="JR28" s="348">
        <v>0</v>
      </c>
      <c r="JS28" s="345">
        <v>0</v>
      </c>
      <c r="JT28" s="346">
        <v>0</v>
      </c>
      <c r="JU28" s="351">
        <v>0</v>
      </c>
      <c r="JV28" s="345">
        <v>0</v>
      </c>
      <c r="JW28" s="345">
        <v>0</v>
      </c>
      <c r="JX28" s="345">
        <v>261041</v>
      </c>
      <c r="JY28" s="345">
        <v>0</v>
      </c>
      <c r="JZ28" s="345">
        <v>0</v>
      </c>
      <c r="KA28" s="349">
        <v>261041</v>
      </c>
      <c r="KB28" s="347">
        <v>261041</v>
      </c>
      <c r="KC28" s="352">
        <v>0</v>
      </c>
      <c r="KD28" s="353">
        <v>0</v>
      </c>
      <c r="KE28" s="349">
        <v>0</v>
      </c>
      <c r="KF28" s="351">
        <v>0</v>
      </c>
      <c r="KG28" s="345">
        <v>792365</v>
      </c>
      <c r="KH28" s="345">
        <v>565224</v>
      </c>
      <c r="KI28" s="345">
        <v>1218620</v>
      </c>
      <c r="KJ28" s="345">
        <v>0</v>
      </c>
      <c r="KK28" s="345">
        <v>0</v>
      </c>
      <c r="KL28" s="349">
        <v>2576209</v>
      </c>
      <c r="KM28" s="354">
        <v>2576209</v>
      </c>
      <c r="KN28" s="342">
        <v>0</v>
      </c>
      <c r="KO28" s="343">
        <v>0</v>
      </c>
      <c r="KP28" s="344">
        <v>0</v>
      </c>
      <c r="KQ28" s="413">
        <v>0</v>
      </c>
      <c r="KR28" s="345">
        <v>10046010</v>
      </c>
      <c r="KS28" s="345">
        <v>5855731</v>
      </c>
      <c r="KT28" s="345">
        <v>5818157</v>
      </c>
      <c r="KU28" s="345">
        <v>6574085</v>
      </c>
      <c r="KV28" s="345">
        <v>3646411</v>
      </c>
      <c r="KW28" s="349">
        <v>31940394</v>
      </c>
      <c r="KX28" s="347">
        <v>31940394</v>
      </c>
      <c r="KY28" s="348">
        <v>0</v>
      </c>
      <c r="KZ28" s="345">
        <v>0</v>
      </c>
      <c r="LA28" s="349">
        <v>0</v>
      </c>
      <c r="LB28" s="413">
        <v>0</v>
      </c>
      <c r="LC28" s="345">
        <v>0</v>
      </c>
      <c r="LD28" s="345">
        <v>0</v>
      </c>
      <c r="LE28" s="345">
        <v>0</v>
      </c>
      <c r="LF28" s="345">
        <v>0</v>
      </c>
      <c r="LG28" s="345">
        <v>0</v>
      </c>
      <c r="LH28" s="349">
        <v>0</v>
      </c>
      <c r="LI28" s="350">
        <v>0</v>
      </c>
      <c r="LJ28" s="348">
        <v>0</v>
      </c>
      <c r="LK28" s="345">
        <v>0</v>
      </c>
      <c r="LL28" s="349">
        <v>0</v>
      </c>
      <c r="LM28" s="413">
        <v>0</v>
      </c>
      <c r="LN28" s="345">
        <v>0</v>
      </c>
      <c r="LO28" s="345">
        <v>0</v>
      </c>
      <c r="LP28" s="345">
        <v>0</v>
      </c>
      <c r="LQ28" s="345">
        <v>0</v>
      </c>
      <c r="LR28" s="345">
        <v>0</v>
      </c>
      <c r="LS28" s="349">
        <v>0</v>
      </c>
      <c r="LT28" s="347">
        <v>0</v>
      </c>
      <c r="LU28" s="348">
        <v>0</v>
      </c>
      <c r="LV28" s="345">
        <v>0</v>
      </c>
      <c r="LW28" s="349">
        <v>0</v>
      </c>
      <c r="LX28" s="413">
        <v>0</v>
      </c>
      <c r="LY28" s="345">
        <v>0</v>
      </c>
      <c r="LZ28" s="345">
        <v>144516</v>
      </c>
      <c r="MA28" s="345">
        <v>977989</v>
      </c>
      <c r="MB28" s="345">
        <v>828513</v>
      </c>
      <c r="MC28" s="345">
        <v>345607</v>
      </c>
      <c r="MD28" s="349">
        <v>2296625</v>
      </c>
      <c r="ME28" s="350">
        <v>2296625</v>
      </c>
      <c r="MF28" s="348">
        <v>0</v>
      </c>
      <c r="MG28" s="345">
        <v>0</v>
      </c>
      <c r="MH28" s="349">
        <v>0</v>
      </c>
      <c r="MI28" s="413">
        <v>0</v>
      </c>
      <c r="MJ28" s="345">
        <v>5349732</v>
      </c>
      <c r="MK28" s="345">
        <v>11413505</v>
      </c>
      <c r="ML28" s="345">
        <v>38284128</v>
      </c>
      <c r="MM28" s="345">
        <v>67147765</v>
      </c>
      <c r="MN28" s="345">
        <v>43105388</v>
      </c>
      <c r="MO28" s="349">
        <v>165300518</v>
      </c>
      <c r="MP28" s="354">
        <v>165300518</v>
      </c>
      <c r="MQ28" s="348">
        <v>0</v>
      </c>
      <c r="MR28" s="345">
        <v>0</v>
      </c>
      <c r="MS28" s="349">
        <v>0</v>
      </c>
      <c r="MT28" s="413">
        <v>0</v>
      </c>
      <c r="MU28" s="345">
        <v>603211</v>
      </c>
      <c r="MV28" s="345">
        <v>2904847</v>
      </c>
      <c r="MW28" s="345">
        <v>25600090</v>
      </c>
      <c r="MX28" s="345">
        <v>44654733</v>
      </c>
      <c r="MY28" s="345">
        <v>28786252</v>
      </c>
      <c r="MZ28" s="349">
        <v>102549133</v>
      </c>
      <c r="NA28" s="354">
        <v>102549133</v>
      </c>
      <c r="NB28" s="348">
        <v>0</v>
      </c>
      <c r="NC28" s="345">
        <v>0</v>
      </c>
      <c r="ND28" s="349">
        <v>0</v>
      </c>
      <c r="NE28" s="413">
        <v>0</v>
      </c>
      <c r="NF28" s="345">
        <v>4746521</v>
      </c>
      <c r="NG28" s="345">
        <v>8508658</v>
      </c>
      <c r="NH28" s="345">
        <v>12684038</v>
      </c>
      <c r="NI28" s="345">
        <v>20849421</v>
      </c>
      <c r="NJ28" s="345">
        <v>10615730</v>
      </c>
      <c r="NK28" s="349">
        <v>57404368</v>
      </c>
      <c r="NL28" s="347">
        <v>57404368</v>
      </c>
      <c r="NM28" s="348">
        <v>0</v>
      </c>
      <c r="NN28" s="345">
        <v>0</v>
      </c>
      <c r="NO28" s="349">
        <v>0</v>
      </c>
      <c r="NP28" s="413">
        <v>0</v>
      </c>
      <c r="NQ28" s="345">
        <v>0</v>
      </c>
      <c r="NR28" s="345">
        <v>0</v>
      </c>
      <c r="NS28" s="345">
        <v>0</v>
      </c>
      <c r="NT28" s="345">
        <v>0</v>
      </c>
      <c r="NU28" s="345">
        <v>0</v>
      </c>
      <c r="NV28" s="349">
        <v>0</v>
      </c>
      <c r="NW28" s="350">
        <v>0</v>
      </c>
      <c r="NX28" s="348">
        <v>0</v>
      </c>
      <c r="NY28" s="345">
        <v>0</v>
      </c>
      <c r="NZ28" s="349">
        <v>0</v>
      </c>
      <c r="OA28" s="413">
        <v>0</v>
      </c>
      <c r="OB28" s="345">
        <v>0</v>
      </c>
      <c r="OC28" s="345">
        <v>0</v>
      </c>
      <c r="OD28" s="345">
        <v>0</v>
      </c>
      <c r="OE28" s="345">
        <v>1643611</v>
      </c>
      <c r="OF28" s="345">
        <v>3703406</v>
      </c>
      <c r="OG28" s="349">
        <v>5347017</v>
      </c>
      <c r="OH28" s="350">
        <v>5347017</v>
      </c>
      <c r="OI28" s="348">
        <v>4476315</v>
      </c>
      <c r="OJ28" s="345">
        <v>7995844</v>
      </c>
      <c r="OK28" s="346">
        <v>12472159</v>
      </c>
      <c r="OL28" s="351">
        <v>0</v>
      </c>
      <c r="OM28" s="345">
        <v>80154091</v>
      </c>
      <c r="ON28" s="345">
        <v>95228781</v>
      </c>
      <c r="OO28" s="345">
        <v>107662802</v>
      </c>
      <c r="OP28" s="345">
        <v>134196645</v>
      </c>
      <c r="OQ28" s="345">
        <v>85036572</v>
      </c>
      <c r="OR28" s="349">
        <v>502278891</v>
      </c>
      <c r="OS28" s="354">
        <v>514751050</v>
      </c>
    </row>
    <row r="29" spans="2:409" s="70" customFormat="1" ht="21" customHeight="1" x14ac:dyDescent="0.2">
      <c r="B29" s="410" t="s">
        <v>24</v>
      </c>
      <c r="C29" s="326">
        <v>3067535</v>
      </c>
      <c r="D29" s="327">
        <v>3985740</v>
      </c>
      <c r="E29" s="328">
        <v>7053275</v>
      </c>
      <c r="F29" s="329">
        <v>0</v>
      </c>
      <c r="G29" s="327">
        <v>29883558</v>
      </c>
      <c r="H29" s="327">
        <v>32040783</v>
      </c>
      <c r="I29" s="327">
        <v>27704231</v>
      </c>
      <c r="J29" s="327">
        <v>30838735</v>
      </c>
      <c r="K29" s="327">
        <v>23069789</v>
      </c>
      <c r="L29" s="367">
        <v>143537096</v>
      </c>
      <c r="M29" s="330">
        <v>150590371</v>
      </c>
      <c r="N29" s="326">
        <v>645815</v>
      </c>
      <c r="O29" s="327">
        <v>1048308</v>
      </c>
      <c r="P29" s="328">
        <v>1694123</v>
      </c>
      <c r="Q29" s="326">
        <v>0</v>
      </c>
      <c r="R29" s="327">
        <v>6343902</v>
      </c>
      <c r="S29" s="327">
        <v>9200253</v>
      </c>
      <c r="T29" s="327">
        <v>8520554</v>
      </c>
      <c r="U29" s="327">
        <v>11145903</v>
      </c>
      <c r="V29" s="327">
        <v>11157723</v>
      </c>
      <c r="W29" s="328">
        <v>46368335</v>
      </c>
      <c r="X29" s="330">
        <v>48062458</v>
      </c>
      <c r="Y29" s="326">
        <v>0</v>
      </c>
      <c r="Z29" s="327">
        <v>0</v>
      </c>
      <c r="AA29" s="328">
        <v>0</v>
      </c>
      <c r="AB29" s="326">
        <v>0</v>
      </c>
      <c r="AC29" s="327">
        <v>2293064</v>
      </c>
      <c r="AD29" s="327">
        <v>4270354</v>
      </c>
      <c r="AE29" s="327">
        <v>4242669</v>
      </c>
      <c r="AF29" s="327">
        <v>6768242</v>
      </c>
      <c r="AG29" s="327">
        <v>5594560</v>
      </c>
      <c r="AH29" s="328">
        <v>23168889</v>
      </c>
      <c r="AI29" s="330">
        <v>23168889</v>
      </c>
      <c r="AJ29" s="326">
        <v>0</v>
      </c>
      <c r="AK29" s="327">
        <v>0</v>
      </c>
      <c r="AL29" s="328">
        <v>0</v>
      </c>
      <c r="AM29" s="326">
        <v>0</v>
      </c>
      <c r="AN29" s="327">
        <v>0</v>
      </c>
      <c r="AO29" s="327">
        <v>94583</v>
      </c>
      <c r="AP29" s="327">
        <v>271024</v>
      </c>
      <c r="AQ29" s="327">
        <v>437518</v>
      </c>
      <c r="AR29" s="327">
        <v>1843543</v>
      </c>
      <c r="AS29" s="328">
        <v>2646668</v>
      </c>
      <c r="AT29" s="330">
        <v>2646668</v>
      </c>
      <c r="AU29" s="326">
        <v>372670</v>
      </c>
      <c r="AV29" s="327">
        <v>852597</v>
      </c>
      <c r="AW29" s="328">
        <v>1225267</v>
      </c>
      <c r="AX29" s="326">
        <v>0</v>
      </c>
      <c r="AY29" s="327">
        <v>2697568</v>
      </c>
      <c r="AZ29" s="327">
        <v>3462832</v>
      </c>
      <c r="BA29" s="327">
        <v>2540793</v>
      </c>
      <c r="BB29" s="327">
        <v>2392556</v>
      </c>
      <c r="BC29" s="327">
        <v>2346372</v>
      </c>
      <c r="BD29" s="328">
        <v>13440121</v>
      </c>
      <c r="BE29" s="330">
        <v>14665388</v>
      </c>
      <c r="BF29" s="326">
        <v>11665</v>
      </c>
      <c r="BG29" s="327">
        <v>23332</v>
      </c>
      <c r="BH29" s="331">
        <v>34997</v>
      </c>
      <c r="BI29" s="332">
        <v>0</v>
      </c>
      <c r="BJ29" s="327">
        <v>106660</v>
      </c>
      <c r="BK29" s="327">
        <v>153181</v>
      </c>
      <c r="BL29" s="327">
        <v>110793</v>
      </c>
      <c r="BM29" s="327">
        <v>139933</v>
      </c>
      <c r="BN29" s="327">
        <v>188525</v>
      </c>
      <c r="BO29" s="328">
        <v>699092</v>
      </c>
      <c r="BP29" s="330">
        <v>734089</v>
      </c>
      <c r="BQ29" s="326">
        <v>261480</v>
      </c>
      <c r="BR29" s="327">
        <v>172379</v>
      </c>
      <c r="BS29" s="328">
        <v>433859</v>
      </c>
      <c r="BT29" s="326">
        <v>0</v>
      </c>
      <c r="BU29" s="327">
        <v>1246610</v>
      </c>
      <c r="BV29" s="327">
        <v>1219303</v>
      </c>
      <c r="BW29" s="327">
        <v>1355275</v>
      </c>
      <c r="BX29" s="327">
        <v>1407654</v>
      </c>
      <c r="BY29" s="327">
        <v>1184723</v>
      </c>
      <c r="BZ29" s="328">
        <v>6413565</v>
      </c>
      <c r="CA29" s="330">
        <v>6847424</v>
      </c>
      <c r="CB29" s="326">
        <v>239265</v>
      </c>
      <c r="CC29" s="327">
        <v>818457</v>
      </c>
      <c r="CD29" s="328">
        <v>1057722</v>
      </c>
      <c r="CE29" s="326">
        <v>0</v>
      </c>
      <c r="CF29" s="327">
        <v>9605088</v>
      </c>
      <c r="CG29" s="327">
        <v>9424568</v>
      </c>
      <c r="CH29" s="327">
        <v>6346233</v>
      </c>
      <c r="CI29" s="327">
        <v>4291547</v>
      </c>
      <c r="CJ29" s="327">
        <v>2416223</v>
      </c>
      <c r="CK29" s="328">
        <v>32083659</v>
      </c>
      <c r="CL29" s="330">
        <v>33141381</v>
      </c>
      <c r="CM29" s="326">
        <v>0</v>
      </c>
      <c r="CN29" s="327">
        <v>0</v>
      </c>
      <c r="CO29" s="328">
        <v>0</v>
      </c>
      <c r="CP29" s="332">
        <v>0</v>
      </c>
      <c r="CQ29" s="327">
        <v>6378297</v>
      </c>
      <c r="CR29" s="327">
        <v>7170041</v>
      </c>
      <c r="CS29" s="327">
        <v>4252598</v>
      </c>
      <c r="CT29" s="327">
        <v>2866102</v>
      </c>
      <c r="CU29" s="327">
        <v>1217648</v>
      </c>
      <c r="CV29" s="328">
        <v>21884686</v>
      </c>
      <c r="CW29" s="330">
        <v>21884686</v>
      </c>
      <c r="CX29" s="326">
        <v>239265</v>
      </c>
      <c r="CY29" s="327">
        <v>818457</v>
      </c>
      <c r="CZ29" s="328">
        <v>1057722</v>
      </c>
      <c r="DA29" s="326">
        <v>0</v>
      </c>
      <c r="DB29" s="327">
        <v>3226791</v>
      </c>
      <c r="DC29" s="327">
        <v>2254527</v>
      </c>
      <c r="DD29" s="327">
        <v>2093635</v>
      </c>
      <c r="DE29" s="327">
        <v>1425445</v>
      </c>
      <c r="DF29" s="327">
        <v>1198575</v>
      </c>
      <c r="DG29" s="328">
        <v>10198973</v>
      </c>
      <c r="DH29" s="330">
        <v>11256695</v>
      </c>
      <c r="DI29" s="326">
        <v>88178</v>
      </c>
      <c r="DJ29" s="327">
        <v>51736</v>
      </c>
      <c r="DK29" s="331">
        <v>139914</v>
      </c>
      <c r="DL29" s="332">
        <v>0</v>
      </c>
      <c r="DM29" s="327">
        <v>943093</v>
      </c>
      <c r="DN29" s="327">
        <v>2150436</v>
      </c>
      <c r="DO29" s="327">
        <v>2022498</v>
      </c>
      <c r="DP29" s="327">
        <v>2739696</v>
      </c>
      <c r="DQ29" s="327">
        <v>1156858</v>
      </c>
      <c r="DR29" s="328">
        <v>9012581</v>
      </c>
      <c r="DS29" s="330">
        <v>9152495</v>
      </c>
      <c r="DT29" s="326">
        <v>88178</v>
      </c>
      <c r="DU29" s="327">
        <v>51736</v>
      </c>
      <c r="DV29" s="328">
        <v>139914</v>
      </c>
      <c r="DW29" s="326">
        <v>0</v>
      </c>
      <c r="DX29" s="327">
        <v>842274</v>
      </c>
      <c r="DY29" s="327">
        <v>2101514</v>
      </c>
      <c r="DZ29" s="327">
        <v>1919539</v>
      </c>
      <c r="EA29" s="327">
        <v>2663422</v>
      </c>
      <c r="EB29" s="327">
        <v>1094849</v>
      </c>
      <c r="EC29" s="328">
        <v>8621598</v>
      </c>
      <c r="ED29" s="330">
        <v>8761512</v>
      </c>
      <c r="EE29" s="326">
        <v>0</v>
      </c>
      <c r="EF29" s="331">
        <v>0</v>
      </c>
      <c r="EG29" s="328">
        <v>0</v>
      </c>
      <c r="EH29" s="326">
        <v>0</v>
      </c>
      <c r="EI29" s="327">
        <v>100819</v>
      </c>
      <c r="EJ29" s="327">
        <v>48922</v>
      </c>
      <c r="EK29" s="327">
        <v>102959</v>
      </c>
      <c r="EL29" s="327">
        <v>76274</v>
      </c>
      <c r="EM29" s="327">
        <v>62009</v>
      </c>
      <c r="EN29" s="331">
        <v>390983</v>
      </c>
      <c r="EO29" s="330">
        <v>390983</v>
      </c>
      <c r="EP29" s="326">
        <v>0</v>
      </c>
      <c r="EQ29" s="327">
        <v>0</v>
      </c>
      <c r="ER29" s="331">
        <v>0</v>
      </c>
      <c r="ES29" s="332">
        <v>0</v>
      </c>
      <c r="ET29" s="327">
        <v>0</v>
      </c>
      <c r="EU29" s="327">
        <v>0</v>
      </c>
      <c r="EV29" s="327">
        <v>0</v>
      </c>
      <c r="EW29" s="327">
        <v>0</v>
      </c>
      <c r="EX29" s="327">
        <v>0</v>
      </c>
      <c r="EY29" s="328">
        <v>0</v>
      </c>
      <c r="EZ29" s="330">
        <v>0</v>
      </c>
      <c r="FA29" s="326">
        <v>0</v>
      </c>
      <c r="FB29" s="327">
        <v>0</v>
      </c>
      <c r="FC29" s="331">
        <v>0</v>
      </c>
      <c r="FD29" s="332">
        <v>0</v>
      </c>
      <c r="FE29" s="327">
        <v>0</v>
      </c>
      <c r="FF29" s="327">
        <v>0</v>
      </c>
      <c r="FG29" s="327">
        <v>0</v>
      </c>
      <c r="FH29" s="327">
        <v>0</v>
      </c>
      <c r="FI29" s="327">
        <v>0</v>
      </c>
      <c r="FJ29" s="328">
        <v>0</v>
      </c>
      <c r="FK29" s="330">
        <v>0</v>
      </c>
      <c r="FL29" s="326">
        <v>813410</v>
      </c>
      <c r="FM29" s="327">
        <v>679981</v>
      </c>
      <c r="FN29" s="328">
        <v>1493391</v>
      </c>
      <c r="FO29" s="326">
        <v>0</v>
      </c>
      <c r="FP29" s="327">
        <v>1566373</v>
      </c>
      <c r="FQ29" s="327">
        <v>2334265</v>
      </c>
      <c r="FR29" s="327">
        <v>2045003</v>
      </c>
      <c r="FS29" s="327">
        <v>1440598</v>
      </c>
      <c r="FT29" s="327">
        <v>1400925</v>
      </c>
      <c r="FU29" s="328">
        <v>8787164</v>
      </c>
      <c r="FV29" s="330">
        <v>10280555</v>
      </c>
      <c r="FW29" s="333">
        <v>355143</v>
      </c>
      <c r="FX29" s="327">
        <v>528115</v>
      </c>
      <c r="FY29" s="331">
        <v>883258</v>
      </c>
      <c r="FZ29" s="332">
        <v>0</v>
      </c>
      <c r="GA29" s="327">
        <v>1089570</v>
      </c>
      <c r="GB29" s="327">
        <v>2123564</v>
      </c>
      <c r="GC29" s="327">
        <v>1814711</v>
      </c>
      <c r="GD29" s="327">
        <v>1424758</v>
      </c>
      <c r="GE29" s="327">
        <v>1345089</v>
      </c>
      <c r="GF29" s="328">
        <v>7797692</v>
      </c>
      <c r="GG29" s="334">
        <v>8680950</v>
      </c>
      <c r="GH29" s="333">
        <v>29700</v>
      </c>
      <c r="GI29" s="327">
        <v>26136</v>
      </c>
      <c r="GJ29" s="331">
        <v>55836</v>
      </c>
      <c r="GK29" s="332">
        <v>0</v>
      </c>
      <c r="GL29" s="327">
        <v>120003</v>
      </c>
      <c r="GM29" s="327">
        <v>156701</v>
      </c>
      <c r="GN29" s="327">
        <v>50292</v>
      </c>
      <c r="GO29" s="327">
        <v>15840</v>
      </c>
      <c r="GP29" s="327">
        <v>26136</v>
      </c>
      <c r="GQ29" s="328">
        <v>368972</v>
      </c>
      <c r="GR29" s="330">
        <v>424808</v>
      </c>
      <c r="GS29" s="326">
        <v>428567</v>
      </c>
      <c r="GT29" s="327">
        <v>125730</v>
      </c>
      <c r="GU29" s="328">
        <v>554297</v>
      </c>
      <c r="GV29" s="326">
        <v>0</v>
      </c>
      <c r="GW29" s="327">
        <v>356800</v>
      </c>
      <c r="GX29" s="327">
        <v>54000</v>
      </c>
      <c r="GY29" s="327">
        <v>180000</v>
      </c>
      <c r="GZ29" s="327">
        <v>0</v>
      </c>
      <c r="HA29" s="327">
        <v>29700</v>
      </c>
      <c r="HB29" s="331">
        <v>620500</v>
      </c>
      <c r="HC29" s="330">
        <v>1174797</v>
      </c>
      <c r="HD29" s="326">
        <v>770242</v>
      </c>
      <c r="HE29" s="327">
        <v>782643</v>
      </c>
      <c r="HF29" s="331">
        <v>1552885</v>
      </c>
      <c r="HG29" s="332">
        <v>0</v>
      </c>
      <c r="HH29" s="327">
        <v>7215836</v>
      </c>
      <c r="HI29" s="327">
        <v>5801609</v>
      </c>
      <c r="HJ29" s="327">
        <v>6253018</v>
      </c>
      <c r="HK29" s="327">
        <v>9464807</v>
      </c>
      <c r="HL29" s="327">
        <v>5892378</v>
      </c>
      <c r="HM29" s="328">
        <v>34627648</v>
      </c>
      <c r="HN29" s="329">
        <v>36180533</v>
      </c>
      <c r="HO29" s="333">
        <v>510625</v>
      </c>
      <c r="HP29" s="327">
        <v>604615</v>
      </c>
      <c r="HQ29" s="328">
        <v>1115240</v>
      </c>
      <c r="HR29" s="326">
        <v>0</v>
      </c>
      <c r="HS29" s="327">
        <v>4209266</v>
      </c>
      <c r="HT29" s="327">
        <v>3129652</v>
      </c>
      <c r="HU29" s="327">
        <v>2516925</v>
      </c>
      <c r="HV29" s="327">
        <v>1756184</v>
      </c>
      <c r="HW29" s="327">
        <v>1045682</v>
      </c>
      <c r="HX29" s="331">
        <v>12657709</v>
      </c>
      <c r="HY29" s="330">
        <v>13772949</v>
      </c>
      <c r="HZ29" s="335">
        <v>146446</v>
      </c>
      <c r="IA29" s="336">
        <v>259334</v>
      </c>
      <c r="IB29" s="337">
        <v>405780</v>
      </c>
      <c r="IC29" s="338">
        <v>0</v>
      </c>
      <c r="ID29" s="336">
        <v>4107635</v>
      </c>
      <c r="IE29" s="339">
        <v>5229735</v>
      </c>
      <c r="IF29" s="337">
        <v>4773001</v>
      </c>
      <c r="IG29" s="336">
        <v>3835628</v>
      </c>
      <c r="IH29" s="337">
        <v>979347</v>
      </c>
      <c r="II29" s="340">
        <v>18925346</v>
      </c>
      <c r="IJ29" s="341">
        <v>19331126</v>
      </c>
      <c r="IK29" s="342">
        <v>0</v>
      </c>
      <c r="IL29" s="343">
        <v>0</v>
      </c>
      <c r="IM29" s="344">
        <v>0</v>
      </c>
      <c r="IN29" s="404">
        <v>0</v>
      </c>
      <c r="IO29" s="345">
        <v>73620</v>
      </c>
      <c r="IP29" s="345">
        <v>0</v>
      </c>
      <c r="IQ29" s="345">
        <v>365115</v>
      </c>
      <c r="IR29" s="345">
        <v>846447</v>
      </c>
      <c r="IS29" s="345">
        <v>283911</v>
      </c>
      <c r="IT29" s="346">
        <v>1569093</v>
      </c>
      <c r="IU29" s="347">
        <v>1569093</v>
      </c>
      <c r="IV29" s="348">
        <v>0</v>
      </c>
      <c r="IW29" s="345">
        <v>0</v>
      </c>
      <c r="IX29" s="349">
        <v>0</v>
      </c>
      <c r="IY29" s="413">
        <v>0</v>
      </c>
      <c r="IZ29" s="345">
        <v>0</v>
      </c>
      <c r="JA29" s="345">
        <v>0</v>
      </c>
      <c r="JB29" s="345">
        <v>0</v>
      </c>
      <c r="JC29" s="345">
        <v>0</v>
      </c>
      <c r="JD29" s="345">
        <v>0</v>
      </c>
      <c r="JE29" s="349">
        <v>0</v>
      </c>
      <c r="JF29" s="350">
        <v>0</v>
      </c>
      <c r="JG29" s="348">
        <v>0</v>
      </c>
      <c r="JH29" s="345">
        <v>0</v>
      </c>
      <c r="JI29" s="346">
        <v>0</v>
      </c>
      <c r="JJ29" s="351">
        <v>0</v>
      </c>
      <c r="JK29" s="345">
        <v>1688399</v>
      </c>
      <c r="JL29" s="345">
        <v>1108781</v>
      </c>
      <c r="JM29" s="345">
        <v>1464836</v>
      </c>
      <c r="JN29" s="345">
        <v>533243</v>
      </c>
      <c r="JO29" s="345">
        <v>123777</v>
      </c>
      <c r="JP29" s="349">
        <v>4919036</v>
      </c>
      <c r="JQ29" s="347">
        <v>4919036</v>
      </c>
      <c r="JR29" s="348">
        <v>0</v>
      </c>
      <c r="JS29" s="345">
        <v>0</v>
      </c>
      <c r="JT29" s="346">
        <v>0</v>
      </c>
      <c r="JU29" s="351">
        <v>0</v>
      </c>
      <c r="JV29" s="345">
        <v>575972</v>
      </c>
      <c r="JW29" s="345">
        <v>473179</v>
      </c>
      <c r="JX29" s="345">
        <v>327474</v>
      </c>
      <c r="JY29" s="345">
        <v>391353</v>
      </c>
      <c r="JZ29" s="345">
        <v>23262</v>
      </c>
      <c r="KA29" s="349">
        <v>1791240</v>
      </c>
      <c r="KB29" s="347">
        <v>1791240</v>
      </c>
      <c r="KC29" s="352">
        <v>146446</v>
      </c>
      <c r="KD29" s="353">
        <v>259334</v>
      </c>
      <c r="KE29" s="349">
        <v>405780</v>
      </c>
      <c r="KF29" s="351">
        <v>0</v>
      </c>
      <c r="KG29" s="345">
        <v>1508628</v>
      </c>
      <c r="KH29" s="345">
        <v>1985132</v>
      </c>
      <c r="KI29" s="345">
        <v>1047229</v>
      </c>
      <c r="KJ29" s="345">
        <v>913377</v>
      </c>
      <c r="KK29" s="345">
        <v>320009</v>
      </c>
      <c r="KL29" s="349">
        <v>5774375</v>
      </c>
      <c r="KM29" s="354">
        <v>6180155</v>
      </c>
      <c r="KN29" s="342">
        <v>0</v>
      </c>
      <c r="KO29" s="343">
        <v>0</v>
      </c>
      <c r="KP29" s="344">
        <v>0</v>
      </c>
      <c r="KQ29" s="413">
        <v>0</v>
      </c>
      <c r="KR29" s="345">
        <v>261016</v>
      </c>
      <c r="KS29" s="345">
        <v>1662643</v>
      </c>
      <c r="KT29" s="345">
        <v>1568347</v>
      </c>
      <c r="KU29" s="345">
        <v>1151208</v>
      </c>
      <c r="KV29" s="345">
        <v>228388</v>
      </c>
      <c r="KW29" s="349">
        <v>4871602</v>
      </c>
      <c r="KX29" s="347">
        <v>4871602</v>
      </c>
      <c r="KY29" s="348">
        <v>0</v>
      </c>
      <c r="KZ29" s="345">
        <v>0</v>
      </c>
      <c r="LA29" s="349">
        <v>0</v>
      </c>
      <c r="LB29" s="413">
        <v>0</v>
      </c>
      <c r="LC29" s="345">
        <v>0</v>
      </c>
      <c r="LD29" s="345">
        <v>0</v>
      </c>
      <c r="LE29" s="345">
        <v>0</v>
      </c>
      <c r="LF29" s="345">
        <v>0</v>
      </c>
      <c r="LG29" s="345">
        <v>0</v>
      </c>
      <c r="LH29" s="349">
        <v>0</v>
      </c>
      <c r="LI29" s="350">
        <v>0</v>
      </c>
      <c r="LJ29" s="348">
        <v>0</v>
      </c>
      <c r="LK29" s="345">
        <v>0</v>
      </c>
      <c r="LL29" s="349">
        <v>0</v>
      </c>
      <c r="LM29" s="413">
        <v>0</v>
      </c>
      <c r="LN29" s="345">
        <v>0</v>
      </c>
      <c r="LO29" s="345">
        <v>0</v>
      </c>
      <c r="LP29" s="345">
        <v>0</v>
      </c>
      <c r="LQ29" s="345">
        <v>0</v>
      </c>
      <c r="LR29" s="345">
        <v>0</v>
      </c>
      <c r="LS29" s="349">
        <v>0</v>
      </c>
      <c r="LT29" s="347">
        <v>0</v>
      </c>
      <c r="LU29" s="348">
        <v>0</v>
      </c>
      <c r="LV29" s="345">
        <v>0</v>
      </c>
      <c r="LW29" s="349">
        <v>0</v>
      </c>
      <c r="LX29" s="413">
        <v>0</v>
      </c>
      <c r="LY29" s="345">
        <v>0</v>
      </c>
      <c r="LZ29" s="345">
        <v>0</v>
      </c>
      <c r="MA29" s="345">
        <v>0</v>
      </c>
      <c r="MB29" s="345">
        <v>0</v>
      </c>
      <c r="MC29" s="345">
        <v>0</v>
      </c>
      <c r="MD29" s="349">
        <v>0</v>
      </c>
      <c r="ME29" s="350">
        <v>0</v>
      </c>
      <c r="MF29" s="348">
        <v>0</v>
      </c>
      <c r="MG29" s="345">
        <v>0</v>
      </c>
      <c r="MH29" s="349">
        <v>0</v>
      </c>
      <c r="MI29" s="413">
        <v>0</v>
      </c>
      <c r="MJ29" s="345">
        <v>3116879</v>
      </c>
      <c r="MK29" s="345">
        <v>2661899</v>
      </c>
      <c r="ML29" s="345">
        <v>14793965</v>
      </c>
      <c r="MM29" s="345">
        <v>39477299</v>
      </c>
      <c r="MN29" s="345">
        <v>19855703</v>
      </c>
      <c r="MO29" s="349">
        <v>79905745</v>
      </c>
      <c r="MP29" s="354">
        <v>79905745</v>
      </c>
      <c r="MQ29" s="348">
        <v>0</v>
      </c>
      <c r="MR29" s="345">
        <v>0</v>
      </c>
      <c r="MS29" s="349">
        <v>0</v>
      </c>
      <c r="MT29" s="413">
        <v>0</v>
      </c>
      <c r="MU29" s="345">
        <v>261450</v>
      </c>
      <c r="MV29" s="345">
        <v>0</v>
      </c>
      <c r="MW29" s="345">
        <v>6931808</v>
      </c>
      <c r="MX29" s="345">
        <v>27863515</v>
      </c>
      <c r="MY29" s="345">
        <v>17519485</v>
      </c>
      <c r="MZ29" s="349">
        <v>52576258</v>
      </c>
      <c r="NA29" s="354">
        <v>52576258</v>
      </c>
      <c r="NB29" s="348">
        <v>0</v>
      </c>
      <c r="NC29" s="345">
        <v>0</v>
      </c>
      <c r="ND29" s="349">
        <v>0</v>
      </c>
      <c r="NE29" s="413">
        <v>0</v>
      </c>
      <c r="NF29" s="345">
        <v>2855429</v>
      </c>
      <c r="NG29" s="345">
        <v>2661899</v>
      </c>
      <c r="NH29" s="345">
        <v>7862157</v>
      </c>
      <c r="NI29" s="345">
        <v>11613784</v>
      </c>
      <c r="NJ29" s="345">
        <v>2336218</v>
      </c>
      <c r="NK29" s="349">
        <v>27329487</v>
      </c>
      <c r="NL29" s="347">
        <v>27329487</v>
      </c>
      <c r="NM29" s="348">
        <v>0</v>
      </c>
      <c r="NN29" s="345">
        <v>0</v>
      </c>
      <c r="NO29" s="349">
        <v>0</v>
      </c>
      <c r="NP29" s="413">
        <v>0</v>
      </c>
      <c r="NQ29" s="345">
        <v>0</v>
      </c>
      <c r="NR29" s="345">
        <v>0</v>
      </c>
      <c r="NS29" s="345">
        <v>0</v>
      </c>
      <c r="NT29" s="345">
        <v>0</v>
      </c>
      <c r="NU29" s="345">
        <v>0</v>
      </c>
      <c r="NV29" s="349">
        <v>0</v>
      </c>
      <c r="NW29" s="350">
        <v>0</v>
      </c>
      <c r="NX29" s="348">
        <v>0</v>
      </c>
      <c r="NY29" s="345">
        <v>0</v>
      </c>
      <c r="NZ29" s="349">
        <v>0</v>
      </c>
      <c r="OA29" s="413">
        <v>0</v>
      </c>
      <c r="OB29" s="345">
        <v>0</v>
      </c>
      <c r="OC29" s="345">
        <v>0</v>
      </c>
      <c r="OD29" s="345">
        <v>0</v>
      </c>
      <c r="OE29" s="345">
        <v>0</v>
      </c>
      <c r="OF29" s="345">
        <v>0</v>
      </c>
      <c r="OG29" s="349">
        <v>0</v>
      </c>
      <c r="OH29" s="350">
        <v>0</v>
      </c>
      <c r="OI29" s="348">
        <v>3213981</v>
      </c>
      <c r="OJ29" s="345">
        <v>4245074</v>
      </c>
      <c r="OK29" s="346">
        <v>7459055</v>
      </c>
      <c r="OL29" s="351">
        <v>0</v>
      </c>
      <c r="OM29" s="345">
        <v>37108072</v>
      </c>
      <c r="ON29" s="345">
        <v>39932417</v>
      </c>
      <c r="OO29" s="345">
        <v>47271197</v>
      </c>
      <c r="OP29" s="345">
        <v>74151662</v>
      </c>
      <c r="OQ29" s="345">
        <v>43904839</v>
      </c>
      <c r="OR29" s="349">
        <v>242368187</v>
      </c>
      <c r="OS29" s="354">
        <v>249827242</v>
      </c>
    </row>
    <row r="30" spans="2:409" s="70" customFormat="1" ht="21" customHeight="1" x14ac:dyDescent="0.2">
      <c r="B30" s="410" t="s">
        <v>25</v>
      </c>
      <c r="C30" s="326">
        <v>2207379</v>
      </c>
      <c r="D30" s="327">
        <v>5150633</v>
      </c>
      <c r="E30" s="328">
        <v>7358012</v>
      </c>
      <c r="F30" s="329">
        <v>0</v>
      </c>
      <c r="G30" s="327">
        <v>29719830</v>
      </c>
      <c r="H30" s="327">
        <v>38175133</v>
      </c>
      <c r="I30" s="327">
        <v>28784289</v>
      </c>
      <c r="J30" s="327">
        <v>29759484</v>
      </c>
      <c r="K30" s="327">
        <v>17306362</v>
      </c>
      <c r="L30" s="367">
        <v>143745098</v>
      </c>
      <c r="M30" s="330">
        <v>151103110</v>
      </c>
      <c r="N30" s="326">
        <v>678741</v>
      </c>
      <c r="O30" s="327">
        <v>1742613</v>
      </c>
      <c r="P30" s="328">
        <v>2421354</v>
      </c>
      <c r="Q30" s="326">
        <v>0</v>
      </c>
      <c r="R30" s="327">
        <v>9377649</v>
      </c>
      <c r="S30" s="327">
        <v>13517142</v>
      </c>
      <c r="T30" s="327">
        <v>10219098</v>
      </c>
      <c r="U30" s="327">
        <v>12730119</v>
      </c>
      <c r="V30" s="327">
        <v>9625213</v>
      </c>
      <c r="W30" s="328">
        <v>55469221</v>
      </c>
      <c r="X30" s="330">
        <v>57890575</v>
      </c>
      <c r="Y30" s="326">
        <v>0</v>
      </c>
      <c r="Z30" s="327">
        <v>0</v>
      </c>
      <c r="AA30" s="328">
        <v>0</v>
      </c>
      <c r="AB30" s="326">
        <v>0</v>
      </c>
      <c r="AC30" s="327">
        <v>4907543</v>
      </c>
      <c r="AD30" s="327">
        <v>6441966</v>
      </c>
      <c r="AE30" s="327">
        <v>6658132</v>
      </c>
      <c r="AF30" s="327">
        <v>7674647</v>
      </c>
      <c r="AG30" s="327">
        <v>6431132</v>
      </c>
      <c r="AH30" s="328">
        <v>32113420</v>
      </c>
      <c r="AI30" s="330">
        <v>32113420</v>
      </c>
      <c r="AJ30" s="326">
        <v>0</v>
      </c>
      <c r="AK30" s="327">
        <v>0</v>
      </c>
      <c r="AL30" s="328">
        <v>0</v>
      </c>
      <c r="AM30" s="326">
        <v>0</v>
      </c>
      <c r="AN30" s="327">
        <v>158918</v>
      </c>
      <c r="AO30" s="327">
        <v>501033</v>
      </c>
      <c r="AP30" s="327">
        <v>637288</v>
      </c>
      <c r="AQ30" s="327">
        <v>1015235</v>
      </c>
      <c r="AR30" s="327">
        <v>978149</v>
      </c>
      <c r="AS30" s="328">
        <v>3290623</v>
      </c>
      <c r="AT30" s="330">
        <v>3290623</v>
      </c>
      <c r="AU30" s="326">
        <v>526216</v>
      </c>
      <c r="AV30" s="327">
        <v>1499028</v>
      </c>
      <c r="AW30" s="328">
        <v>2025244</v>
      </c>
      <c r="AX30" s="326">
        <v>0</v>
      </c>
      <c r="AY30" s="327">
        <v>3314509</v>
      </c>
      <c r="AZ30" s="327">
        <v>4844530</v>
      </c>
      <c r="BA30" s="327">
        <v>1843003</v>
      </c>
      <c r="BB30" s="327">
        <v>2536766</v>
      </c>
      <c r="BC30" s="327">
        <v>1307704</v>
      </c>
      <c r="BD30" s="328">
        <v>13846512</v>
      </c>
      <c r="BE30" s="330">
        <v>15871756</v>
      </c>
      <c r="BF30" s="326">
        <v>34636</v>
      </c>
      <c r="BG30" s="327">
        <v>121541</v>
      </c>
      <c r="BH30" s="331">
        <v>156177</v>
      </c>
      <c r="BI30" s="332">
        <v>0</v>
      </c>
      <c r="BJ30" s="327">
        <v>18372</v>
      </c>
      <c r="BK30" s="327">
        <v>674855</v>
      </c>
      <c r="BL30" s="327">
        <v>115257</v>
      </c>
      <c r="BM30" s="327">
        <v>321888</v>
      </c>
      <c r="BN30" s="327">
        <v>159303</v>
      </c>
      <c r="BO30" s="328">
        <v>1289675</v>
      </c>
      <c r="BP30" s="330">
        <v>1445852</v>
      </c>
      <c r="BQ30" s="326">
        <v>117889</v>
      </c>
      <c r="BR30" s="327">
        <v>122044</v>
      </c>
      <c r="BS30" s="328">
        <v>239933</v>
      </c>
      <c r="BT30" s="326">
        <v>0</v>
      </c>
      <c r="BU30" s="327">
        <v>978307</v>
      </c>
      <c r="BV30" s="327">
        <v>1054758</v>
      </c>
      <c r="BW30" s="327">
        <v>965418</v>
      </c>
      <c r="BX30" s="327">
        <v>1181583</v>
      </c>
      <c r="BY30" s="327">
        <v>748925</v>
      </c>
      <c r="BZ30" s="328">
        <v>4928991</v>
      </c>
      <c r="CA30" s="330">
        <v>5168924</v>
      </c>
      <c r="CB30" s="326">
        <v>24249</v>
      </c>
      <c r="CC30" s="327">
        <v>300168</v>
      </c>
      <c r="CD30" s="328">
        <v>324417</v>
      </c>
      <c r="CE30" s="326">
        <v>0</v>
      </c>
      <c r="CF30" s="327">
        <v>9798806</v>
      </c>
      <c r="CG30" s="327">
        <v>11763020</v>
      </c>
      <c r="CH30" s="327">
        <v>7041836</v>
      </c>
      <c r="CI30" s="327">
        <v>5523831</v>
      </c>
      <c r="CJ30" s="327">
        <v>1589806</v>
      </c>
      <c r="CK30" s="328">
        <v>35717299</v>
      </c>
      <c r="CL30" s="330">
        <v>36041716</v>
      </c>
      <c r="CM30" s="326">
        <v>0</v>
      </c>
      <c r="CN30" s="327">
        <v>0</v>
      </c>
      <c r="CO30" s="328">
        <v>0</v>
      </c>
      <c r="CP30" s="332">
        <v>0</v>
      </c>
      <c r="CQ30" s="327">
        <v>7821827</v>
      </c>
      <c r="CR30" s="327">
        <v>7365758</v>
      </c>
      <c r="CS30" s="327">
        <v>5259354</v>
      </c>
      <c r="CT30" s="327">
        <v>3853879</v>
      </c>
      <c r="CU30" s="327">
        <v>1406452</v>
      </c>
      <c r="CV30" s="328">
        <v>25707270</v>
      </c>
      <c r="CW30" s="330">
        <v>25707270</v>
      </c>
      <c r="CX30" s="326">
        <v>24249</v>
      </c>
      <c r="CY30" s="327">
        <v>300168</v>
      </c>
      <c r="CZ30" s="328">
        <v>324417</v>
      </c>
      <c r="DA30" s="326">
        <v>0</v>
      </c>
      <c r="DB30" s="327">
        <v>1976979</v>
      </c>
      <c r="DC30" s="327">
        <v>4397262</v>
      </c>
      <c r="DD30" s="327">
        <v>1782482</v>
      </c>
      <c r="DE30" s="327">
        <v>1669952</v>
      </c>
      <c r="DF30" s="327">
        <v>183354</v>
      </c>
      <c r="DG30" s="328">
        <v>10010029</v>
      </c>
      <c r="DH30" s="330">
        <v>10334446</v>
      </c>
      <c r="DI30" s="326">
        <v>0</v>
      </c>
      <c r="DJ30" s="327">
        <v>36108</v>
      </c>
      <c r="DK30" s="331">
        <v>36108</v>
      </c>
      <c r="DL30" s="332">
        <v>0</v>
      </c>
      <c r="DM30" s="327">
        <v>760582</v>
      </c>
      <c r="DN30" s="327">
        <v>2224272</v>
      </c>
      <c r="DO30" s="327">
        <v>3760623</v>
      </c>
      <c r="DP30" s="327">
        <v>2222683</v>
      </c>
      <c r="DQ30" s="327">
        <v>1186384</v>
      </c>
      <c r="DR30" s="328">
        <v>10154544</v>
      </c>
      <c r="DS30" s="330">
        <v>10190652</v>
      </c>
      <c r="DT30" s="326">
        <v>0</v>
      </c>
      <c r="DU30" s="327">
        <v>36108</v>
      </c>
      <c r="DV30" s="328">
        <v>36108</v>
      </c>
      <c r="DW30" s="326">
        <v>0</v>
      </c>
      <c r="DX30" s="327">
        <v>760582</v>
      </c>
      <c r="DY30" s="327">
        <v>1722950</v>
      </c>
      <c r="DZ30" s="327">
        <v>3034676</v>
      </c>
      <c r="EA30" s="327">
        <v>2040060</v>
      </c>
      <c r="EB30" s="327">
        <v>1186384</v>
      </c>
      <c r="EC30" s="328">
        <v>8744652</v>
      </c>
      <c r="ED30" s="330">
        <v>8780760</v>
      </c>
      <c r="EE30" s="326">
        <v>0</v>
      </c>
      <c r="EF30" s="331">
        <v>0</v>
      </c>
      <c r="EG30" s="328">
        <v>0</v>
      </c>
      <c r="EH30" s="326">
        <v>0</v>
      </c>
      <c r="EI30" s="327">
        <v>0</v>
      </c>
      <c r="EJ30" s="327">
        <v>501322</v>
      </c>
      <c r="EK30" s="327">
        <v>725947</v>
      </c>
      <c r="EL30" s="327">
        <v>182623</v>
      </c>
      <c r="EM30" s="327">
        <v>0</v>
      </c>
      <c r="EN30" s="331">
        <v>1409892</v>
      </c>
      <c r="EO30" s="330">
        <v>1409892</v>
      </c>
      <c r="EP30" s="326">
        <v>0</v>
      </c>
      <c r="EQ30" s="327">
        <v>0</v>
      </c>
      <c r="ER30" s="331">
        <v>0</v>
      </c>
      <c r="ES30" s="332">
        <v>0</v>
      </c>
      <c r="ET30" s="327">
        <v>0</v>
      </c>
      <c r="EU30" s="327">
        <v>0</v>
      </c>
      <c r="EV30" s="327">
        <v>0</v>
      </c>
      <c r="EW30" s="327">
        <v>0</v>
      </c>
      <c r="EX30" s="327">
        <v>0</v>
      </c>
      <c r="EY30" s="328">
        <v>0</v>
      </c>
      <c r="EZ30" s="330">
        <v>0</v>
      </c>
      <c r="FA30" s="326">
        <v>0</v>
      </c>
      <c r="FB30" s="327">
        <v>0</v>
      </c>
      <c r="FC30" s="331">
        <v>0</v>
      </c>
      <c r="FD30" s="332">
        <v>0</v>
      </c>
      <c r="FE30" s="327">
        <v>0</v>
      </c>
      <c r="FF30" s="327">
        <v>0</v>
      </c>
      <c r="FG30" s="327">
        <v>0</v>
      </c>
      <c r="FH30" s="327">
        <v>0</v>
      </c>
      <c r="FI30" s="327">
        <v>0</v>
      </c>
      <c r="FJ30" s="328">
        <v>0</v>
      </c>
      <c r="FK30" s="330">
        <v>0</v>
      </c>
      <c r="FL30" s="326">
        <v>706965</v>
      </c>
      <c r="FM30" s="327">
        <v>1555992</v>
      </c>
      <c r="FN30" s="328">
        <v>2262957</v>
      </c>
      <c r="FO30" s="326">
        <v>0</v>
      </c>
      <c r="FP30" s="327">
        <v>1387699</v>
      </c>
      <c r="FQ30" s="327">
        <v>4239641</v>
      </c>
      <c r="FR30" s="327">
        <v>2452098</v>
      </c>
      <c r="FS30" s="327">
        <v>2486243</v>
      </c>
      <c r="FT30" s="327">
        <v>1063864</v>
      </c>
      <c r="FU30" s="328">
        <v>11629545</v>
      </c>
      <c r="FV30" s="330">
        <v>13892502</v>
      </c>
      <c r="FW30" s="333">
        <v>547474</v>
      </c>
      <c r="FX30" s="327">
        <v>1206333</v>
      </c>
      <c r="FY30" s="331">
        <v>1753807</v>
      </c>
      <c r="FZ30" s="332">
        <v>0</v>
      </c>
      <c r="GA30" s="327">
        <v>1112362</v>
      </c>
      <c r="GB30" s="327">
        <v>3851741</v>
      </c>
      <c r="GC30" s="327">
        <v>1934520</v>
      </c>
      <c r="GD30" s="327">
        <v>2062125</v>
      </c>
      <c r="GE30" s="327">
        <v>993934</v>
      </c>
      <c r="GF30" s="328">
        <v>9954682</v>
      </c>
      <c r="GG30" s="334">
        <v>11708489</v>
      </c>
      <c r="GH30" s="333">
        <v>95591</v>
      </c>
      <c r="GI30" s="327">
        <v>123039</v>
      </c>
      <c r="GJ30" s="331">
        <v>218630</v>
      </c>
      <c r="GK30" s="332">
        <v>0</v>
      </c>
      <c r="GL30" s="327">
        <v>103752</v>
      </c>
      <c r="GM30" s="327">
        <v>194130</v>
      </c>
      <c r="GN30" s="327">
        <v>180078</v>
      </c>
      <c r="GO30" s="327">
        <v>162200</v>
      </c>
      <c r="GP30" s="327">
        <v>69930</v>
      </c>
      <c r="GQ30" s="328">
        <v>710090</v>
      </c>
      <c r="GR30" s="330">
        <v>928720</v>
      </c>
      <c r="GS30" s="326">
        <v>63900</v>
      </c>
      <c r="GT30" s="327">
        <v>226620</v>
      </c>
      <c r="GU30" s="328">
        <v>290520</v>
      </c>
      <c r="GV30" s="326">
        <v>0</v>
      </c>
      <c r="GW30" s="327">
        <v>171585</v>
      </c>
      <c r="GX30" s="327">
        <v>193770</v>
      </c>
      <c r="GY30" s="327">
        <v>337500</v>
      </c>
      <c r="GZ30" s="327">
        <v>261918</v>
      </c>
      <c r="HA30" s="327">
        <v>0</v>
      </c>
      <c r="HB30" s="331">
        <v>964773</v>
      </c>
      <c r="HC30" s="330">
        <v>1255293</v>
      </c>
      <c r="HD30" s="326">
        <v>264394</v>
      </c>
      <c r="HE30" s="327">
        <v>583781</v>
      </c>
      <c r="HF30" s="331">
        <v>848175</v>
      </c>
      <c r="HG30" s="332">
        <v>0</v>
      </c>
      <c r="HH30" s="327">
        <v>3970967</v>
      </c>
      <c r="HI30" s="327">
        <v>2087954</v>
      </c>
      <c r="HJ30" s="327">
        <v>2875861</v>
      </c>
      <c r="HK30" s="327">
        <v>4842898</v>
      </c>
      <c r="HL30" s="327">
        <v>3010001</v>
      </c>
      <c r="HM30" s="328">
        <v>16787681</v>
      </c>
      <c r="HN30" s="329">
        <v>17635856</v>
      </c>
      <c r="HO30" s="333">
        <v>533030</v>
      </c>
      <c r="HP30" s="327">
        <v>931971</v>
      </c>
      <c r="HQ30" s="328">
        <v>1465001</v>
      </c>
      <c r="HR30" s="326">
        <v>0</v>
      </c>
      <c r="HS30" s="327">
        <v>4424127</v>
      </c>
      <c r="HT30" s="327">
        <v>4343104</v>
      </c>
      <c r="HU30" s="327">
        <v>2434773</v>
      </c>
      <c r="HV30" s="327">
        <v>1953710</v>
      </c>
      <c r="HW30" s="327">
        <v>831094</v>
      </c>
      <c r="HX30" s="331">
        <v>13986808</v>
      </c>
      <c r="HY30" s="330">
        <v>15451809</v>
      </c>
      <c r="HZ30" s="358">
        <v>48784</v>
      </c>
      <c r="IA30" s="356">
        <v>162705</v>
      </c>
      <c r="IB30" s="358">
        <v>211489</v>
      </c>
      <c r="IC30" s="355">
        <v>0</v>
      </c>
      <c r="ID30" s="356">
        <v>7743929</v>
      </c>
      <c r="IE30" s="357">
        <v>5103037</v>
      </c>
      <c r="IF30" s="358">
        <v>5840952</v>
      </c>
      <c r="IG30" s="356">
        <v>3463414</v>
      </c>
      <c r="IH30" s="358">
        <v>953766</v>
      </c>
      <c r="II30" s="359">
        <v>23105098</v>
      </c>
      <c r="IJ30" s="358">
        <v>23316587</v>
      </c>
      <c r="IK30" s="342">
        <v>0</v>
      </c>
      <c r="IL30" s="343">
        <v>0</v>
      </c>
      <c r="IM30" s="344">
        <v>0</v>
      </c>
      <c r="IN30" s="404">
        <v>0</v>
      </c>
      <c r="IO30" s="345">
        <v>0</v>
      </c>
      <c r="IP30" s="345">
        <v>0</v>
      </c>
      <c r="IQ30" s="345">
        <v>0</v>
      </c>
      <c r="IR30" s="345">
        <v>0</v>
      </c>
      <c r="IS30" s="345">
        <v>0</v>
      </c>
      <c r="IT30" s="346">
        <v>0</v>
      </c>
      <c r="IU30" s="347">
        <v>0</v>
      </c>
      <c r="IV30" s="348">
        <v>0</v>
      </c>
      <c r="IW30" s="345">
        <v>0</v>
      </c>
      <c r="IX30" s="349">
        <v>0</v>
      </c>
      <c r="IY30" s="413">
        <v>0</v>
      </c>
      <c r="IZ30" s="345">
        <v>0</v>
      </c>
      <c r="JA30" s="345">
        <v>0</v>
      </c>
      <c r="JB30" s="345">
        <v>0</v>
      </c>
      <c r="JC30" s="345">
        <v>0</v>
      </c>
      <c r="JD30" s="345">
        <v>0</v>
      </c>
      <c r="JE30" s="349">
        <v>0</v>
      </c>
      <c r="JF30" s="350">
        <v>0</v>
      </c>
      <c r="JG30" s="348">
        <v>0</v>
      </c>
      <c r="JH30" s="345">
        <v>0</v>
      </c>
      <c r="JI30" s="346">
        <v>0</v>
      </c>
      <c r="JJ30" s="351">
        <v>0</v>
      </c>
      <c r="JK30" s="345">
        <v>3808215</v>
      </c>
      <c r="JL30" s="345">
        <v>3257124</v>
      </c>
      <c r="JM30" s="345">
        <v>1630480</v>
      </c>
      <c r="JN30" s="345">
        <v>822541</v>
      </c>
      <c r="JO30" s="345">
        <v>38645</v>
      </c>
      <c r="JP30" s="349">
        <v>9557005</v>
      </c>
      <c r="JQ30" s="347">
        <v>9557005</v>
      </c>
      <c r="JR30" s="348">
        <v>0</v>
      </c>
      <c r="JS30" s="345">
        <v>0</v>
      </c>
      <c r="JT30" s="346">
        <v>0</v>
      </c>
      <c r="JU30" s="351">
        <v>0</v>
      </c>
      <c r="JV30" s="345">
        <v>0</v>
      </c>
      <c r="JW30" s="345">
        <v>0</v>
      </c>
      <c r="JX30" s="345">
        <v>0</v>
      </c>
      <c r="JY30" s="345">
        <v>0</v>
      </c>
      <c r="JZ30" s="345">
        <v>0</v>
      </c>
      <c r="KA30" s="349">
        <v>0</v>
      </c>
      <c r="KB30" s="347">
        <v>0</v>
      </c>
      <c r="KC30" s="352">
        <v>48784</v>
      </c>
      <c r="KD30" s="353">
        <v>162705</v>
      </c>
      <c r="KE30" s="349">
        <v>211489</v>
      </c>
      <c r="KF30" s="351">
        <v>0</v>
      </c>
      <c r="KG30" s="345">
        <v>802302</v>
      </c>
      <c r="KH30" s="345">
        <v>731331</v>
      </c>
      <c r="KI30" s="345">
        <v>787883</v>
      </c>
      <c r="KJ30" s="345">
        <v>861640</v>
      </c>
      <c r="KK30" s="345">
        <v>319439</v>
      </c>
      <c r="KL30" s="349">
        <v>3502595</v>
      </c>
      <c r="KM30" s="354">
        <v>3714084</v>
      </c>
      <c r="KN30" s="342">
        <v>0</v>
      </c>
      <c r="KO30" s="343">
        <v>0</v>
      </c>
      <c r="KP30" s="344">
        <v>0</v>
      </c>
      <c r="KQ30" s="413">
        <v>0</v>
      </c>
      <c r="KR30" s="345">
        <v>3133412</v>
      </c>
      <c r="KS30" s="345">
        <v>1114582</v>
      </c>
      <c r="KT30" s="345">
        <v>3422589</v>
      </c>
      <c r="KU30" s="345">
        <v>1779233</v>
      </c>
      <c r="KV30" s="345">
        <v>595682</v>
      </c>
      <c r="KW30" s="349">
        <v>10045498</v>
      </c>
      <c r="KX30" s="347">
        <v>10045498</v>
      </c>
      <c r="KY30" s="348">
        <v>0</v>
      </c>
      <c r="KZ30" s="345">
        <v>0</v>
      </c>
      <c r="LA30" s="349">
        <v>0</v>
      </c>
      <c r="LB30" s="413">
        <v>0</v>
      </c>
      <c r="LC30" s="345">
        <v>0</v>
      </c>
      <c r="LD30" s="345">
        <v>0</v>
      </c>
      <c r="LE30" s="345">
        <v>0</v>
      </c>
      <c r="LF30" s="345">
        <v>0</v>
      </c>
      <c r="LG30" s="345">
        <v>0</v>
      </c>
      <c r="LH30" s="349">
        <v>0</v>
      </c>
      <c r="LI30" s="350">
        <v>0</v>
      </c>
      <c r="LJ30" s="348">
        <v>0</v>
      </c>
      <c r="LK30" s="345">
        <v>0</v>
      </c>
      <c r="LL30" s="349">
        <v>0</v>
      </c>
      <c r="LM30" s="413">
        <v>0</v>
      </c>
      <c r="LN30" s="345">
        <v>0</v>
      </c>
      <c r="LO30" s="345">
        <v>0</v>
      </c>
      <c r="LP30" s="345">
        <v>0</v>
      </c>
      <c r="LQ30" s="345">
        <v>0</v>
      </c>
      <c r="LR30" s="345">
        <v>0</v>
      </c>
      <c r="LS30" s="349">
        <v>0</v>
      </c>
      <c r="LT30" s="347">
        <v>0</v>
      </c>
      <c r="LU30" s="348">
        <v>0</v>
      </c>
      <c r="LV30" s="345">
        <v>0</v>
      </c>
      <c r="LW30" s="349">
        <v>0</v>
      </c>
      <c r="LX30" s="413">
        <v>0</v>
      </c>
      <c r="LY30" s="345">
        <v>0</v>
      </c>
      <c r="LZ30" s="345">
        <v>0</v>
      </c>
      <c r="MA30" s="345">
        <v>0</v>
      </c>
      <c r="MB30" s="345">
        <v>0</v>
      </c>
      <c r="MC30" s="345">
        <v>0</v>
      </c>
      <c r="MD30" s="349">
        <v>0</v>
      </c>
      <c r="ME30" s="350">
        <v>0</v>
      </c>
      <c r="MF30" s="348">
        <v>0</v>
      </c>
      <c r="MG30" s="345">
        <v>0</v>
      </c>
      <c r="MH30" s="349">
        <v>0</v>
      </c>
      <c r="MI30" s="413">
        <v>0</v>
      </c>
      <c r="MJ30" s="345">
        <v>3274767</v>
      </c>
      <c r="MK30" s="345">
        <v>9576018</v>
      </c>
      <c r="ML30" s="345">
        <v>20970308</v>
      </c>
      <c r="MM30" s="345">
        <v>39271444</v>
      </c>
      <c r="MN30" s="345">
        <v>20518766</v>
      </c>
      <c r="MO30" s="349">
        <v>93611303</v>
      </c>
      <c r="MP30" s="354">
        <v>93611303</v>
      </c>
      <c r="MQ30" s="348">
        <v>0</v>
      </c>
      <c r="MR30" s="345">
        <v>0</v>
      </c>
      <c r="MS30" s="349">
        <v>0</v>
      </c>
      <c r="MT30" s="413">
        <v>0</v>
      </c>
      <c r="MU30" s="345">
        <v>196718</v>
      </c>
      <c r="MV30" s="345">
        <v>1008062</v>
      </c>
      <c r="MW30" s="345">
        <v>16559918</v>
      </c>
      <c r="MX30" s="345">
        <v>23425468</v>
      </c>
      <c r="MY30" s="345">
        <v>14479163</v>
      </c>
      <c r="MZ30" s="349">
        <v>55669329</v>
      </c>
      <c r="NA30" s="354">
        <v>55669329</v>
      </c>
      <c r="NB30" s="348">
        <v>0</v>
      </c>
      <c r="NC30" s="345">
        <v>0</v>
      </c>
      <c r="ND30" s="349">
        <v>0</v>
      </c>
      <c r="NE30" s="413">
        <v>0</v>
      </c>
      <c r="NF30" s="345">
        <v>3078049</v>
      </c>
      <c r="NG30" s="345">
        <v>8567956</v>
      </c>
      <c r="NH30" s="345">
        <v>4410390</v>
      </c>
      <c r="NI30" s="345">
        <v>15845976</v>
      </c>
      <c r="NJ30" s="345">
        <v>5603964</v>
      </c>
      <c r="NK30" s="349">
        <v>37506335</v>
      </c>
      <c r="NL30" s="347">
        <v>37506335</v>
      </c>
      <c r="NM30" s="348">
        <v>0</v>
      </c>
      <c r="NN30" s="345">
        <v>0</v>
      </c>
      <c r="NO30" s="349">
        <v>0</v>
      </c>
      <c r="NP30" s="413">
        <v>0</v>
      </c>
      <c r="NQ30" s="345">
        <v>0</v>
      </c>
      <c r="NR30" s="345">
        <v>0</v>
      </c>
      <c r="NS30" s="345">
        <v>0</v>
      </c>
      <c r="NT30" s="345">
        <v>0</v>
      </c>
      <c r="NU30" s="345">
        <v>0</v>
      </c>
      <c r="NV30" s="349">
        <v>0</v>
      </c>
      <c r="NW30" s="350">
        <v>0</v>
      </c>
      <c r="NX30" s="348">
        <v>0</v>
      </c>
      <c r="NY30" s="345">
        <v>0</v>
      </c>
      <c r="NZ30" s="349">
        <v>0</v>
      </c>
      <c r="OA30" s="413">
        <v>0</v>
      </c>
      <c r="OB30" s="345">
        <v>0</v>
      </c>
      <c r="OC30" s="345">
        <v>0</v>
      </c>
      <c r="OD30" s="345">
        <v>0</v>
      </c>
      <c r="OE30" s="345">
        <v>0</v>
      </c>
      <c r="OF30" s="345">
        <v>435639</v>
      </c>
      <c r="OG30" s="349">
        <v>435639</v>
      </c>
      <c r="OH30" s="350">
        <v>435639</v>
      </c>
      <c r="OI30" s="348">
        <v>2256163</v>
      </c>
      <c r="OJ30" s="345">
        <v>5313338</v>
      </c>
      <c r="OK30" s="346">
        <v>7569501</v>
      </c>
      <c r="OL30" s="351">
        <v>0</v>
      </c>
      <c r="OM30" s="345">
        <v>40738526</v>
      </c>
      <c r="ON30" s="345">
        <v>52854188</v>
      </c>
      <c r="OO30" s="345">
        <v>55595549</v>
      </c>
      <c r="OP30" s="345">
        <v>72494342</v>
      </c>
      <c r="OQ30" s="345">
        <v>38778894</v>
      </c>
      <c r="OR30" s="349">
        <v>260461499</v>
      </c>
      <c r="OS30" s="354">
        <v>268031000</v>
      </c>
    </row>
    <row r="31" spans="2:409" s="70" customFormat="1" ht="21" customHeight="1" x14ac:dyDescent="0.2">
      <c r="B31" s="410" t="s">
        <v>26</v>
      </c>
      <c r="C31" s="326">
        <v>2080804</v>
      </c>
      <c r="D31" s="327">
        <v>3405565</v>
      </c>
      <c r="E31" s="328">
        <v>5486369</v>
      </c>
      <c r="F31" s="329">
        <v>0</v>
      </c>
      <c r="G31" s="327">
        <v>24194560</v>
      </c>
      <c r="H31" s="327">
        <v>33883860</v>
      </c>
      <c r="I31" s="327">
        <v>27985520</v>
      </c>
      <c r="J31" s="327">
        <v>24312539</v>
      </c>
      <c r="K31" s="327">
        <v>22777588</v>
      </c>
      <c r="L31" s="367">
        <v>133154067</v>
      </c>
      <c r="M31" s="330">
        <v>138640436</v>
      </c>
      <c r="N31" s="326">
        <v>557667</v>
      </c>
      <c r="O31" s="327">
        <v>577849</v>
      </c>
      <c r="P31" s="328">
        <v>1135516</v>
      </c>
      <c r="Q31" s="326">
        <v>0</v>
      </c>
      <c r="R31" s="327">
        <v>5815752</v>
      </c>
      <c r="S31" s="327">
        <v>10542298</v>
      </c>
      <c r="T31" s="327">
        <v>7836981</v>
      </c>
      <c r="U31" s="327">
        <v>6762571</v>
      </c>
      <c r="V31" s="327">
        <v>11394688</v>
      </c>
      <c r="W31" s="328">
        <v>42352290</v>
      </c>
      <c r="X31" s="330">
        <v>43487806</v>
      </c>
      <c r="Y31" s="326">
        <v>0</v>
      </c>
      <c r="Z31" s="327">
        <v>0</v>
      </c>
      <c r="AA31" s="328">
        <v>0</v>
      </c>
      <c r="AB31" s="326">
        <v>0</v>
      </c>
      <c r="AC31" s="327">
        <v>2156293</v>
      </c>
      <c r="AD31" s="327">
        <v>5505834</v>
      </c>
      <c r="AE31" s="327">
        <v>4047751</v>
      </c>
      <c r="AF31" s="327">
        <v>2919227</v>
      </c>
      <c r="AG31" s="327">
        <v>6286571</v>
      </c>
      <c r="AH31" s="328">
        <v>20915676</v>
      </c>
      <c r="AI31" s="330">
        <v>20915676</v>
      </c>
      <c r="AJ31" s="326">
        <v>0</v>
      </c>
      <c r="AK31" s="327">
        <v>0</v>
      </c>
      <c r="AL31" s="328">
        <v>0</v>
      </c>
      <c r="AM31" s="326">
        <v>0</v>
      </c>
      <c r="AN31" s="327">
        <v>0</v>
      </c>
      <c r="AO31" s="327">
        <v>124891</v>
      </c>
      <c r="AP31" s="327">
        <v>202718</v>
      </c>
      <c r="AQ31" s="327">
        <v>654614</v>
      </c>
      <c r="AR31" s="327">
        <v>1087081</v>
      </c>
      <c r="AS31" s="328">
        <v>2069304</v>
      </c>
      <c r="AT31" s="330">
        <v>2069304</v>
      </c>
      <c r="AU31" s="326">
        <v>383544</v>
      </c>
      <c r="AV31" s="327">
        <v>495594</v>
      </c>
      <c r="AW31" s="328">
        <v>879138</v>
      </c>
      <c r="AX31" s="326">
        <v>0</v>
      </c>
      <c r="AY31" s="327">
        <v>2723809</v>
      </c>
      <c r="AZ31" s="327">
        <v>3737692</v>
      </c>
      <c r="BA31" s="327">
        <v>2049113</v>
      </c>
      <c r="BB31" s="327">
        <v>2267044</v>
      </c>
      <c r="BC31" s="327">
        <v>2987685</v>
      </c>
      <c r="BD31" s="328">
        <v>13765343</v>
      </c>
      <c r="BE31" s="330">
        <v>14644481</v>
      </c>
      <c r="BF31" s="326">
        <v>52639</v>
      </c>
      <c r="BG31" s="327">
        <v>46183</v>
      </c>
      <c r="BH31" s="331">
        <v>98822</v>
      </c>
      <c r="BI31" s="332">
        <v>0</v>
      </c>
      <c r="BJ31" s="327">
        <v>144652</v>
      </c>
      <c r="BK31" s="327">
        <v>161457</v>
      </c>
      <c r="BL31" s="327">
        <v>236809</v>
      </c>
      <c r="BM31" s="327">
        <v>62466</v>
      </c>
      <c r="BN31" s="327">
        <v>123804</v>
      </c>
      <c r="BO31" s="328">
        <v>729188</v>
      </c>
      <c r="BP31" s="330">
        <v>828010</v>
      </c>
      <c r="BQ31" s="326">
        <v>121484</v>
      </c>
      <c r="BR31" s="327">
        <v>36072</v>
      </c>
      <c r="BS31" s="328">
        <v>157556</v>
      </c>
      <c r="BT31" s="326">
        <v>0</v>
      </c>
      <c r="BU31" s="327">
        <v>790998</v>
      </c>
      <c r="BV31" s="327">
        <v>1012424</v>
      </c>
      <c r="BW31" s="327">
        <v>1300590</v>
      </c>
      <c r="BX31" s="327">
        <v>859220</v>
      </c>
      <c r="BY31" s="327">
        <v>909547</v>
      </c>
      <c r="BZ31" s="328">
        <v>4872779</v>
      </c>
      <c r="CA31" s="330">
        <v>5030335</v>
      </c>
      <c r="CB31" s="326">
        <v>135888</v>
      </c>
      <c r="CC31" s="327">
        <v>294723</v>
      </c>
      <c r="CD31" s="328">
        <v>430611</v>
      </c>
      <c r="CE31" s="326">
        <v>0</v>
      </c>
      <c r="CF31" s="327">
        <v>7356703</v>
      </c>
      <c r="CG31" s="327">
        <v>9812878</v>
      </c>
      <c r="CH31" s="327">
        <v>5618182</v>
      </c>
      <c r="CI31" s="327">
        <v>4135982</v>
      </c>
      <c r="CJ31" s="327">
        <v>2489421</v>
      </c>
      <c r="CK31" s="328">
        <v>29413166</v>
      </c>
      <c r="CL31" s="330">
        <v>29843777</v>
      </c>
      <c r="CM31" s="326">
        <v>0</v>
      </c>
      <c r="CN31" s="327">
        <v>0</v>
      </c>
      <c r="CO31" s="328">
        <v>0</v>
      </c>
      <c r="CP31" s="332">
        <v>0</v>
      </c>
      <c r="CQ31" s="327">
        <v>6441091</v>
      </c>
      <c r="CR31" s="327">
        <v>7614455</v>
      </c>
      <c r="CS31" s="327">
        <v>4378865</v>
      </c>
      <c r="CT31" s="327">
        <v>3285140</v>
      </c>
      <c r="CU31" s="327">
        <v>1940860</v>
      </c>
      <c r="CV31" s="328">
        <v>23660411</v>
      </c>
      <c r="CW31" s="330">
        <v>23660411</v>
      </c>
      <c r="CX31" s="326">
        <v>135888</v>
      </c>
      <c r="CY31" s="327">
        <v>294723</v>
      </c>
      <c r="CZ31" s="328">
        <v>430611</v>
      </c>
      <c r="DA31" s="326">
        <v>0</v>
      </c>
      <c r="DB31" s="327">
        <v>915612</v>
      </c>
      <c r="DC31" s="327">
        <v>2198423</v>
      </c>
      <c r="DD31" s="327">
        <v>1239317</v>
      </c>
      <c r="DE31" s="327">
        <v>850842</v>
      </c>
      <c r="DF31" s="327">
        <v>548561</v>
      </c>
      <c r="DG31" s="328">
        <v>5752755</v>
      </c>
      <c r="DH31" s="330">
        <v>6183366</v>
      </c>
      <c r="DI31" s="326">
        <v>7530</v>
      </c>
      <c r="DJ31" s="327">
        <v>73452</v>
      </c>
      <c r="DK31" s="331">
        <v>80982</v>
      </c>
      <c r="DL31" s="332">
        <v>0</v>
      </c>
      <c r="DM31" s="327">
        <v>723645</v>
      </c>
      <c r="DN31" s="327">
        <v>2040459</v>
      </c>
      <c r="DO31" s="327">
        <v>3164435</v>
      </c>
      <c r="DP31" s="327">
        <v>3124891</v>
      </c>
      <c r="DQ31" s="327">
        <v>2550150</v>
      </c>
      <c r="DR31" s="328">
        <v>11603580</v>
      </c>
      <c r="DS31" s="330">
        <v>11684562</v>
      </c>
      <c r="DT31" s="326">
        <v>7530</v>
      </c>
      <c r="DU31" s="327">
        <v>73452</v>
      </c>
      <c r="DV31" s="328">
        <v>80982</v>
      </c>
      <c r="DW31" s="326">
        <v>0</v>
      </c>
      <c r="DX31" s="327">
        <v>626946</v>
      </c>
      <c r="DY31" s="327">
        <v>1736099</v>
      </c>
      <c r="DZ31" s="327">
        <v>3056205</v>
      </c>
      <c r="EA31" s="327">
        <v>2930695</v>
      </c>
      <c r="EB31" s="327">
        <v>2402761</v>
      </c>
      <c r="EC31" s="328">
        <v>10752706</v>
      </c>
      <c r="ED31" s="330">
        <v>10833688</v>
      </c>
      <c r="EE31" s="326">
        <v>0</v>
      </c>
      <c r="EF31" s="331">
        <v>0</v>
      </c>
      <c r="EG31" s="328">
        <v>0</v>
      </c>
      <c r="EH31" s="326">
        <v>0</v>
      </c>
      <c r="EI31" s="327">
        <v>96699</v>
      </c>
      <c r="EJ31" s="327">
        <v>304360</v>
      </c>
      <c r="EK31" s="327">
        <v>108230</v>
      </c>
      <c r="EL31" s="327">
        <v>194196</v>
      </c>
      <c r="EM31" s="327">
        <v>147389</v>
      </c>
      <c r="EN31" s="331">
        <v>850874</v>
      </c>
      <c r="EO31" s="330">
        <v>850874</v>
      </c>
      <c r="EP31" s="326">
        <v>0</v>
      </c>
      <c r="EQ31" s="327">
        <v>0</v>
      </c>
      <c r="ER31" s="331">
        <v>0</v>
      </c>
      <c r="ES31" s="332">
        <v>0</v>
      </c>
      <c r="ET31" s="327">
        <v>0</v>
      </c>
      <c r="EU31" s="327">
        <v>0</v>
      </c>
      <c r="EV31" s="327">
        <v>0</v>
      </c>
      <c r="EW31" s="327">
        <v>0</v>
      </c>
      <c r="EX31" s="327">
        <v>0</v>
      </c>
      <c r="EY31" s="328">
        <v>0</v>
      </c>
      <c r="EZ31" s="330">
        <v>0</v>
      </c>
      <c r="FA31" s="326">
        <v>0</v>
      </c>
      <c r="FB31" s="327">
        <v>0</v>
      </c>
      <c r="FC31" s="331">
        <v>0</v>
      </c>
      <c r="FD31" s="332">
        <v>0</v>
      </c>
      <c r="FE31" s="327">
        <v>0</v>
      </c>
      <c r="FF31" s="327">
        <v>0</v>
      </c>
      <c r="FG31" s="327">
        <v>0</v>
      </c>
      <c r="FH31" s="327">
        <v>0</v>
      </c>
      <c r="FI31" s="327">
        <v>0</v>
      </c>
      <c r="FJ31" s="328">
        <v>0</v>
      </c>
      <c r="FK31" s="330">
        <v>0</v>
      </c>
      <c r="FL31" s="326">
        <v>555446</v>
      </c>
      <c r="FM31" s="327">
        <v>1408670</v>
      </c>
      <c r="FN31" s="328">
        <v>1964116</v>
      </c>
      <c r="FO31" s="326">
        <v>0</v>
      </c>
      <c r="FP31" s="327">
        <v>1178460</v>
      </c>
      <c r="FQ31" s="327">
        <v>2979544</v>
      </c>
      <c r="FR31" s="327">
        <v>2069070</v>
      </c>
      <c r="FS31" s="327">
        <v>2303641</v>
      </c>
      <c r="FT31" s="327">
        <v>1876585</v>
      </c>
      <c r="FU31" s="328">
        <v>10407300</v>
      </c>
      <c r="FV31" s="330">
        <v>12371416</v>
      </c>
      <c r="FW31" s="333">
        <v>385782</v>
      </c>
      <c r="FX31" s="327">
        <v>736755</v>
      </c>
      <c r="FY31" s="331">
        <v>1122537</v>
      </c>
      <c r="FZ31" s="332">
        <v>0</v>
      </c>
      <c r="GA31" s="327">
        <v>969502</v>
      </c>
      <c r="GB31" s="327">
        <v>2772722</v>
      </c>
      <c r="GC31" s="327">
        <v>1769851</v>
      </c>
      <c r="GD31" s="327">
        <v>1700410</v>
      </c>
      <c r="GE31" s="327">
        <v>1668108</v>
      </c>
      <c r="GF31" s="328">
        <v>8880593</v>
      </c>
      <c r="GG31" s="334">
        <v>10003130</v>
      </c>
      <c r="GH31" s="333">
        <v>55264</v>
      </c>
      <c r="GI31" s="327">
        <v>141962</v>
      </c>
      <c r="GJ31" s="331">
        <v>197226</v>
      </c>
      <c r="GK31" s="332">
        <v>0</v>
      </c>
      <c r="GL31" s="327">
        <v>62339</v>
      </c>
      <c r="GM31" s="327">
        <v>195206</v>
      </c>
      <c r="GN31" s="327">
        <v>149909</v>
      </c>
      <c r="GO31" s="327">
        <v>154131</v>
      </c>
      <c r="GP31" s="327">
        <v>0</v>
      </c>
      <c r="GQ31" s="328">
        <v>561585</v>
      </c>
      <c r="GR31" s="330">
        <v>758811</v>
      </c>
      <c r="GS31" s="326">
        <v>114400</v>
      </c>
      <c r="GT31" s="327">
        <v>529953</v>
      </c>
      <c r="GU31" s="328">
        <v>644353</v>
      </c>
      <c r="GV31" s="326">
        <v>0</v>
      </c>
      <c r="GW31" s="327">
        <v>146619</v>
      </c>
      <c r="GX31" s="327">
        <v>11616</v>
      </c>
      <c r="GY31" s="327">
        <v>149310</v>
      </c>
      <c r="GZ31" s="327">
        <v>449100</v>
      </c>
      <c r="HA31" s="327">
        <v>208477</v>
      </c>
      <c r="HB31" s="331">
        <v>965122</v>
      </c>
      <c r="HC31" s="330">
        <v>1609475</v>
      </c>
      <c r="HD31" s="326">
        <v>432512</v>
      </c>
      <c r="HE31" s="327">
        <v>370148</v>
      </c>
      <c r="HF31" s="331">
        <v>802660</v>
      </c>
      <c r="HG31" s="332">
        <v>0</v>
      </c>
      <c r="HH31" s="327">
        <v>4976437</v>
      </c>
      <c r="HI31" s="327">
        <v>4252291</v>
      </c>
      <c r="HJ31" s="327">
        <v>6640879</v>
      </c>
      <c r="HK31" s="327">
        <v>6117302</v>
      </c>
      <c r="HL31" s="327">
        <v>3124223</v>
      </c>
      <c r="HM31" s="328">
        <v>25111132</v>
      </c>
      <c r="HN31" s="329">
        <v>25913792</v>
      </c>
      <c r="HO31" s="333">
        <v>391761</v>
      </c>
      <c r="HP31" s="327">
        <v>680723</v>
      </c>
      <c r="HQ31" s="328">
        <v>1072484</v>
      </c>
      <c r="HR31" s="326">
        <v>0</v>
      </c>
      <c r="HS31" s="327">
        <v>4143563</v>
      </c>
      <c r="HT31" s="327">
        <v>4256390</v>
      </c>
      <c r="HU31" s="327">
        <v>2655973</v>
      </c>
      <c r="HV31" s="327">
        <v>1868152</v>
      </c>
      <c r="HW31" s="327">
        <v>1342521</v>
      </c>
      <c r="HX31" s="331">
        <v>14266599</v>
      </c>
      <c r="HY31" s="330">
        <v>15339083</v>
      </c>
      <c r="HZ31" s="335">
        <v>0</v>
      </c>
      <c r="IA31" s="336">
        <v>0</v>
      </c>
      <c r="IB31" s="337">
        <v>0</v>
      </c>
      <c r="IC31" s="338">
        <v>0</v>
      </c>
      <c r="ID31" s="336">
        <v>4625691</v>
      </c>
      <c r="IE31" s="339">
        <v>10649223</v>
      </c>
      <c r="IF31" s="337">
        <v>13906162</v>
      </c>
      <c r="IG31" s="336">
        <v>8192402</v>
      </c>
      <c r="IH31" s="337">
        <v>3457802</v>
      </c>
      <c r="II31" s="340">
        <v>40831280</v>
      </c>
      <c r="IJ31" s="341">
        <v>40831280</v>
      </c>
      <c r="IK31" s="342">
        <v>0</v>
      </c>
      <c r="IL31" s="343">
        <v>0</v>
      </c>
      <c r="IM31" s="344">
        <v>0</v>
      </c>
      <c r="IN31" s="404">
        <v>0</v>
      </c>
      <c r="IO31" s="345">
        <v>0</v>
      </c>
      <c r="IP31" s="345">
        <v>0</v>
      </c>
      <c r="IQ31" s="345">
        <v>0</v>
      </c>
      <c r="IR31" s="345">
        <v>0</v>
      </c>
      <c r="IS31" s="345">
        <v>0</v>
      </c>
      <c r="IT31" s="346">
        <v>0</v>
      </c>
      <c r="IU31" s="347">
        <v>0</v>
      </c>
      <c r="IV31" s="348">
        <v>0</v>
      </c>
      <c r="IW31" s="345">
        <v>0</v>
      </c>
      <c r="IX31" s="349">
        <v>0</v>
      </c>
      <c r="IY31" s="413">
        <v>0</v>
      </c>
      <c r="IZ31" s="345">
        <v>0</v>
      </c>
      <c r="JA31" s="345">
        <v>0</v>
      </c>
      <c r="JB31" s="345">
        <v>0</v>
      </c>
      <c r="JC31" s="345">
        <v>0</v>
      </c>
      <c r="JD31" s="345">
        <v>0</v>
      </c>
      <c r="JE31" s="349">
        <v>0</v>
      </c>
      <c r="JF31" s="350">
        <v>0</v>
      </c>
      <c r="JG31" s="348">
        <v>0</v>
      </c>
      <c r="JH31" s="345">
        <v>0</v>
      </c>
      <c r="JI31" s="346">
        <v>0</v>
      </c>
      <c r="JJ31" s="351">
        <v>0</v>
      </c>
      <c r="JK31" s="345">
        <v>2197297</v>
      </c>
      <c r="JL31" s="345">
        <v>2959415</v>
      </c>
      <c r="JM31" s="345">
        <v>3025755</v>
      </c>
      <c r="JN31" s="345">
        <v>1759123</v>
      </c>
      <c r="JO31" s="345">
        <v>982027</v>
      </c>
      <c r="JP31" s="349">
        <v>10923617</v>
      </c>
      <c r="JQ31" s="347">
        <v>10923617</v>
      </c>
      <c r="JR31" s="348">
        <v>0</v>
      </c>
      <c r="JS31" s="345">
        <v>0</v>
      </c>
      <c r="JT31" s="346">
        <v>0</v>
      </c>
      <c r="JU31" s="351">
        <v>0</v>
      </c>
      <c r="JV31" s="345">
        <v>0</v>
      </c>
      <c r="JW31" s="345">
        <v>0</v>
      </c>
      <c r="JX31" s="345">
        <v>0</v>
      </c>
      <c r="JY31" s="345">
        <v>0</v>
      </c>
      <c r="JZ31" s="345">
        <v>0</v>
      </c>
      <c r="KA31" s="349">
        <v>0</v>
      </c>
      <c r="KB31" s="347">
        <v>0</v>
      </c>
      <c r="KC31" s="352">
        <v>0</v>
      </c>
      <c r="KD31" s="353">
        <v>0</v>
      </c>
      <c r="KE31" s="349">
        <v>0</v>
      </c>
      <c r="KF31" s="351">
        <v>0</v>
      </c>
      <c r="KG31" s="345">
        <v>1171481</v>
      </c>
      <c r="KH31" s="345">
        <v>2689446</v>
      </c>
      <c r="KI31" s="345">
        <v>2443865</v>
      </c>
      <c r="KJ31" s="345">
        <v>1844648</v>
      </c>
      <c r="KK31" s="345">
        <v>1021616</v>
      </c>
      <c r="KL31" s="349">
        <v>9171056</v>
      </c>
      <c r="KM31" s="354">
        <v>9171056</v>
      </c>
      <c r="KN31" s="342">
        <v>0</v>
      </c>
      <c r="KO31" s="343">
        <v>0</v>
      </c>
      <c r="KP31" s="344">
        <v>0</v>
      </c>
      <c r="KQ31" s="413">
        <v>0</v>
      </c>
      <c r="KR31" s="345">
        <v>1256913</v>
      </c>
      <c r="KS31" s="345">
        <v>5000362</v>
      </c>
      <c r="KT31" s="345">
        <v>8436542</v>
      </c>
      <c r="KU31" s="345">
        <v>4588631</v>
      </c>
      <c r="KV31" s="345">
        <v>1454159</v>
      </c>
      <c r="KW31" s="349">
        <v>20736607</v>
      </c>
      <c r="KX31" s="347">
        <v>20736607</v>
      </c>
      <c r="KY31" s="348">
        <v>0</v>
      </c>
      <c r="KZ31" s="345">
        <v>0</v>
      </c>
      <c r="LA31" s="349">
        <v>0</v>
      </c>
      <c r="LB31" s="413">
        <v>0</v>
      </c>
      <c r="LC31" s="345">
        <v>0</v>
      </c>
      <c r="LD31" s="345">
        <v>0</v>
      </c>
      <c r="LE31" s="345">
        <v>0</v>
      </c>
      <c r="LF31" s="345">
        <v>0</v>
      </c>
      <c r="LG31" s="345">
        <v>0</v>
      </c>
      <c r="LH31" s="349">
        <v>0</v>
      </c>
      <c r="LI31" s="350">
        <v>0</v>
      </c>
      <c r="LJ31" s="348">
        <v>0</v>
      </c>
      <c r="LK31" s="345">
        <v>0</v>
      </c>
      <c r="LL31" s="349">
        <v>0</v>
      </c>
      <c r="LM31" s="413">
        <v>0</v>
      </c>
      <c r="LN31" s="345">
        <v>0</v>
      </c>
      <c r="LO31" s="345">
        <v>0</v>
      </c>
      <c r="LP31" s="345">
        <v>0</v>
      </c>
      <c r="LQ31" s="345">
        <v>0</v>
      </c>
      <c r="LR31" s="345">
        <v>0</v>
      </c>
      <c r="LS31" s="349">
        <v>0</v>
      </c>
      <c r="LT31" s="347">
        <v>0</v>
      </c>
      <c r="LU31" s="348">
        <v>0</v>
      </c>
      <c r="LV31" s="345">
        <v>0</v>
      </c>
      <c r="LW31" s="349">
        <v>0</v>
      </c>
      <c r="LX31" s="413">
        <v>0</v>
      </c>
      <c r="LY31" s="345">
        <v>0</v>
      </c>
      <c r="LZ31" s="345">
        <v>0</v>
      </c>
      <c r="MA31" s="345">
        <v>0</v>
      </c>
      <c r="MB31" s="345">
        <v>0</v>
      </c>
      <c r="MC31" s="345">
        <v>0</v>
      </c>
      <c r="MD31" s="349">
        <v>0</v>
      </c>
      <c r="ME31" s="350">
        <v>0</v>
      </c>
      <c r="MF31" s="348">
        <v>0</v>
      </c>
      <c r="MG31" s="345">
        <v>0</v>
      </c>
      <c r="MH31" s="349">
        <v>0</v>
      </c>
      <c r="MI31" s="413">
        <v>0</v>
      </c>
      <c r="MJ31" s="345">
        <v>1080428</v>
      </c>
      <c r="MK31" s="345">
        <v>5247282</v>
      </c>
      <c r="ML31" s="345">
        <v>17881097</v>
      </c>
      <c r="MM31" s="345">
        <v>25799024</v>
      </c>
      <c r="MN31" s="345">
        <v>24411753</v>
      </c>
      <c r="MO31" s="349">
        <v>74419584</v>
      </c>
      <c r="MP31" s="354">
        <v>74419584</v>
      </c>
      <c r="MQ31" s="348">
        <v>0</v>
      </c>
      <c r="MR31" s="345">
        <v>0</v>
      </c>
      <c r="MS31" s="349">
        <v>0</v>
      </c>
      <c r="MT31" s="413">
        <v>0</v>
      </c>
      <c r="MU31" s="345">
        <v>516652</v>
      </c>
      <c r="MV31" s="345">
        <v>1546237</v>
      </c>
      <c r="MW31" s="345">
        <v>9609218</v>
      </c>
      <c r="MX31" s="345">
        <v>18883574</v>
      </c>
      <c r="MY31" s="345">
        <v>17839999</v>
      </c>
      <c r="MZ31" s="349">
        <v>48395680</v>
      </c>
      <c r="NA31" s="354">
        <v>48395680</v>
      </c>
      <c r="NB31" s="348">
        <v>0</v>
      </c>
      <c r="NC31" s="345">
        <v>0</v>
      </c>
      <c r="ND31" s="349">
        <v>0</v>
      </c>
      <c r="NE31" s="413">
        <v>0</v>
      </c>
      <c r="NF31" s="345">
        <v>563776</v>
      </c>
      <c r="NG31" s="345">
        <v>3701045</v>
      </c>
      <c r="NH31" s="345">
        <v>7888471</v>
      </c>
      <c r="NI31" s="345">
        <v>6915450</v>
      </c>
      <c r="NJ31" s="345">
        <v>4680645</v>
      </c>
      <c r="NK31" s="349">
        <v>23749387</v>
      </c>
      <c r="NL31" s="347">
        <v>23749387</v>
      </c>
      <c r="NM31" s="348">
        <v>0</v>
      </c>
      <c r="NN31" s="345">
        <v>0</v>
      </c>
      <c r="NO31" s="349">
        <v>0</v>
      </c>
      <c r="NP31" s="413">
        <v>0</v>
      </c>
      <c r="NQ31" s="345">
        <v>0</v>
      </c>
      <c r="NR31" s="345">
        <v>0</v>
      </c>
      <c r="NS31" s="345">
        <v>0</v>
      </c>
      <c r="NT31" s="345">
        <v>0</v>
      </c>
      <c r="NU31" s="345">
        <v>0</v>
      </c>
      <c r="NV31" s="349">
        <v>0</v>
      </c>
      <c r="NW31" s="350">
        <v>0</v>
      </c>
      <c r="NX31" s="348">
        <v>0</v>
      </c>
      <c r="NY31" s="345">
        <v>0</v>
      </c>
      <c r="NZ31" s="349">
        <v>0</v>
      </c>
      <c r="OA31" s="413">
        <v>0</v>
      </c>
      <c r="OB31" s="345">
        <v>0</v>
      </c>
      <c r="OC31" s="345">
        <v>0</v>
      </c>
      <c r="OD31" s="345">
        <v>383408</v>
      </c>
      <c r="OE31" s="345">
        <v>0</v>
      </c>
      <c r="OF31" s="345">
        <v>1891109</v>
      </c>
      <c r="OG31" s="349">
        <v>2274517</v>
      </c>
      <c r="OH31" s="350">
        <v>2274517</v>
      </c>
      <c r="OI31" s="348">
        <v>2080804</v>
      </c>
      <c r="OJ31" s="345">
        <v>3405565</v>
      </c>
      <c r="OK31" s="346">
        <v>5486369</v>
      </c>
      <c r="OL31" s="351">
        <v>0</v>
      </c>
      <c r="OM31" s="345">
        <v>29900679</v>
      </c>
      <c r="ON31" s="345">
        <v>49780365</v>
      </c>
      <c r="OO31" s="345">
        <v>59772779</v>
      </c>
      <c r="OP31" s="345">
        <v>58303965</v>
      </c>
      <c r="OQ31" s="345">
        <v>50647143</v>
      </c>
      <c r="OR31" s="349">
        <v>248404931</v>
      </c>
      <c r="OS31" s="354">
        <v>253891300</v>
      </c>
    </row>
    <row r="32" spans="2:409" s="70" customFormat="1" ht="21" customHeight="1" x14ac:dyDescent="0.2">
      <c r="B32" s="410" t="s">
        <v>27</v>
      </c>
      <c r="C32" s="326">
        <v>3392111</v>
      </c>
      <c r="D32" s="327">
        <v>6985094</v>
      </c>
      <c r="E32" s="328">
        <v>10377205</v>
      </c>
      <c r="F32" s="329">
        <v>0</v>
      </c>
      <c r="G32" s="327">
        <v>27041965</v>
      </c>
      <c r="H32" s="327">
        <v>23718185</v>
      </c>
      <c r="I32" s="327">
        <v>22284871</v>
      </c>
      <c r="J32" s="327">
        <v>22724974</v>
      </c>
      <c r="K32" s="327">
        <v>17723633</v>
      </c>
      <c r="L32" s="367">
        <v>113493628</v>
      </c>
      <c r="M32" s="330">
        <v>123870833</v>
      </c>
      <c r="N32" s="326">
        <v>704387</v>
      </c>
      <c r="O32" s="327">
        <v>1938914</v>
      </c>
      <c r="P32" s="328">
        <v>2643301</v>
      </c>
      <c r="Q32" s="326">
        <v>0</v>
      </c>
      <c r="R32" s="327">
        <v>4691495</v>
      </c>
      <c r="S32" s="327">
        <v>6805995</v>
      </c>
      <c r="T32" s="327">
        <v>6244745</v>
      </c>
      <c r="U32" s="327">
        <v>6949725</v>
      </c>
      <c r="V32" s="327">
        <v>8223054</v>
      </c>
      <c r="W32" s="328">
        <v>32915014</v>
      </c>
      <c r="X32" s="330">
        <v>35558315</v>
      </c>
      <c r="Y32" s="326">
        <v>0</v>
      </c>
      <c r="Z32" s="327">
        <v>0</v>
      </c>
      <c r="AA32" s="328">
        <v>0</v>
      </c>
      <c r="AB32" s="326">
        <v>0</v>
      </c>
      <c r="AC32" s="327">
        <v>2294583</v>
      </c>
      <c r="AD32" s="327">
        <v>3375521</v>
      </c>
      <c r="AE32" s="327">
        <v>3285073</v>
      </c>
      <c r="AF32" s="327">
        <v>3809669</v>
      </c>
      <c r="AG32" s="327">
        <v>4191082</v>
      </c>
      <c r="AH32" s="328">
        <v>16955928</v>
      </c>
      <c r="AI32" s="330">
        <v>16955928</v>
      </c>
      <c r="AJ32" s="326">
        <v>0</v>
      </c>
      <c r="AK32" s="327">
        <v>0</v>
      </c>
      <c r="AL32" s="328">
        <v>0</v>
      </c>
      <c r="AM32" s="326">
        <v>0</v>
      </c>
      <c r="AN32" s="327">
        <v>64942</v>
      </c>
      <c r="AO32" s="327">
        <v>346917</v>
      </c>
      <c r="AP32" s="327">
        <v>350390</v>
      </c>
      <c r="AQ32" s="327">
        <v>449798</v>
      </c>
      <c r="AR32" s="327">
        <v>1340162</v>
      </c>
      <c r="AS32" s="328">
        <v>2552209</v>
      </c>
      <c r="AT32" s="330">
        <v>2552209</v>
      </c>
      <c r="AU32" s="326">
        <v>544180</v>
      </c>
      <c r="AV32" s="327">
        <v>1703218</v>
      </c>
      <c r="AW32" s="328">
        <v>2247398</v>
      </c>
      <c r="AX32" s="326">
        <v>0</v>
      </c>
      <c r="AY32" s="327">
        <v>1274466</v>
      </c>
      <c r="AZ32" s="327">
        <v>2202292</v>
      </c>
      <c r="BA32" s="327">
        <v>1601939</v>
      </c>
      <c r="BB32" s="327">
        <v>1665240</v>
      </c>
      <c r="BC32" s="327">
        <v>1901995</v>
      </c>
      <c r="BD32" s="328">
        <v>8645932</v>
      </c>
      <c r="BE32" s="330">
        <v>10893330</v>
      </c>
      <c r="BF32" s="326">
        <v>59891</v>
      </c>
      <c r="BG32" s="327">
        <v>81845</v>
      </c>
      <c r="BH32" s="331">
        <v>141736</v>
      </c>
      <c r="BI32" s="332">
        <v>0</v>
      </c>
      <c r="BJ32" s="327">
        <v>44578</v>
      </c>
      <c r="BK32" s="327">
        <v>0</v>
      </c>
      <c r="BL32" s="327">
        <v>82482</v>
      </c>
      <c r="BM32" s="327">
        <v>22473</v>
      </c>
      <c r="BN32" s="327">
        <v>79577</v>
      </c>
      <c r="BO32" s="328">
        <v>229110</v>
      </c>
      <c r="BP32" s="330">
        <v>370846</v>
      </c>
      <c r="BQ32" s="326">
        <v>100316</v>
      </c>
      <c r="BR32" s="327">
        <v>153851</v>
      </c>
      <c r="BS32" s="328">
        <v>254167</v>
      </c>
      <c r="BT32" s="326">
        <v>0</v>
      </c>
      <c r="BU32" s="327">
        <v>1012926</v>
      </c>
      <c r="BV32" s="327">
        <v>881265</v>
      </c>
      <c r="BW32" s="327">
        <v>924861</v>
      </c>
      <c r="BX32" s="327">
        <v>1002545</v>
      </c>
      <c r="BY32" s="327">
        <v>710238</v>
      </c>
      <c r="BZ32" s="328">
        <v>4531835</v>
      </c>
      <c r="CA32" s="330">
        <v>4786002</v>
      </c>
      <c r="CB32" s="326">
        <v>446123</v>
      </c>
      <c r="CC32" s="327">
        <v>1438896</v>
      </c>
      <c r="CD32" s="328">
        <v>1885019</v>
      </c>
      <c r="CE32" s="326">
        <v>0</v>
      </c>
      <c r="CF32" s="327">
        <v>8647072</v>
      </c>
      <c r="CG32" s="327">
        <v>6391162</v>
      </c>
      <c r="CH32" s="327">
        <v>5358388</v>
      </c>
      <c r="CI32" s="327">
        <v>3816016</v>
      </c>
      <c r="CJ32" s="327">
        <v>1799904</v>
      </c>
      <c r="CK32" s="328">
        <v>26012542</v>
      </c>
      <c r="CL32" s="330">
        <v>27897561</v>
      </c>
      <c r="CM32" s="326">
        <v>0</v>
      </c>
      <c r="CN32" s="327">
        <v>0</v>
      </c>
      <c r="CO32" s="328">
        <v>0</v>
      </c>
      <c r="CP32" s="332">
        <v>0</v>
      </c>
      <c r="CQ32" s="327">
        <v>7297279</v>
      </c>
      <c r="CR32" s="327">
        <v>4336361</v>
      </c>
      <c r="CS32" s="327">
        <v>3692819</v>
      </c>
      <c r="CT32" s="327">
        <v>3491684</v>
      </c>
      <c r="CU32" s="327">
        <v>908073</v>
      </c>
      <c r="CV32" s="328">
        <v>19726216</v>
      </c>
      <c r="CW32" s="330">
        <v>19726216</v>
      </c>
      <c r="CX32" s="326">
        <v>446123</v>
      </c>
      <c r="CY32" s="327">
        <v>1438896</v>
      </c>
      <c r="CZ32" s="328">
        <v>1885019</v>
      </c>
      <c r="DA32" s="326">
        <v>0</v>
      </c>
      <c r="DB32" s="327">
        <v>1349793</v>
      </c>
      <c r="DC32" s="327">
        <v>2054801</v>
      </c>
      <c r="DD32" s="327">
        <v>1665569</v>
      </c>
      <c r="DE32" s="327">
        <v>324332</v>
      </c>
      <c r="DF32" s="327">
        <v>891831</v>
      </c>
      <c r="DG32" s="328">
        <v>6286326</v>
      </c>
      <c r="DH32" s="330">
        <v>8171345</v>
      </c>
      <c r="DI32" s="326">
        <v>16711</v>
      </c>
      <c r="DJ32" s="327">
        <v>27608</v>
      </c>
      <c r="DK32" s="331">
        <v>44319</v>
      </c>
      <c r="DL32" s="332">
        <v>0</v>
      </c>
      <c r="DM32" s="327">
        <v>1251175</v>
      </c>
      <c r="DN32" s="327">
        <v>733656</v>
      </c>
      <c r="DO32" s="327">
        <v>1098768</v>
      </c>
      <c r="DP32" s="327">
        <v>1161881</v>
      </c>
      <c r="DQ32" s="327">
        <v>494905</v>
      </c>
      <c r="DR32" s="328">
        <v>4740385</v>
      </c>
      <c r="DS32" s="330">
        <v>4784704</v>
      </c>
      <c r="DT32" s="326">
        <v>0</v>
      </c>
      <c r="DU32" s="327">
        <v>0</v>
      </c>
      <c r="DV32" s="328">
        <v>0</v>
      </c>
      <c r="DW32" s="326">
        <v>0</v>
      </c>
      <c r="DX32" s="327">
        <v>1070149</v>
      </c>
      <c r="DY32" s="327">
        <v>614819</v>
      </c>
      <c r="DZ32" s="327">
        <v>1041222</v>
      </c>
      <c r="EA32" s="327">
        <v>1109487</v>
      </c>
      <c r="EB32" s="327">
        <v>494905</v>
      </c>
      <c r="EC32" s="328">
        <v>4330582</v>
      </c>
      <c r="ED32" s="330">
        <v>4330582</v>
      </c>
      <c r="EE32" s="326">
        <v>16711</v>
      </c>
      <c r="EF32" s="331">
        <v>27608</v>
      </c>
      <c r="EG32" s="328">
        <v>44319</v>
      </c>
      <c r="EH32" s="326">
        <v>0</v>
      </c>
      <c r="EI32" s="327">
        <v>181026</v>
      </c>
      <c r="EJ32" s="327">
        <v>118837</v>
      </c>
      <c r="EK32" s="327">
        <v>57546</v>
      </c>
      <c r="EL32" s="327">
        <v>52394</v>
      </c>
      <c r="EM32" s="327">
        <v>0</v>
      </c>
      <c r="EN32" s="331">
        <v>409803</v>
      </c>
      <c r="EO32" s="330">
        <v>454122</v>
      </c>
      <c r="EP32" s="326">
        <v>0</v>
      </c>
      <c r="EQ32" s="327">
        <v>0</v>
      </c>
      <c r="ER32" s="331">
        <v>0</v>
      </c>
      <c r="ES32" s="332">
        <v>0</v>
      </c>
      <c r="ET32" s="327">
        <v>0</v>
      </c>
      <c r="EU32" s="327">
        <v>0</v>
      </c>
      <c r="EV32" s="327">
        <v>0</v>
      </c>
      <c r="EW32" s="327">
        <v>0</v>
      </c>
      <c r="EX32" s="327">
        <v>0</v>
      </c>
      <c r="EY32" s="328">
        <v>0</v>
      </c>
      <c r="EZ32" s="330">
        <v>0</v>
      </c>
      <c r="FA32" s="326">
        <v>0</v>
      </c>
      <c r="FB32" s="327">
        <v>0</v>
      </c>
      <c r="FC32" s="331">
        <v>0</v>
      </c>
      <c r="FD32" s="332">
        <v>0</v>
      </c>
      <c r="FE32" s="327">
        <v>0</v>
      </c>
      <c r="FF32" s="327">
        <v>0</v>
      </c>
      <c r="FG32" s="327">
        <v>0</v>
      </c>
      <c r="FH32" s="327">
        <v>0</v>
      </c>
      <c r="FI32" s="327">
        <v>0</v>
      </c>
      <c r="FJ32" s="328">
        <v>0</v>
      </c>
      <c r="FK32" s="330">
        <v>0</v>
      </c>
      <c r="FL32" s="326">
        <v>759811</v>
      </c>
      <c r="FM32" s="327">
        <v>1494635</v>
      </c>
      <c r="FN32" s="328">
        <v>2254446</v>
      </c>
      <c r="FO32" s="326">
        <v>0</v>
      </c>
      <c r="FP32" s="327">
        <v>809645</v>
      </c>
      <c r="FQ32" s="327">
        <v>1872132</v>
      </c>
      <c r="FR32" s="327">
        <v>1662793</v>
      </c>
      <c r="FS32" s="327">
        <v>1303029</v>
      </c>
      <c r="FT32" s="327">
        <v>1176970</v>
      </c>
      <c r="FU32" s="328">
        <v>6824569</v>
      </c>
      <c r="FV32" s="330">
        <v>9079015</v>
      </c>
      <c r="FW32" s="333">
        <v>499056</v>
      </c>
      <c r="FX32" s="327">
        <v>1277865</v>
      </c>
      <c r="FY32" s="331">
        <v>1776921</v>
      </c>
      <c r="FZ32" s="332">
        <v>0</v>
      </c>
      <c r="GA32" s="327">
        <v>604511</v>
      </c>
      <c r="GB32" s="327">
        <v>1631083</v>
      </c>
      <c r="GC32" s="327">
        <v>1572793</v>
      </c>
      <c r="GD32" s="327">
        <v>1122741</v>
      </c>
      <c r="GE32" s="327">
        <v>1058026</v>
      </c>
      <c r="GF32" s="328">
        <v>5989154</v>
      </c>
      <c r="GG32" s="334">
        <v>7766075</v>
      </c>
      <c r="GH32" s="333">
        <v>70605</v>
      </c>
      <c r="GI32" s="327">
        <v>15840</v>
      </c>
      <c r="GJ32" s="331">
        <v>86445</v>
      </c>
      <c r="GK32" s="332">
        <v>0</v>
      </c>
      <c r="GL32" s="327">
        <v>68784</v>
      </c>
      <c r="GM32" s="327">
        <v>98249</v>
      </c>
      <c r="GN32" s="327">
        <v>90000</v>
      </c>
      <c r="GO32" s="327">
        <v>136728</v>
      </c>
      <c r="GP32" s="327">
        <v>45144</v>
      </c>
      <c r="GQ32" s="328">
        <v>438905</v>
      </c>
      <c r="GR32" s="330">
        <v>525350</v>
      </c>
      <c r="GS32" s="326">
        <v>190150</v>
      </c>
      <c r="GT32" s="327">
        <v>200930</v>
      </c>
      <c r="GU32" s="328">
        <v>391080</v>
      </c>
      <c r="GV32" s="326">
        <v>0</v>
      </c>
      <c r="GW32" s="327">
        <v>136350</v>
      </c>
      <c r="GX32" s="327">
        <v>142800</v>
      </c>
      <c r="GY32" s="327">
        <v>0</v>
      </c>
      <c r="GZ32" s="327">
        <v>43560</v>
      </c>
      <c r="HA32" s="327">
        <v>73800</v>
      </c>
      <c r="HB32" s="331">
        <v>396510</v>
      </c>
      <c r="HC32" s="330">
        <v>787590</v>
      </c>
      <c r="HD32" s="326">
        <v>832547</v>
      </c>
      <c r="HE32" s="327">
        <v>1143771</v>
      </c>
      <c r="HF32" s="331">
        <v>1976318</v>
      </c>
      <c r="HG32" s="332">
        <v>0</v>
      </c>
      <c r="HH32" s="327">
        <v>8114550</v>
      </c>
      <c r="HI32" s="327">
        <v>5549362</v>
      </c>
      <c r="HJ32" s="327">
        <v>5968351</v>
      </c>
      <c r="HK32" s="327">
        <v>8091983</v>
      </c>
      <c r="HL32" s="327">
        <v>5162438</v>
      </c>
      <c r="HM32" s="328">
        <v>32886684</v>
      </c>
      <c r="HN32" s="329">
        <v>34863002</v>
      </c>
      <c r="HO32" s="333">
        <v>632532</v>
      </c>
      <c r="HP32" s="327">
        <v>941270</v>
      </c>
      <c r="HQ32" s="328">
        <v>1573802</v>
      </c>
      <c r="HR32" s="326">
        <v>0</v>
      </c>
      <c r="HS32" s="327">
        <v>3528028</v>
      </c>
      <c r="HT32" s="327">
        <v>2365878</v>
      </c>
      <c r="HU32" s="327">
        <v>1951826</v>
      </c>
      <c r="HV32" s="327">
        <v>1402340</v>
      </c>
      <c r="HW32" s="327">
        <v>866362</v>
      </c>
      <c r="HX32" s="331">
        <v>10114434</v>
      </c>
      <c r="HY32" s="330">
        <v>11688236</v>
      </c>
      <c r="HZ32" s="358">
        <v>0</v>
      </c>
      <c r="IA32" s="356">
        <v>0</v>
      </c>
      <c r="IB32" s="358">
        <v>0</v>
      </c>
      <c r="IC32" s="355">
        <v>0</v>
      </c>
      <c r="ID32" s="356">
        <v>6393424</v>
      </c>
      <c r="IE32" s="357">
        <v>4537335</v>
      </c>
      <c r="IF32" s="358">
        <v>7635617</v>
      </c>
      <c r="IG32" s="356">
        <v>4558252</v>
      </c>
      <c r="IH32" s="358">
        <v>3638993</v>
      </c>
      <c r="II32" s="359">
        <v>26763621</v>
      </c>
      <c r="IJ32" s="358">
        <v>26763621</v>
      </c>
      <c r="IK32" s="342">
        <v>0</v>
      </c>
      <c r="IL32" s="343">
        <v>0</v>
      </c>
      <c r="IM32" s="344">
        <v>0</v>
      </c>
      <c r="IN32" s="404">
        <v>0</v>
      </c>
      <c r="IO32" s="345">
        <v>0</v>
      </c>
      <c r="IP32" s="345">
        <v>0</v>
      </c>
      <c r="IQ32" s="345">
        <v>173104</v>
      </c>
      <c r="IR32" s="345">
        <v>0</v>
      </c>
      <c r="IS32" s="345">
        <v>0</v>
      </c>
      <c r="IT32" s="346">
        <v>173104</v>
      </c>
      <c r="IU32" s="347">
        <v>173104</v>
      </c>
      <c r="IV32" s="348">
        <v>0</v>
      </c>
      <c r="IW32" s="345">
        <v>0</v>
      </c>
      <c r="IX32" s="349">
        <v>0</v>
      </c>
      <c r="IY32" s="413">
        <v>0</v>
      </c>
      <c r="IZ32" s="345">
        <v>0</v>
      </c>
      <c r="JA32" s="345">
        <v>0</v>
      </c>
      <c r="JB32" s="345">
        <v>0</v>
      </c>
      <c r="JC32" s="345">
        <v>0</v>
      </c>
      <c r="JD32" s="345">
        <v>0</v>
      </c>
      <c r="JE32" s="349">
        <v>0</v>
      </c>
      <c r="JF32" s="350">
        <v>0</v>
      </c>
      <c r="JG32" s="348">
        <v>0</v>
      </c>
      <c r="JH32" s="345">
        <v>0</v>
      </c>
      <c r="JI32" s="346">
        <v>0</v>
      </c>
      <c r="JJ32" s="351">
        <v>0</v>
      </c>
      <c r="JK32" s="345">
        <v>1794216</v>
      </c>
      <c r="JL32" s="345">
        <v>1016285</v>
      </c>
      <c r="JM32" s="345">
        <v>802855</v>
      </c>
      <c r="JN32" s="345">
        <v>232552</v>
      </c>
      <c r="JO32" s="345">
        <v>437737</v>
      </c>
      <c r="JP32" s="349">
        <v>4283645</v>
      </c>
      <c r="JQ32" s="347">
        <v>4283645</v>
      </c>
      <c r="JR32" s="348">
        <v>0</v>
      </c>
      <c r="JS32" s="345">
        <v>0</v>
      </c>
      <c r="JT32" s="346">
        <v>0</v>
      </c>
      <c r="JU32" s="351">
        <v>0</v>
      </c>
      <c r="JV32" s="345">
        <v>369646</v>
      </c>
      <c r="JW32" s="345">
        <v>164719</v>
      </c>
      <c r="JX32" s="345">
        <v>519058</v>
      </c>
      <c r="JY32" s="345">
        <v>263200</v>
      </c>
      <c r="JZ32" s="345">
        <v>0</v>
      </c>
      <c r="KA32" s="349">
        <v>1316623</v>
      </c>
      <c r="KB32" s="347">
        <v>1316623</v>
      </c>
      <c r="KC32" s="352">
        <v>0</v>
      </c>
      <c r="KD32" s="353">
        <v>0</v>
      </c>
      <c r="KE32" s="349">
        <v>0</v>
      </c>
      <c r="KF32" s="351">
        <v>0</v>
      </c>
      <c r="KG32" s="345">
        <v>2250865</v>
      </c>
      <c r="KH32" s="345">
        <v>790280</v>
      </c>
      <c r="KI32" s="345">
        <v>940380</v>
      </c>
      <c r="KJ32" s="345">
        <v>494506</v>
      </c>
      <c r="KK32" s="345">
        <v>271183</v>
      </c>
      <c r="KL32" s="349">
        <v>4747214</v>
      </c>
      <c r="KM32" s="354">
        <v>4747214</v>
      </c>
      <c r="KN32" s="342">
        <v>0</v>
      </c>
      <c r="KO32" s="343">
        <v>0</v>
      </c>
      <c r="KP32" s="344">
        <v>0</v>
      </c>
      <c r="KQ32" s="413">
        <v>0</v>
      </c>
      <c r="KR32" s="345">
        <v>1404100</v>
      </c>
      <c r="KS32" s="345">
        <v>1818351</v>
      </c>
      <c r="KT32" s="345">
        <v>2888806</v>
      </c>
      <c r="KU32" s="345">
        <v>1175465</v>
      </c>
      <c r="KV32" s="345">
        <v>1178413</v>
      </c>
      <c r="KW32" s="349">
        <v>8465135</v>
      </c>
      <c r="KX32" s="347">
        <v>8465135</v>
      </c>
      <c r="KY32" s="348">
        <v>0</v>
      </c>
      <c r="KZ32" s="345">
        <v>0</v>
      </c>
      <c r="LA32" s="349">
        <v>0</v>
      </c>
      <c r="LB32" s="413">
        <v>0</v>
      </c>
      <c r="LC32" s="345">
        <v>0</v>
      </c>
      <c r="LD32" s="345">
        <v>0</v>
      </c>
      <c r="LE32" s="345">
        <v>0</v>
      </c>
      <c r="LF32" s="345">
        <v>0</v>
      </c>
      <c r="LG32" s="345">
        <v>0</v>
      </c>
      <c r="LH32" s="349">
        <v>0</v>
      </c>
      <c r="LI32" s="350">
        <v>0</v>
      </c>
      <c r="LJ32" s="348">
        <v>0</v>
      </c>
      <c r="LK32" s="345">
        <v>0</v>
      </c>
      <c r="LL32" s="349">
        <v>0</v>
      </c>
      <c r="LM32" s="413">
        <v>0</v>
      </c>
      <c r="LN32" s="345">
        <v>0</v>
      </c>
      <c r="LO32" s="345">
        <v>0</v>
      </c>
      <c r="LP32" s="345">
        <v>1645025</v>
      </c>
      <c r="LQ32" s="345">
        <v>2392529</v>
      </c>
      <c r="LR32" s="345">
        <v>1403665</v>
      </c>
      <c r="LS32" s="349">
        <v>5441219</v>
      </c>
      <c r="LT32" s="347">
        <v>5441219</v>
      </c>
      <c r="LU32" s="348">
        <v>0</v>
      </c>
      <c r="LV32" s="345">
        <v>0</v>
      </c>
      <c r="LW32" s="349">
        <v>0</v>
      </c>
      <c r="LX32" s="413">
        <v>0</v>
      </c>
      <c r="LY32" s="345">
        <v>574597</v>
      </c>
      <c r="LZ32" s="345">
        <v>747700</v>
      </c>
      <c r="MA32" s="345">
        <v>666389</v>
      </c>
      <c r="MB32" s="345">
        <v>0</v>
      </c>
      <c r="MC32" s="345">
        <v>347995</v>
      </c>
      <c r="MD32" s="349">
        <v>2336681</v>
      </c>
      <c r="ME32" s="350">
        <v>2336681</v>
      </c>
      <c r="MF32" s="348">
        <v>0</v>
      </c>
      <c r="MG32" s="345">
        <v>0</v>
      </c>
      <c r="MH32" s="349">
        <v>0</v>
      </c>
      <c r="MI32" s="413">
        <v>0</v>
      </c>
      <c r="MJ32" s="345">
        <v>2505407</v>
      </c>
      <c r="MK32" s="345">
        <v>4969200</v>
      </c>
      <c r="ML32" s="345">
        <v>13137337</v>
      </c>
      <c r="MM32" s="345">
        <v>25453156</v>
      </c>
      <c r="MN32" s="345">
        <v>16521587</v>
      </c>
      <c r="MO32" s="349">
        <v>62586687</v>
      </c>
      <c r="MP32" s="354">
        <v>62586687</v>
      </c>
      <c r="MQ32" s="348">
        <v>0</v>
      </c>
      <c r="MR32" s="345">
        <v>0</v>
      </c>
      <c r="MS32" s="349">
        <v>0</v>
      </c>
      <c r="MT32" s="413">
        <v>0</v>
      </c>
      <c r="MU32" s="345">
        <v>500274</v>
      </c>
      <c r="MV32" s="345">
        <v>243635</v>
      </c>
      <c r="MW32" s="345">
        <v>8322686</v>
      </c>
      <c r="MX32" s="345">
        <v>17807523</v>
      </c>
      <c r="MY32" s="345">
        <v>11682558</v>
      </c>
      <c r="MZ32" s="349">
        <v>38556676</v>
      </c>
      <c r="NA32" s="354">
        <v>38556676</v>
      </c>
      <c r="NB32" s="348">
        <v>0</v>
      </c>
      <c r="NC32" s="345">
        <v>0</v>
      </c>
      <c r="ND32" s="349">
        <v>0</v>
      </c>
      <c r="NE32" s="413">
        <v>0</v>
      </c>
      <c r="NF32" s="345">
        <v>2005133</v>
      </c>
      <c r="NG32" s="345">
        <v>4725565</v>
      </c>
      <c r="NH32" s="345">
        <v>4814651</v>
      </c>
      <c r="NI32" s="345">
        <v>7212812</v>
      </c>
      <c r="NJ32" s="345">
        <v>3574235</v>
      </c>
      <c r="NK32" s="349">
        <v>22332396</v>
      </c>
      <c r="NL32" s="347">
        <v>22332396</v>
      </c>
      <c r="NM32" s="348">
        <v>0</v>
      </c>
      <c r="NN32" s="345">
        <v>0</v>
      </c>
      <c r="NO32" s="349">
        <v>0</v>
      </c>
      <c r="NP32" s="413">
        <v>0</v>
      </c>
      <c r="NQ32" s="345">
        <v>0</v>
      </c>
      <c r="NR32" s="345">
        <v>0</v>
      </c>
      <c r="NS32" s="345">
        <v>0</v>
      </c>
      <c r="NT32" s="345">
        <v>0</v>
      </c>
      <c r="NU32" s="345">
        <v>0</v>
      </c>
      <c r="NV32" s="349">
        <v>0</v>
      </c>
      <c r="NW32" s="350">
        <v>0</v>
      </c>
      <c r="NX32" s="348">
        <v>0</v>
      </c>
      <c r="NY32" s="345">
        <v>0</v>
      </c>
      <c r="NZ32" s="349">
        <v>0</v>
      </c>
      <c r="OA32" s="413">
        <v>0</v>
      </c>
      <c r="OB32" s="345">
        <v>0</v>
      </c>
      <c r="OC32" s="345">
        <v>0</v>
      </c>
      <c r="OD32" s="345">
        <v>0</v>
      </c>
      <c r="OE32" s="345">
        <v>432821</v>
      </c>
      <c r="OF32" s="345">
        <v>1264794</v>
      </c>
      <c r="OG32" s="349">
        <v>1697615</v>
      </c>
      <c r="OH32" s="350">
        <v>1697615</v>
      </c>
      <c r="OI32" s="348">
        <v>3392111</v>
      </c>
      <c r="OJ32" s="345">
        <v>6985094</v>
      </c>
      <c r="OK32" s="346">
        <v>10377205</v>
      </c>
      <c r="OL32" s="351">
        <v>0</v>
      </c>
      <c r="OM32" s="345">
        <v>35940796</v>
      </c>
      <c r="ON32" s="345">
        <v>33224720</v>
      </c>
      <c r="OO32" s="345">
        <v>43057825</v>
      </c>
      <c r="OP32" s="345">
        <v>52736382</v>
      </c>
      <c r="OQ32" s="345">
        <v>37884213</v>
      </c>
      <c r="OR32" s="349">
        <v>202843936</v>
      </c>
      <c r="OS32" s="354">
        <v>213221141</v>
      </c>
    </row>
    <row r="33" spans="2:409" s="70" customFormat="1" ht="21" customHeight="1" x14ac:dyDescent="0.2">
      <c r="B33" s="410" t="s">
        <v>28</v>
      </c>
      <c r="C33" s="326">
        <v>137045</v>
      </c>
      <c r="D33" s="327">
        <v>779518</v>
      </c>
      <c r="E33" s="328">
        <v>916563</v>
      </c>
      <c r="F33" s="329">
        <v>0</v>
      </c>
      <c r="G33" s="327">
        <v>5689871</v>
      </c>
      <c r="H33" s="327">
        <v>9956868</v>
      </c>
      <c r="I33" s="327">
        <v>6152458</v>
      </c>
      <c r="J33" s="327">
        <v>6338557</v>
      </c>
      <c r="K33" s="327">
        <v>5888663</v>
      </c>
      <c r="L33" s="367">
        <v>34026417</v>
      </c>
      <c r="M33" s="330">
        <v>34942980</v>
      </c>
      <c r="N33" s="326">
        <v>27935</v>
      </c>
      <c r="O33" s="327">
        <v>115613</v>
      </c>
      <c r="P33" s="328">
        <v>143548</v>
      </c>
      <c r="Q33" s="326">
        <v>0</v>
      </c>
      <c r="R33" s="327">
        <v>859172</v>
      </c>
      <c r="S33" s="327">
        <v>1518668</v>
      </c>
      <c r="T33" s="327">
        <v>1275504</v>
      </c>
      <c r="U33" s="327">
        <v>1268782</v>
      </c>
      <c r="V33" s="327">
        <v>2501917</v>
      </c>
      <c r="W33" s="328">
        <v>7424043</v>
      </c>
      <c r="X33" s="330">
        <v>7567591</v>
      </c>
      <c r="Y33" s="326">
        <v>0</v>
      </c>
      <c r="Z33" s="327">
        <v>0</v>
      </c>
      <c r="AA33" s="328">
        <v>0</v>
      </c>
      <c r="AB33" s="326">
        <v>0</v>
      </c>
      <c r="AC33" s="327">
        <v>449508</v>
      </c>
      <c r="AD33" s="327">
        <v>690021</v>
      </c>
      <c r="AE33" s="327">
        <v>410720</v>
      </c>
      <c r="AF33" s="327">
        <v>295660</v>
      </c>
      <c r="AG33" s="327">
        <v>1236898</v>
      </c>
      <c r="AH33" s="328">
        <v>3082807</v>
      </c>
      <c r="AI33" s="330">
        <v>3082807</v>
      </c>
      <c r="AJ33" s="326">
        <v>0</v>
      </c>
      <c r="AK33" s="327">
        <v>0</v>
      </c>
      <c r="AL33" s="328">
        <v>0</v>
      </c>
      <c r="AM33" s="326">
        <v>0</v>
      </c>
      <c r="AN33" s="327">
        <v>0</v>
      </c>
      <c r="AO33" s="327">
        <v>0</v>
      </c>
      <c r="AP33" s="327">
        <v>190843</v>
      </c>
      <c r="AQ33" s="327">
        <v>116895</v>
      </c>
      <c r="AR33" s="327">
        <v>326027</v>
      </c>
      <c r="AS33" s="328">
        <v>633765</v>
      </c>
      <c r="AT33" s="330">
        <v>633765</v>
      </c>
      <c r="AU33" s="326">
        <v>22769</v>
      </c>
      <c r="AV33" s="327">
        <v>110231</v>
      </c>
      <c r="AW33" s="328">
        <v>133000</v>
      </c>
      <c r="AX33" s="326">
        <v>0</v>
      </c>
      <c r="AY33" s="327">
        <v>250067</v>
      </c>
      <c r="AZ33" s="327">
        <v>585553</v>
      </c>
      <c r="BA33" s="327">
        <v>457937</v>
      </c>
      <c r="BB33" s="327">
        <v>688266</v>
      </c>
      <c r="BC33" s="327">
        <v>651417</v>
      </c>
      <c r="BD33" s="328">
        <v>2633240</v>
      </c>
      <c r="BE33" s="330">
        <v>2766240</v>
      </c>
      <c r="BF33" s="326">
        <v>0</v>
      </c>
      <c r="BG33" s="327">
        <v>0</v>
      </c>
      <c r="BH33" s="331">
        <v>0</v>
      </c>
      <c r="BI33" s="332">
        <v>0</v>
      </c>
      <c r="BJ33" s="327">
        <v>29192</v>
      </c>
      <c r="BK33" s="327">
        <v>0</v>
      </c>
      <c r="BL33" s="327">
        <v>53494</v>
      </c>
      <c r="BM33" s="327">
        <v>0</v>
      </c>
      <c r="BN33" s="327">
        <v>47022</v>
      </c>
      <c r="BO33" s="328">
        <v>129708</v>
      </c>
      <c r="BP33" s="330">
        <v>129708</v>
      </c>
      <c r="BQ33" s="326">
        <v>5166</v>
      </c>
      <c r="BR33" s="327">
        <v>5382</v>
      </c>
      <c r="BS33" s="328">
        <v>10548</v>
      </c>
      <c r="BT33" s="326">
        <v>0</v>
      </c>
      <c r="BU33" s="327">
        <v>130405</v>
      </c>
      <c r="BV33" s="327">
        <v>243094</v>
      </c>
      <c r="BW33" s="327">
        <v>162510</v>
      </c>
      <c r="BX33" s="327">
        <v>167961</v>
      </c>
      <c r="BY33" s="327">
        <v>240553</v>
      </c>
      <c r="BZ33" s="328">
        <v>944523</v>
      </c>
      <c r="CA33" s="330">
        <v>955071</v>
      </c>
      <c r="CB33" s="326">
        <v>44028</v>
      </c>
      <c r="CC33" s="327">
        <v>173014</v>
      </c>
      <c r="CD33" s="328">
        <v>217042</v>
      </c>
      <c r="CE33" s="326">
        <v>0</v>
      </c>
      <c r="CF33" s="327">
        <v>2266410</v>
      </c>
      <c r="CG33" s="327">
        <v>4286113</v>
      </c>
      <c r="CH33" s="327">
        <v>2528247</v>
      </c>
      <c r="CI33" s="327">
        <v>2464851</v>
      </c>
      <c r="CJ33" s="327">
        <v>1243337</v>
      </c>
      <c r="CK33" s="328">
        <v>12788958</v>
      </c>
      <c r="CL33" s="330">
        <v>13006000</v>
      </c>
      <c r="CM33" s="326">
        <v>0</v>
      </c>
      <c r="CN33" s="327">
        <v>0</v>
      </c>
      <c r="CO33" s="328">
        <v>0</v>
      </c>
      <c r="CP33" s="332">
        <v>0</v>
      </c>
      <c r="CQ33" s="327">
        <v>1699877</v>
      </c>
      <c r="CR33" s="327">
        <v>3165586</v>
      </c>
      <c r="CS33" s="327">
        <v>2120040</v>
      </c>
      <c r="CT33" s="327">
        <v>1525592</v>
      </c>
      <c r="CU33" s="327">
        <v>784348</v>
      </c>
      <c r="CV33" s="328">
        <v>9295443</v>
      </c>
      <c r="CW33" s="330">
        <v>9295443</v>
      </c>
      <c r="CX33" s="326">
        <v>44028</v>
      </c>
      <c r="CY33" s="327">
        <v>173014</v>
      </c>
      <c r="CZ33" s="328">
        <v>217042</v>
      </c>
      <c r="DA33" s="326">
        <v>0</v>
      </c>
      <c r="DB33" s="327">
        <v>566533</v>
      </c>
      <c r="DC33" s="327">
        <v>1120527</v>
      </c>
      <c r="DD33" s="327">
        <v>408207</v>
      </c>
      <c r="DE33" s="327">
        <v>939259</v>
      </c>
      <c r="DF33" s="327">
        <v>458989</v>
      </c>
      <c r="DG33" s="328">
        <v>3493515</v>
      </c>
      <c r="DH33" s="330">
        <v>3710557</v>
      </c>
      <c r="DI33" s="326">
        <v>0</v>
      </c>
      <c r="DJ33" s="327">
        <v>0</v>
      </c>
      <c r="DK33" s="331">
        <v>0</v>
      </c>
      <c r="DL33" s="332">
        <v>0</v>
      </c>
      <c r="DM33" s="327">
        <v>66911</v>
      </c>
      <c r="DN33" s="327">
        <v>641462</v>
      </c>
      <c r="DO33" s="327">
        <v>226015</v>
      </c>
      <c r="DP33" s="327">
        <v>586164</v>
      </c>
      <c r="DQ33" s="327">
        <v>300697</v>
      </c>
      <c r="DR33" s="328">
        <v>1821249</v>
      </c>
      <c r="DS33" s="330">
        <v>1821249</v>
      </c>
      <c r="DT33" s="326">
        <v>0</v>
      </c>
      <c r="DU33" s="327">
        <v>0</v>
      </c>
      <c r="DV33" s="328">
        <v>0</v>
      </c>
      <c r="DW33" s="326">
        <v>0</v>
      </c>
      <c r="DX33" s="327">
        <v>30670</v>
      </c>
      <c r="DY33" s="327">
        <v>472086</v>
      </c>
      <c r="DZ33" s="327">
        <v>71297</v>
      </c>
      <c r="EA33" s="327">
        <v>533073</v>
      </c>
      <c r="EB33" s="327">
        <v>235896</v>
      </c>
      <c r="EC33" s="328">
        <v>1343022</v>
      </c>
      <c r="ED33" s="330">
        <v>1343022</v>
      </c>
      <c r="EE33" s="326">
        <v>0</v>
      </c>
      <c r="EF33" s="331">
        <v>0</v>
      </c>
      <c r="EG33" s="328">
        <v>0</v>
      </c>
      <c r="EH33" s="326">
        <v>0</v>
      </c>
      <c r="EI33" s="327">
        <v>36241</v>
      </c>
      <c r="EJ33" s="327">
        <v>169376</v>
      </c>
      <c r="EK33" s="327">
        <v>154718</v>
      </c>
      <c r="EL33" s="327">
        <v>53091</v>
      </c>
      <c r="EM33" s="327">
        <v>64801</v>
      </c>
      <c r="EN33" s="331">
        <v>478227</v>
      </c>
      <c r="EO33" s="330">
        <v>478227</v>
      </c>
      <c r="EP33" s="326">
        <v>0</v>
      </c>
      <c r="EQ33" s="327">
        <v>0</v>
      </c>
      <c r="ER33" s="331">
        <v>0</v>
      </c>
      <c r="ES33" s="332">
        <v>0</v>
      </c>
      <c r="ET33" s="327">
        <v>0</v>
      </c>
      <c r="EU33" s="327">
        <v>0</v>
      </c>
      <c r="EV33" s="327">
        <v>0</v>
      </c>
      <c r="EW33" s="327">
        <v>0</v>
      </c>
      <c r="EX33" s="327">
        <v>0</v>
      </c>
      <c r="EY33" s="328">
        <v>0</v>
      </c>
      <c r="EZ33" s="330">
        <v>0</v>
      </c>
      <c r="FA33" s="326">
        <v>0</v>
      </c>
      <c r="FB33" s="327">
        <v>0</v>
      </c>
      <c r="FC33" s="331">
        <v>0</v>
      </c>
      <c r="FD33" s="332">
        <v>0</v>
      </c>
      <c r="FE33" s="327">
        <v>0</v>
      </c>
      <c r="FF33" s="327">
        <v>0</v>
      </c>
      <c r="FG33" s="327">
        <v>0</v>
      </c>
      <c r="FH33" s="327">
        <v>0</v>
      </c>
      <c r="FI33" s="327">
        <v>0</v>
      </c>
      <c r="FJ33" s="328">
        <v>0</v>
      </c>
      <c r="FK33" s="330">
        <v>0</v>
      </c>
      <c r="FL33" s="326">
        <v>28242</v>
      </c>
      <c r="FM33" s="327">
        <v>372640</v>
      </c>
      <c r="FN33" s="328">
        <v>400882</v>
      </c>
      <c r="FO33" s="326">
        <v>0</v>
      </c>
      <c r="FP33" s="327">
        <v>309436</v>
      </c>
      <c r="FQ33" s="327">
        <v>974492</v>
      </c>
      <c r="FR33" s="327">
        <v>544770</v>
      </c>
      <c r="FS33" s="327">
        <v>498498</v>
      </c>
      <c r="FT33" s="327">
        <v>428756</v>
      </c>
      <c r="FU33" s="328">
        <v>2755952</v>
      </c>
      <c r="FV33" s="330">
        <v>3156834</v>
      </c>
      <c r="FW33" s="333">
        <v>28242</v>
      </c>
      <c r="FX33" s="327">
        <v>138730</v>
      </c>
      <c r="FY33" s="331">
        <v>166972</v>
      </c>
      <c r="FZ33" s="332">
        <v>0</v>
      </c>
      <c r="GA33" s="327">
        <v>294136</v>
      </c>
      <c r="GB33" s="327">
        <v>914696</v>
      </c>
      <c r="GC33" s="327">
        <v>544770</v>
      </c>
      <c r="GD33" s="327">
        <v>477906</v>
      </c>
      <c r="GE33" s="327">
        <v>428756</v>
      </c>
      <c r="GF33" s="328">
        <v>2660264</v>
      </c>
      <c r="GG33" s="334">
        <v>2827236</v>
      </c>
      <c r="GH33" s="333">
        <v>0</v>
      </c>
      <c r="GI33" s="327">
        <v>24255</v>
      </c>
      <c r="GJ33" s="331">
        <v>24255</v>
      </c>
      <c r="GK33" s="332">
        <v>0</v>
      </c>
      <c r="GL33" s="327">
        <v>0</v>
      </c>
      <c r="GM33" s="327">
        <v>0</v>
      </c>
      <c r="GN33" s="327">
        <v>0</v>
      </c>
      <c r="GO33" s="327">
        <v>20592</v>
      </c>
      <c r="GP33" s="327">
        <v>0</v>
      </c>
      <c r="GQ33" s="328">
        <v>20592</v>
      </c>
      <c r="GR33" s="330">
        <v>44847</v>
      </c>
      <c r="GS33" s="326">
        <v>0</v>
      </c>
      <c r="GT33" s="327">
        <v>209655</v>
      </c>
      <c r="GU33" s="328">
        <v>209655</v>
      </c>
      <c r="GV33" s="326">
        <v>0</v>
      </c>
      <c r="GW33" s="327">
        <v>15300</v>
      </c>
      <c r="GX33" s="327">
        <v>59796</v>
      </c>
      <c r="GY33" s="327">
        <v>0</v>
      </c>
      <c r="GZ33" s="327">
        <v>0</v>
      </c>
      <c r="HA33" s="327">
        <v>0</v>
      </c>
      <c r="HB33" s="331">
        <v>75096</v>
      </c>
      <c r="HC33" s="330">
        <v>284751</v>
      </c>
      <c r="HD33" s="326">
        <v>0</v>
      </c>
      <c r="HE33" s="327">
        <v>0</v>
      </c>
      <c r="HF33" s="331">
        <v>0</v>
      </c>
      <c r="HG33" s="332">
        <v>0</v>
      </c>
      <c r="HH33" s="327">
        <v>1055339</v>
      </c>
      <c r="HI33" s="327">
        <v>1271882</v>
      </c>
      <c r="HJ33" s="327">
        <v>821524</v>
      </c>
      <c r="HK33" s="327">
        <v>1025845</v>
      </c>
      <c r="HL33" s="327">
        <v>1000693</v>
      </c>
      <c r="HM33" s="328">
        <v>5175283</v>
      </c>
      <c r="HN33" s="329">
        <v>5175283</v>
      </c>
      <c r="HO33" s="333">
        <v>36840</v>
      </c>
      <c r="HP33" s="327">
        <v>118251</v>
      </c>
      <c r="HQ33" s="328">
        <v>155091</v>
      </c>
      <c r="HR33" s="326">
        <v>0</v>
      </c>
      <c r="HS33" s="327">
        <v>1132603</v>
      </c>
      <c r="HT33" s="327">
        <v>1264251</v>
      </c>
      <c r="HU33" s="327">
        <v>756398</v>
      </c>
      <c r="HV33" s="327">
        <v>494417</v>
      </c>
      <c r="HW33" s="327">
        <v>413263</v>
      </c>
      <c r="HX33" s="331">
        <v>4060932</v>
      </c>
      <c r="HY33" s="330">
        <v>4216023</v>
      </c>
      <c r="HZ33" s="335">
        <v>0</v>
      </c>
      <c r="IA33" s="336">
        <v>0</v>
      </c>
      <c r="IB33" s="337">
        <v>0</v>
      </c>
      <c r="IC33" s="338">
        <v>0</v>
      </c>
      <c r="ID33" s="336">
        <v>1572093</v>
      </c>
      <c r="IE33" s="339">
        <v>1714196</v>
      </c>
      <c r="IF33" s="337">
        <v>1308746</v>
      </c>
      <c r="IG33" s="336">
        <v>1762346</v>
      </c>
      <c r="IH33" s="337">
        <v>1535728</v>
      </c>
      <c r="II33" s="340">
        <v>7893109</v>
      </c>
      <c r="IJ33" s="341">
        <v>7893109</v>
      </c>
      <c r="IK33" s="342">
        <v>0</v>
      </c>
      <c r="IL33" s="343">
        <v>0</v>
      </c>
      <c r="IM33" s="344">
        <v>0</v>
      </c>
      <c r="IN33" s="404">
        <v>0</v>
      </c>
      <c r="IO33" s="345">
        <v>0</v>
      </c>
      <c r="IP33" s="345">
        <v>0</v>
      </c>
      <c r="IQ33" s="345">
        <v>0</v>
      </c>
      <c r="IR33" s="345">
        <v>0</v>
      </c>
      <c r="IS33" s="345">
        <v>278397</v>
      </c>
      <c r="IT33" s="346">
        <v>278397</v>
      </c>
      <c r="IU33" s="347">
        <v>278397</v>
      </c>
      <c r="IV33" s="348">
        <v>0</v>
      </c>
      <c r="IW33" s="345">
        <v>0</v>
      </c>
      <c r="IX33" s="349">
        <v>0</v>
      </c>
      <c r="IY33" s="413">
        <v>0</v>
      </c>
      <c r="IZ33" s="345">
        <v>0</v>
      </c>
      <c r="JA33" s="345">
        <v>0</v>
      </c>
      <c r="JB33" s="345">
        <v>0</v>
      </c>
      <c r="JC33" s="345">
        <v>0</v>
      </c>
      <c r="JD33" s="345">
        <v>0</v>
      </c>
      <c r="JE33" s="349">
        <v>0</v>
      </c>
      <c r="JF33" s="350">
        <v>0</v>
      </c>
      <c r="JG33" s="348">
        <v>0</v>
      </c>
      <c r="JH33" s="345">
        <v>0</v>
      </c>
      <c r="JI33" s="346">
        <v>0</v>
      </c>
      <c r="JJ33" s="351">
        <v>0</v>
      </c>
      <c r="JK33" s="345">
        <v>888855</v>
      </c>
      <c r="JL33" s="345">
        <v>434605</v>
      </c>
      <c r="JM33" s="345">
        <v>361072</v>
      </c>
      <c r="JN33" s="345">
        <v>174498</v>
      </c>
      <c r="JO33" s="345">
        <v>47157</v>
      </c>
      <c r="JP33" s="349">
        <v>1906187</v>
      </c>
      <c r="JQ33" s="347">
        <v>1906187</v>
      </c>
      <c r="JR33" s="348">
        <v>0</v>
      </c>
      <c r="JS33" s="345">
        <v>0</v>
      </c>
      <c r="JT33" s="346">
        <v>0</v>
      </c>
      <c r="JU33" s="351">
        <v>0</v>
      </c>
      <c r="JV33" s="345">
        <v>407298</v>
      </c>
      <c r="JW33" s="345">
        <v>281165</v>
      </c>
      <c r="JX33" s="345">
        <v>167595</v>
      </c>
      <c r="JY33" s="345">
        <v>342603</v>
      </c>
      <c r="JZ33" s="345">
        <v>0</v>
      </c>
      <c r="KA33" s="349">
        <v>1198661</v>
      </c>
      <c r="KB33" s="347">
        <v>1198661</v>
      </c>
      <c r="KC33" s="352">
        <v>0</v>
      </c>
      <c r="KD33" s="353">
        <v>0</v>
      </c>
      <c r="KE33" s="349">
        <v>0</v>
      </c>
      <c r="KF33" s="351">
        <v>0</v>
      </c>
      <c r="KG33" s="345">
        <v>0</v>
      </c>
      <c r="KH33" s="345">
        <v>0</v>
      </c>
      <c r="KI33" s="345">
        <v>0</v>
      </c>
      <c r="KJ33" s="345">
        <v>0</v>
      </c>
      <c r="KK33" s="345">
        <v>0</v>
      </c>
      <c r="KL33" s="349">
        <v>0</v>
      </c>
      <c r="KM33" s="354">
        <v>0</v>
      </c>
      <c r="KN33" s="342">
        <v>0</v>
      </c>
      <c r="KO33" s="343">
        <v>0</v>
      </c>
      <c r="KP33" s="344">
        <v>0</v>
      </c>
      <c r="KQ33" s="413">
        <v>0</v>
      </c>
      <c r="KR33" s="345">
        <v>275940</v>
      </c>
      <c r="KS33" s="345">
        <v>998426</v>
      </c>
      <c r="KT33" s="345">
        <v>780079</v>
      </c>
      <c r="KU33" s="345">
        <v>895541</v>
      </c>
      <c r="KV33" s="345">
        <v>1210174</v>
      </c>
      <c r="KW33" s="349">
        <v>4160160</v>
      </c>
      <c r="KX33" s="347">
        <v>4160160</v>
      </c>
      <c r="KY33" s="348">
        <v>0</v>
      </c>
      <c r="KZ33" s="345">
        <v>0</v>
      </c>
      <c r="LA33" s="349">
        <v>0</v>
      </c>
      <c r="LB33" s="413">
        <v>0</v>
      </c>
      <c r="LC33" s="345">
        <v>0</v>
      </c>
      <c r="LD33" s="345">
        <v>0</v>
      </c>
      <c r="LE33" s="345">
        <v>0</v>
      </c>
      <c r="LF33" s="345">
        <v>0</v>
      </c>
      <c r="LG33" s="345">
        <v>0</v>
      </c>
      <c r="LH33" s="349">
        <v>0</v>
      </c>
      <c r="LI33" s="350">
        <v>0</v>
      </c>
      <c r="LJ33" s="348">
        <v>0</v>
      </c>
      <c r="LK33" s="345">
        <v>0</v>
      </c>
      <c r="LL33" s="349">
        <v>0</v>
      </c>
      <c r="LM33" s="413">
        <v>0</v>
      </c>
      <c r="LN33" s="345">
        <v>0</v>
      </c>
      <c r="LO33" s="345">
        <v>0</v>
      </c>
      <c r="LP33" s="345">
        <v>0</v>
      </c>
      <c r="LQ33" s="345">
        <v>349704</v>
      </c>
      <c r="LR33" s="345">
        <v>0</v>
      </c>
      <c r="LS33" s="349">
        <v>349704</v>
      </c>
      <c r="LT33" s="347">
        <v>349704</v>
      </c>
      <c r="LU33" s="348">
        <v>0</v>
      </c>
      <c r="LV33" s="345">
        <v>0</v>
      </c>
      <c r="LW33" s="349">
        <v>0</v>
      </c>
      <c r="LX33" s="413">
        <v>0</v>
      </c>
      <c r="LY33" s="345">
        <v>0</v>
      </c>
      <c r="LZ33" s="345">
        <v>0</v>
      </c>
      <c r="MA33" s="345">
        <v>0</v>
      </c>
      <c r="MB33" s="345">
        <v>0</v>
      </c>
      <c r="MC33" s="345">
        <v>0</v>
      </c>
      <c r="MD33" s="349">
        <v>0</v>
      </c>
      <c r="ME33" s="350">
        <v>0</v>
      </c>
      <c r="MF33" s="348">
        <v>0</v>
      </c>
      <c r="MG33" s="345">
        <v>0</v>
      </c>
      <c r="MH33" s="349">
        <v>0</v>
      </c>
      <c r="MI33" s="413">
        <v>0</v>
      </c>
      <c r="MJ33" s="345">
        <v>1053752</v>
      </c>
      <c r="MK33" s="345">
        <v>2386233</v>
      </c>
      <c r="ML33" s="345">
        <v>5968781</v>
      </c>
      <c r="MM33" s="345">
        <v>7359577</v>
      </c>
      <c r="MN33" s="345">
        <v>6462207</v>
      </c>
      <c r="MO33" s="349">
        <v>23230550</v>
      </c>
      <c r="MP33" s="354">
        <v>23230550</v>
      </c>
      <c r="MQ33" s="348">
        <v>0</v>
      </c>
      <c r="MR33" s="345">
        <v>0</v>
      </c>
      <c r="MS33" s="349">
        <v>0</v>
      </c>
      <c r="MT33" s="413">
        <v>0</v>
      </c>
      <c r="MU33" s="345">
        <v>0</v>
      </c>
      <c r="MV33" s="345">
        <v>290895</v>
      </c>
      <c r="MW33" s="345">
        <v>3448127</v>
      </c>
      <c r="MX33" s="345">
        <v>5472959</v>
      </c>
      <c r="MY33" s="345">
        <v>5042940</v>
      </c>
      <c r="MZ33" s="349">
        <v>14254921</v>
      </c>
      <c r="NA33" s="354">
        <v>14254921</v>
      </c>
      <c r="NB33" s="348">
        <v>0</v>
      </c>
      <c r="NC33" s="345">
        <v>0</v>
      </c>
      <c r="ND33" s="349">
        <v>0</v>
      </c>
      <c r="NE33" s="413">
        <v>0</v>
      </c>
      <c r="NF33" s="345">
        <v>1053752</v>
      </c>
      <c r="NG33" s="345">
        <v>2095338</v>
      </c>
      <c r="NH33" s="345">
        <v>2520654</v>
      </c>
      <c r="NI33" s="345">
        <v>1440092</v>
      </c>
      <c r="NJ33" s="345">
        <v>1419267</v>
      </c>
      <c r="NK33" s="349">
        <v>8529103</v>
      </c>
      <c r="NL33" s="347">
        <v>8529103</v>
      </c>
      <c r="NM33" s="348">
        <v>0</v>
      </c>
      <c r="NN33" s="345">
        <v>0</v>
      </c>
      <c r="NO33" s="349">
        <v>0</v>
      </c>
      <c r="NP33" s="413">
        <v>0</v>
      </c>
      <c r="NQ33" s="345">
        <v>0</v>
      </c>
      <c r="NR33" s="345">
        <v>0</v>
      </c>
      <c r="NS33" s="345">
        <v>0</v>
      </c>
      <c r="NT33" s="345">
        <v>0</v>
      </c>
      <c r="NU33" s="345">
        <v>0</v>
      </c>
      <c r="NV33" s="349">
        <v>0</v>
      </c>
      <c r="NW33" s="350">
        <v>0</v>
      </c>
      <c r="NX33" s="348">
        <v>0</v>
      </c>
      <c r="NY33" s="345">
        <v>0</v>
      </c>
      <c r="NZ33" s="349">
        <v>0</v>
      </c>
      <c r="OA33" s="413">
        <v>0</v>
      </c>
      <c r="OB33" s="345">
        <v>0</v>
      </c>
      <c r="OC33" s="345">
        <v>0</v>
      </c>
      <c r="OD33" s="345">
        <v>0</v>
      </c>
      <c r="OE33" s="345">
        <v>446526</v>
      </c>
      <c r="OF33" s="345">
        <v>0</v>
      </c>
      <c r="OG33" s="349">
        <v>446526</v>
      </c>
      <c r="OH33" s="350">
        <v>446526</v>
      </c>
      <c r="OI33" s="348">
        <v>137045</v>
      </c>
      <c r="OJ33" s="345">
        <v>779518</v>
      </c>
      <c r="OK33" s="346">
        <v>916563</v>
      </c>
      <c r="OL33" s="351">
        <v>0</v>
      </c>
      <c r="OM33" s="345">
        <v>8315716</v>
      </c>
      <c r="ON33" s="345">
        <v>14057297</v>
      </c>
      <c r="OO33" s="345">
        <v>13429985</v>
      </c>
      <c r="OP33" s="345">
        <v>15460480</v>
      </c>
      <c r="OQ33" s="345">
        <v>13886598</v>
      </c>
      <c r="OR33" s="349">
        <v>65150076</v>
      </c>
      <c r="OS33" s="354">
        <v>66066639</v>
      </c>
    </row>
    <row r="34" spans="2:409" s="70" customFormat="1" ht="21" customHeight="1" x14ac:dyDescent="0.2">
      <c r="B34" s="410" t="s">
        <v>29</v>
      </c>
      <c r="C34" s="326">
        <v>675816</v>
      </c>
      <c r="D34" s="327">
        <v>1068869</v>
      </c>
      <c r="E34" s="328">
        <v>1744685</v>
      </c>
      <c r="F34" s="329">
        <v>0</v>
      </c>
      <c r="G34" s="327">
        <v>8309754</v>
      </c>
      <c r="H34" s="327">
        <v>11319991</v>
      </c>
      <c r="I34" s="327">
        <v>11169463</v>
      </c>
      <c r="J34" s="327">
        <v>8358129</v>
      </c>
      <c r="K34" s="327">
        <v>7245771</v>
      </c>
      <c r="L34" s="367">
        <v>46403108</v>
      </c>
      <c r="M34" s="330">
        <v>48147793</v>
      </c>
      <c r="N34" s="326">
        <v>96652</v>
      </c>
      <c r="O34" s="327">
        <v>289428</v>
      </c>
      <c r="P34" s="328">
        <v>386080</v>
      </c>
      <c r="Q34" s="326">
        <v>0</v>
      </c>
      <c r="R34" s="327">
        <v>2307721</v>
      </c>
      <c r="S34" s="327">
        <v>3077978</v>
      </c>
      <c r="T34" s="327">
        <v>2096637</v>
      </c>
      <c r="U34" s="327">
        <v>1327739</v>
      </c>
      <c r="V34" s="327">
        <v>3383451</v>
      </c>
      <c r="W34" s="328">
        <v>12193526</v>
      </c>
      <c r="X34" s="330">
        <v>12579606</v>
      </c>
      <c r="Y34" s="326">
        <v>0</v>
      </c>
      <c r="Z34" s="327">
        <v>0</v>
      </c>
      <c r="AA34" s="328">
        <v>0</v>
      </c>
      <c r="AB34" s="326">
        <v>0</v>
      </c>
      <c r="AC34" s="327">
        <v>950224</v>
      </c>
      <c r="AD34" s="327">
        <v>1299783</v>
      </c>
      <c r="AE34" s="327">
        <v>828843</v>
      </c>
      <c r="AF34" s="327">
        <v>166181</v>
      </c>
      <c r="AG34" s="327">
        <v>1933296</v>
      </c>
      <c r="AH34" s="328">
        <v>5178327</v>
      </c>
      <c r="AI34" s="330">
        <v>5178327</v>
      </c>
      <c r="AJ34" s="326">
        <v>0</v>
      </c>
      <c r="AK34" s="327">
        <v>0</v>
      </c>
      <c r="AL34" s="328">
        <v>0</v>
      </c>
      <c r="AM34" s="326">
        <v>0</v>
      </c>
      <c r="AN34" s="327">
        <v>0</v>
      </c>
      <c r="AO34" s="327">
        <v>0</v>
      </c>
      <c r="AP34" s="327">
        <v>0</v>
      </c>
      <c r="AQ34" s="327">
        <v>145904</v>
      </c>
      <c r="AR34" s="327">
        <v>543659</v>
      </c>
      <c r="AS34" s="328">
        <v>689563</v>
      </c>
      <c r="AT34" s="330">
        <v>689563</v>
      </c>
      <c r="AU34" s="326">
        <v>56249</v>
      </c>
      <c r="AV34" s="327">
        <v>149245</v>
      </c>
      <c r="AW34" s="328">
        <v>205494</v>
      </c>
      <c r="AX34" s="326">
        <v>0</v>
      </c>
      <c r="AY34" s="327">
        <v>771959</v>
      </c>
      <c r="AZ34" s="327">
        <v>1191334</v>
      </c>
      <c r="BA34" s="327">
        <v>826177</v>
      </c>
      <c r="BB34" s="327">
        <v>603417</v>
      </c>
      <c r="BC34" s="327">
        <v>614441</v>
      </c>
      <c r="BD34" s="328">
        <v>4007328</v>
      </c>
      <c r="BE34" s="330">
        <v>4212822</v>
      </c>
      <c r="BF34" s="326">
        <v>0</v>
      </c>
      <c r="BG34" s="327">
        <v>99485</v>
      </c>
      <c r="BH34" s="331">
        <v>99485</v>
      </c>
      <c r="BI34" s="332">
        <v>0</v>
      </c>
      <c r="BJ34" s="327">
        <v>209536</v>
      </c>
      <c r="BK34" s="327">
        <v>163256</v>
      </c>
      <c r="BL34" s="327">
        <v>108890</v>
      </c>
      <c r="BM34" s="327">
        <v>105826</v>
      </c>
      <c r="BN34" s="327">
        <v>0</v>
      </c>
      <c r="BO34" s="328">
        <v>587508</v>
      </c>
      <c r="BP34" s="330">
        <v>686993</v>
      </c>
      <c r="BQ34" s="326">
        <v>40403</v>
      </c>
      <c r="BR34" s="327">
        <v>40698</v>
      </c>
      <c r="BS34" s="328">
        <v>81101</v>
      </c>
      <c r="BT34" s="326">
        <v>0</v>
      </c>
      <c r="BU34" s="327">
        <v>376002</v>
      </c>
      <c r="BV34" s="327">
        <v>423605</v>
      </c>
      <c r="BW34" s="327">
        <v>332727</v>
      </c>
      <c r="BX34" s="327">
        <v>306411</v>
      </c>
      <c r="BY34" s="327">
        <v>292055</v>
      </c>
      <c r="BZ34" s="328">
        <v>1730800</v>
      </c>
      <c r="CA34" s="330">
        <v>1811901</v>
      </c>
      <c r="CB34" s="326">
        <v>42849</v>
      </c>
      <c r="CC34" s="327">
        <v>257828</v>
      </c>
      <c r="CD34" s="328">
        <v>300677</v>
      </c>
      <c r="CE34" s="326">
        <v>0</v>
      </c>
      <c r="CF34" s="327">
        <v>2386735</v>
      </c>
      <c r="CG34" s="327">
        <v>3602233</v>
      </c>
      <c r="CH34" s="327">
        <v>4443303</v>
      </c>
      <c r="CI34" s="327">
        <v>2037505</v>
      </c>
      <c r="CJ34" s="327">
        <v>821709</v>
      </c>
      <c r="CK34" s="328">
        <v>13291485</v>
      </c>
      <c r="CL34" s="330">
        <v>13592162</v>
      </c>
      <c r="CM34" s="326">
        <v>0</v>
      </c>
      <c r="CN34" s="327">
        <v>0</v>
      </c>
      <c r="CO34" s="328">
        <v>0</v>
      </c>
      <c r="CP34" s="332">
        <v>0</v>
      </c>
      <c r="CQ34" s="327">
        <v>1963056</v>
      </c>
      <c r="CR34" s="327">
        <v>2674470</v>
      </c>
      <c r="CS34" s="327">
        <v>2974257</v>
      </c>
      <c r="CT34" s="327">
        <v>1815168</v>
      </c>
      <c r="CU34" s="327">
        <v>657711</v>
      </c>
      <c r="CV34" s="328">
        <v>10084662</v>
      </c>
      <c r="CW34" s="330">
        <v>10084662</v>
      </c>
      <c r="CX34" s="326">
        <v>42849</v>
      </c>
      <c r="CY34" s="327">
        <v>257828</v>
      </c>
      <c r="CZ34" s="328">
        <v>300677</v>
      </c>
      <c r="DA34" s="326">
        <v>0</v>
      </c>
      <c r="DB34" s="327">
        <v>423679</v>
      </c>
      <c r="DC34" s="327">
        <v>927763</v>
      </c>
      <c r="DD34" s="327">
        <v>1469046</v>
      </c>
      <c r="DE34" s="327">
        <v>222337</v>
      </c>
      <c r="DF34" s="327">
        <v>163998</v>
      </c>
      <c r="DG34" s="328">
        <v>3206823</v>
      </c>
      <c r="DH34" s="330">
        <v>3507500</v>
      </c>
      <c r="DI34" s="326">
        <v>0</v>
      </c>
      <c r="DJ34" s="327">
        <v>14536</v>
      </c>
      <c r="DK34" s="331">
        <v>14536</v>
      </c>
      <c r="DL34" s="332">
        <v>0</v>
      </c>
      <c r="DM34" s="327">
        <v>151874</v>
      </c>
      <c r="DN34" s="327">
        <v>627686</v>
      </c>
      <c r="DO34" s="327">
        <v>1326309</v>
      </c>
      <c r="DP34" s="327">
        <v>1302702</v>
      </c>
      <c r="DQ34" s="327">
        <v>724630</v>
      </c>
      <c r="DR34" s="328">
        <v>4133201</v>
      </c>
      <c r="DS34" s="330">
        <v>4147737</v>
      </c>
      <c r="DT34" s="326">
        <v>0</v>
      </c>
      <c r="DU34" s="327">
        <v>14536</v>
      </c>
      <c r="DV34" s="328">
        <v>14536</v>
      </c>
      <c r="DW34" s="326">
        <v>0</v>
      </c>
      <c r="DX34" s="327">
        <v>151874</v>
      </c>
      <c r="DY34" s="327">
        <v>601033</v>
      </c>
      <c r="DZ34" s="327">
        <v>1060292</v>
      </c>
      <c r="EA34" s="327">
        <v>1201684</v>
      </c>
      <c r="EB34" s="327">
        <v>724630</v>
      </c>
      <c r="EC34" s="328">
        <v>3739513</v>
      </c>
      <c r="ED34" s="330">
        <v>3754049</v>
      </c>
      <c r="EE34" s="326">
        <v>0</v>
      </c>
      <c r="EF34" s="331">
        <v>0</v>
      </c>
      <c r="EG34" s="328">
        <v>0</v>
      </c>
      <c r="EH34" s="326">
        <v>0</v>
      </c>
      <c r="EI34" s="327">
        <v>0</v>
      </c>
      <c r="EJ34" s="327">
        <v>26653</v>
      </c>
      <c r="EK34" s="327">
        <v>266017</v>
      </c>
      <c r="EL34" s="327">
        <v>101018</v>
      </c>
      <c r="EM34" s="327">
        <v>0</v>
      </c>
      <c r="EN34" s="331">
        <v>393688</v>
      </c>
      <c r="EO34" s="330">
        <v>393688</v>
      </c>
      <c r="EP34" s="326">
        <v>0</v>
      </c>
      <c r="EQ34" s="327">
        <v>0</v>
      </c>
      <c r="ER34" s="331">
        <v>0</v>
      </c>
      <c r="ES34" s="332">
        <v>0</v>
      </c>
      <c r="ET34" s="327">
        <v>0</v>
      </c>
      <c r="EU34" s="327">
        <v>0</v>
      </c>
      <c r="EV34" s="327">
        <v>0</v>
      </c>
      <c r="EW34" s="327">
        <v>0</v>
      </c>
      <c r="EX34" s="327">
        <v>0</v>
      </c>
      <c r="EY34" s="328">
        <v>0</v>
      </c>
      <c r="EZ34" s="330">
        <v>0</v>
      </c>
      <c r="FA34" s="326">
        <v>0</v>
      </c>
      <c r="FB34" s="327">
        <v>0</v>
      </c>
      <c r="FC34" s="331">
        <v>0</v>
      </c>
      <c r="FD34" s="332">
        <v>0</v>
      </c>
      <c r="FE34" s="327">
        <v>0</v>
      </c>
      <c r="FF34" s="327">
        <v>0</v>
      </c>
      <c r="FG34" s="327">
        <v>0</v>
      </c>
      <c r="FH34" s="327">
        <v>0</v>
      </c>
      <c r="FI34" s="327">
        <v>0</v>
      </c>
      <c r="FJ34" s="328">
        <v>0</v>
      </c>
      <c r="FK34" s="330">
        <v>0</v>
      </c>
      <c r="FL34" s="326">
        <v>190722</v>
      </c>
      <c r="FM34" s="327">
        <v>313486</v>
      </c>
      <c r="FN34" s="328">
        <v>504208</v>
      </c>
      <c r="FO34" s="326">
        <v>0</v>
      </c>
      <c r="FP34" s="327">
        <v>598126</v>
      </c>
      <c r="FQ34" s="327">
        <v>1356338</v>
      </c>
      <c r="FR34" s="327">
        <v>903598</v>
      </c>
      <c r="FS34" s="327">
        <v>793326</v>
      </c>
      <c r="FT34" s="327">
        <v>583277</v>
      </c>
      <c r="FU34" s="328">
        <v>4234665</v>
      </c>
      <c r="FV34" s="330">
        <v>4738873</v>
      </c>
      <c r="FW34" s="333">
        <v>190722</v>
      </c>
      <c r="FX34" s="327">
        <v>239013</v>
      </c>
      <c r="FY34" s="331">
        <v>429735</v>
      </c>
      <c r="FZ34" s="332">
        <v>0</v>
      </c>
      <c r="GA34" s="327">
        <v>421288</v>
      </c>
      <c r="GB34" s="327">
        <v>1196338</v>
      </c>
      <c r="GC34" s="327">
        <v>843708</v>
      </c>
      <c r="GD34" s="327">
        <v>793326</v>
      </c>
      <c r="GE34" s="327">
        <v>583277</v>
      </c>
      <c r="GF34" s="328">
        <v>3837937</v>
      </c>
      <c r="GG34" s="334">
        <v>4267672</v>
      </c>
      <c r="GH34" s="333">
        <v>0</v>
      </c>
      <c r="GI34" s="327">
        <v>74473</v>
      </c>
      <c r="GJ34" s="331">
        <v>74473</v>
      </c>
      <c r="GK34" s="332">
        <v>0</v>
      </c>
      <c r="GL34" s="327">
        <v>26507</v>
      </c>
      <c r="GM34" s="327">
        <v>0</v>
      </c>
      <c r="GN34" s="327">
        <v>59890</v>
      </c>
      <c r="GO34" s="327">
        <v>0</v>
      </c>
      <c r="GP34" s="327">
        <v>0</v>
      </c>
      <c r="GQ34" s="328">
        <v>86397</v>
      </c>
      <c r="GR34" s="330">
        <v>160870</v>
      </c>
      <c r="GS34" s="326">
        <v>0</v>
      </c>
      <c r="GT34" s="327">
        <v>0</v>
      </c>
      <c r="GU34" s="328">
        <v>0</v>
      </c>
      <c r="GV34" s="326">
        <v>0</v>
      </c>
      <c r="GW34" s="327">
        <v>150331</v>
      </c>
      <c r="GX34" s="327">
        <v>160000</v>
      </c>
      <c r="GY34" s="327">
        <v>0</v>
      </c>
      <c r="GZ34" s="327">
        <v>0</v>
      </c>
      <c r="HA34" s="327">
        <v>0</v>
      </c>
      <c r="HB34" s="331">
        <v>310331</v>
      </c>
      <c r="HC34" s="330">
        <v>310331</v>
      </c>
      <c r="HD34" s="326">
        <v>152213</v>
      </c>
      <c r="HE34" s="327">
        <v>0</v>
      </c>
      <c r="HF34" s="331">
        <v>152213</v>
      </c>
      <c r="HG34" s="332">
        <v>0</v>
      </c>
      <c r="HH34" s="327">
        <v>1502694</v>
      </c>
      <c r="HI34" s="327">
        <v>934612</v>
      </c>
      <c r="HJ34" s="327">
        <v>1116521</v>
      </c>
      <c r="HK34" s="327">
        <v>2029127</v>
      </c>
      <c r="HL34" s="327">
        <v>1188145</v>
      </c>
      <c r="HM34" s="328">
        <v>6771099</v>
      </c>
      <c r="HN34" s="329">
        <v>6923312</v>
      </c>
      <c r="HO34" s="333">
        <v>193380</v>
      </c>
      <c r="HP34" s="327">
        <v>193591</v>
      </c>
      <c r="HQ34" s="328">
        <v>386971</v>
      </c>
      <c r="HR34" s="326">
        <v>0</v>
      </c>
      <c r="HS34" s="327">
        <v>1362604</v>
      </c>
      <c r="HT34" s="327">
        <v>1721144</v>
      </c>
      <c r="HU34" s="327">
        <v>1283095</v>
      </c>
      <c r="HV34" s="327">
        <v>867730</v>
      </c>
      <c r="HW34" s="327">
        <v>544559</v>
      </c>
      <c r="HX34" s="331">
        <v>5779132</v>
      </c>
      <c r="HY34" s="330">
        <v>6166103</v>
      </c>
      <c r="HZ34" s="358">
        <v>0</v>
      </c>
      <c r="IA34" s="356">
        <v>43542</v>
      </c>
      <c r="IB34" s="358">
        <v>43542</v>
      </c>
      <c r="IC34" s="355">
        <v>0</v>
      </c>
      <c r="ID34" s="356">
        <v>3890901</v>
      </c>
      <c r="IE34" s="357">
        <v>5121941</v>
      </c>
      <c r="IF34" s="358">
        <v>9314539</v>
      </c>
      <c r="IG34" s="356">
        <v>5075163</v>
      </c>
      <c r="IH34" s="358">
        <v>2585016</v>
      </c>
      <c r="II34" s="359">
        <v>25987560</v>
      </c>
      <c r="IJ34" s="358">
        <v>26031102</v>
      </c>
      <c r="IK34" s="342">
        <v>0</v>
      </c>
      <c r="IL34" s="343">
        <v>0</v>
      </c>
      <c r="IM34" s="344">
        <v>0</v>
      </c>
      <c r="IN34" s="404">
        <v>0</v>
      </c>
      <c r="IO34" s="345">
        <v>110949</v>
      </c>
      <c r="IP34" s="345">
        <v>0</v>
      </c>
      <c r="IQ34" s="345">
        <v>140120</v>
      </c>
      <c r="IR34" s="345">
        <v>0</v>
      </c>
      <c r="IS34" s="345">
        <v>0</v>
      </c>
      <c r="IT34" s="346">
        <v>251069</v>
      </c>
      <c r="IU34" s="347">
        <v>251069</v>
      </c>
      <c r="IV34" s="348">
        <v>0</v>
      </c>
      <c r="IW34" s="345">
        <v>0</v>
      </c>
      <c r="IX34" s="349">
        <v>0</v>
      </c>
      <c r="IY34" s="413">
        <v>0</v>
      </c>
      <c r="IZ34" s="345">
        <v>0</v>
      </c>
      <c r="JA34" s="345">
        <v>0</v>
      </c>
      <c r="JB34" s="345">
        <v>0</v>
      </c>
      <c r="JC34" s="345">
        <v>0</v>
      </c>
      <c r="JD34" s="345">
        <v>0</v>
      </c>
      <c r="JE34" s="349">
        <v>0</v>
      </c>
      <c r="JF34" s="350">
        <v>0</v>
      </c>
      <c r="JG34" s="348">
        <v>0</v>
      </c>
      <c r="JH34" s="345">
        <v>0</v>
      </c>
      <c r="JI34" s="346">
        <v>0</v>
      </c>
      <c r="JJ34" s="351">
        <v>0</v>
      </c>
      <c r="JK34" s="345">
        <v>563991</v>
      </c>
      <c r="JL34" s="345">
        <v>1432291</v>
      </c>
      <c r="JM34" s="345">
        <v>888619</v>
      </c>
      <c r="JN34" s="345">
        <v>602667</v>
      </c>
      <c r="JO34" s="345">
        <v>0</v>
      </c>
      <c r="JP34" s="349">
        <v>3487568</v>
      </c>
      <c r="JQ34" s="347">
        <v>3487568</v>
      </c>
      <c r="JR34" s="348">
        <v>0</v>
      </c>
      <c r="JS34" s="345">
        <v>0</v>
      </c>
      <c r="JT34" s="346">
        <v>0</v>
      </c>
      <c r="JU34" s="351">
        <v>0</v>
      </c>
      <c r="JV34" s="345">
        <v>225260</v>
      </c>
      <c r="JW34" s="345">
        <v>107910</v>
      </c>
      <c r="JX34" s="345">
        <v>0</v>
      </c>
      <c r="JY34" s="345">
        <v>0</v>
      </c>
      <c r="JZ34" s="345">
        <v>0</v>
      </c>
      <c r="KA34" s="349">
        <v>333170</v>
      </c>
      <c r="KB34" s="347">
        <v>333170</v>
      </c>
      <c r="KC34" s="352">
        <v>0</v>
      </c>
      <c r="KD34" s="353">
        <v>43542</v>
      </c>
      <c r="KE34" s="349">
        <v>43542</v>
      </c>
      <c r="KF34" s="351">
        <v>0</v>
      </c>
      <c r="KG34" s="345">
        <v>920539</v>
      </c>
      <c r="KH34" s="345">
        <v>900082</v>
      </c>
      <c r="KI34" s="345">
        <v>1369561</v>
      </c>
      <c r="KJ34" s="345">
        <v>1797066</v>
      </c>
      <c r="KK34" s="345">
        <v>328320</v>
      </c>
      <c r="KL34" s="349">
        <v>5315568</v>
      </c>
      <c r="KM34" s="354">
        <v>5359110</v>
      </c>
      <c r="KN34" s="342">
        <v>0</v>
      </c>
      <c r="KO34" s="343">
        <v>0</v>
      </c>
      <c r="KP34" s="344">
        <v>0</v>
      </c>
      <c r="KQ34" s="413">
        <v>0</v>
      </c>
      <c r="KR34" s="345">
        <v>2070162</v>
      </c>
      <c r="KS34" s="345">
        <v>2681658</v>
      </c>
      <c r="KT34" s="345">
        <v>3203775</v>
      </c>
      <c r="KU34" s="345">
        <v>296631</v>
      </c>
      <c r="KV34" s="345">
        <v>302256</v>
      </c>
      <c r="KW34" s="349">
        <v>8554482</v>
      </c>
      <c r="KX34" s="347">
        <v>8554482</v>
      </c>
      <c r="KY34" s="348">
        <v>0</v>
      </c>
      <c r="KZ34" s="345">
        <v>0</v>
      </c>
      <c r="LA34" s="349">
        <v>0</v>
      </c>
      <c r="LB34" s="413">
        <v>0</v>
      </c>
      <c r="LC34" s="345">
        <v>0</v>
      </c>
      <c r="LD34" s="345">
        <v>0</v>
      </c>
      <c r="LE34" s="345">
        <v>0</v>
      </c>
      <c r="LF34" s="345">
        <v>0</v>
      </c>
      <c r="LG34" s="345">
        <v>0</v>
      </c>
      <c r="LH34" s="349">
        <v>0</v>
      </c>
      <c r="LI34" s="350">
        <v>0</v>
      </c>
      <c r="LJ34" s="348">
        <v>0</v>
      </c>
      <c r="LK34" s="345">
        <v>0</v>
      </c>
      <c r="LL34" s="349">
        <v>0</v>
      </c>
      <c r="LM34" s="413">
        <v>0</v>
      </c>
      <c r="LN34" s="345">
        <v>0</v>
      </c>
      <c r="LO34" s="345">
        <v>0</v>
      </c>
      <c r="LP34" s="345">
        <v>3712464</v>
      </c>
      <c r="LQ34" s="345">
        <v>2378799</v>
      </c>
      <c r="LR34" s="345">
        <v>1954440</v>
      </c>
      <c r="LS34" s="349">
        <v>8045703</v>
      </c>
      <c r="LT34" s="347">
        <v>8045703</v>
      </c>
      <c r="LU34" s="348">
        <v>0</v>
      </c>
      <c r="LV34" s="345">
        <v>0</v>
      </c>
      <c r="LW34" s="349">
        <v>0</v>
      </c>
      <c r="LX34" s="413">
        <v>0</v>
      </c>
      <c r="LY34" s="345">
        <v>0</v>
      </c>
      <c r="LZ34" s="345">
        <v>0</v>
      </c>
      <c r="MA34" s="345">
        <v>0</v>
      </c>
      <c r="MB34" s="345">
        <v>0</v>
      </c>
      <c r="MC34" s="345">
        <v>0</v>
      </c>
      <c r="MD34" s="349">
        <v>0</v>
      </c>
      <c r="ME34" s="350">
        <v>0</v>
      </c>
      <c r="MF34" s="348">
        <v>0</v>
      </c>
      <c r="MG34" s="345">
        <v>0</v>
      </c>
      <c r="MH34" s="349">
        <v>0</v>
      </c>
      <c r="MI34" s="413">
        <v>0</v>
      </c>
      <c r="MJ34" s="345">
        <v>1510026</v>
      </c>
      <c r="MK34" s="345">
        <v>1844694</v>
      </c>
      <c r="ML34" s="345">
        <v>5923436</v>
      </c>
      <c r="MM34" s="345">
        <v>9891387</v>
      </c>
      <c r="MN34" s="345">
        <v>8256564</v>
      </c>
      <c r="MO34" s="349">
        <v>27426107</v>
      </c>
      <c r="MP34" s="354">
        <v>27426107</v>
      </c>
      <c r="MQ34" s="348">
        <v>0</v>
      </c>
      <c r="MR34" s="345">
        <v>0</v>
      </c>
      <c r="MS34" s="349">
        <v>0</v>
      </c>
      <c r="MT34" s="413">
        <v>0</v>
      </c>
      <c r="MU34" s="345">
        <v>0</v>
      </c>
      <c r="MV34" s="345">
        <v>452640</v>
      </c>
      <c r="MW34" s="345">
        <v>2512321</v>
      </c>
      <c r="MX34" s="345">
        <v>6745578</v>
      </c>
      <c r="MY34" s="345">
        <v>5235213</v>
      </c>
      <c r="MZ34" s="349">
        <v>14945752</v>
      </c>
      <c r="NA34" s="354">
        <v>14945752</v>
      </c>
      <c r="NB34" s="348">
        <v>0</v>
      </c>
      <c r="NC34" s="345">
        <v>0</v>
      </c>
      <c r="ND34" s="349">
        <v>0</v>
      </c>
      <c r="NE34" s="413">
        <v>0</v>
      </c>
      <c r="NF34" s="345">
        <v>1510026</v>
      </c>
      <c r="NG34" s="345">
        <v>1392054</v>
      </c>
      <c r="NH34" s="345">
        <v>3411115</v>
      </c>
      <c r="NI34" s="345">
        <v>3145809</v>
      </c>
      <c r="NJ34" s="345">
        <v>3021351</v>
      </c>
      <c r="NK34" s="349">
        <v>12480355</v>
      </c>
      <c r="NL34" s="347">
        <v>12480355</v>
      </c>
      <c r="NM34" s="348">
        <v>0</v>
      </c>
      <c r="NN34" s="345">
        <v>0</v>
      </c>
      <c r="NO34" s="349">
        <v>0</v>
      </c>
      <c r="NP34" s="413">
        <v>0</v>
      </c>
      <c r="NQ34" s="345">
        <v>0</v>
      </c>
      <c r="NR34" s="345">
        <v>0</v>
      </c>
      <c r="NS34" s="345">
        <v>0</v>
      </c>
      <c r="NT34" s="345">
        <v>0</v>
      </c>
      <c r="NU34" s="345">
        <v>0</v>
      </c>
      <c r="NV34" s="349">
        <v>0</v>
      </c>
      <c r="NW34" s="350">
        <v>0</v>
      </c>
      <c r="NX34" s="348">
        <v>0</v>
      </c>
      <c r="NY34" s="345">
        <v>0</v>
      </c>
      <c r="NZ34" s="349">
        <v>0</v>
      </c>
      <c r="OA34" s="413">
        <v>0</v>
      </c>
      <c r="OB34" s="345">
        <v>0</v>
      </c>
      <c r="OC34" s="345">
        <v>0</v>
      </c>
      <c r="OD34" s="345">
        <v>0</v>
      </c>
      <c r="OE34" s="345">
        <v>0</v>
      </c>
      <c r="OF34" s="345">
        <v>0</v>
      </c>
      <c r="OG34" s="349">
        <v>0</v>
      </c>
      <c r="OH34" s="350">
        <v>0</v>
      </c>
      <c r="OI34" s="348">
        <v>675816</v>
      </c>
      <c r="OJ34" s="345">
        <v>1112411</v>
      </c>
      <c r="OK34" s="346">
        <v>1788227</v>
      </c>
      <c r="OL34" s="351">
        <v>0</v>
      </c>
      <c r="OM34" s="345">
        <v>13710681</v>
      </c>
      <c r="ON34" s="345">
        <v>18286626</v>
      </c>
      <c r="OO34" s="345">
        <v>26407438</v>
      </c>
      <c r="OP34" s="345">
        <v>23324679</v>
      </c>
      <c r="OQ34" s="345">
        <v>18087351</v>
      </c>
      <c r="OR34" s="349">
        <v>99816775</v>
      </c>
      <c r="OS34" s="354">
        <v>101605002</v>
      </c>
    </row>
    <row r="35" spans="2:409" s="70" customFormat="1" ht="21" customHeight="1" x14ac:dyDescent="0.2">
      <c r="B35" s="410" t="s">
        <v>30</v>
      </c>
      <c r="C35" s="326">
        <v>872346</v>
      </c>
      <c r="D35" s="327">
        <v>1115862</v>
      </c>
      <c r="E35" s="368">
        <v>1988208</v>
      </c>
      <c r="F35" s="370">
        <v>0</v>
      </c>
      <c r="G35" s="369">
        <v>9850442</v>
      </c>
      <c r="H35" s="369">
        <v>8516779</v>
      </c>
      <c r="I35" s="369">
        <v>9019699</v>
      </c>
      <c r="J35" s="369">
        <v>6810127</v>
      </c>
      <c r="K35" s="369">
        <v>3730120</v>
      </c>
      <c r="L35" s="370">
        <v>37927167</v>
      </c>
      <c r="M35" s="330">
        <v>39915375</v>
      </c>
      <c r="N35" s="326">
        <v>182182</v>
      </c>
      <c r="O35" s="327">
        <v>356437</v>
      </c>
      <c r="P35" s="328">
        <v>538619</v>
      </c>
      <c r="Q35" s="326">
        <v>0</v>
      </c>
      <c r="R35" s="327">
        <v>3046552</v>
      </c>
      <c r="S35" s="327">
        <v>2096199</v>
      </c>
      <c r="T35" s="327">
        <v>2857200</v>
      </c>
      <c r="U35" s="327">
        <v>2812332</v>
      </c>
      <c r="V35" s="327">
        <v>2217651</v>
      </c>
      <c r="W35" s="328">
        <v>13029934</v>
      </c>
      <c r="X35" s="330">
        <v>13568553</v>
      </c>
      <c r="Y35" s="326">
        <v>0</v>
      </c>
      <c r="Z35" s="327">
        <v>0</v>
      </c>
      <c r="AA35" s="328">
        <v>0</v>
      </c>
      <c r="AB35" s="326">
        <v>0</v>
      </c>
      <c r="AC35" s="327">
        <v>1157026</v>
      </c>
      <c r="AD35" s="327">
        <v>865651</v>
      </c>
      <c r="AE35" s="327">
        <v>1481509</v>
      </c>
      <c r="AF35" s="327">
        <v>1392345</v>
      </c>
      <c r="AG35" s="327">
        <v>1663690</v>
      </c>
      <c r="AH35" s="328">
        <v>6560221</v>
      </c>
      <c r="AI35" s="330">
        <v>6560221</v>
      </c>
      <c r="AJ35" s="326">
        <v>0</v>
      </c>
      <c r="AK35" s="327">
        <v>0</v>
      </c>
      <c r="AL35" s="328">
        <v>0</v>
      </c>
      <c r="AM35" s="326">
        <v>0</v>
      </c>
      <c r="AN35" s="327">
        <v>66206</v>
      </c>
      <c r="AO35" s="327">
        <v>28503</v>
      </c>
      <c r="AP35" s="327">
        <v>182434</v>
      </c>
      <c r="AQ35" s="327">
        <v>389518</v>
      </c>
      <c r="AR35" s="327">
        <v>156835</v>
      </c>
      <c r="AS35" s="328">
        <v>823496</v>
      </c>
      <c r="AT35" s="330">
        <v>823496</v>
      </c>
      <c r="AU35" s="326">
        <v>143361</v>
      </c>
      <c r="AV35" s="327">
        <v>334315</v>
      </c>
      <c r="AW35" s="328">
        <v>477676</v>
      </c>
      <c r="AX35" s="326">
        <v>0</v>
      </c>
      <c r="AY35" s="327">
        <v>1220555</v>
      </c>
      <c r="AZ35" s="327">
        <v>832143</v>
      </c>
      <c r="BA35" s="327">
        <v>680167</v>
      </c>
      <c r="BB35" s="327">
        <v>638398</v>
      </c>
      <c r="BC35" s="327">
        <v>315424</v>
      </c>
      <c r="BD35" s="328">
        <v>3686687</v>
      </c>
      <c r="BE35" s="330">
        <v>4164363</v>
      </c>
      <c r="BF35" s="326">
        <v>24115</v>
      </c>
      <c r="BG35" s="327">
        <v>0</v>
      </c>
      <c r="BH35" s="331">
        <v>24115</v>
      </c>
      <c r="BI35" s="332">
        <v>0</v>
      </c>
      <c r="BJ35" s="327">
        <v>114108</v>
      </c>
      <c r="BK35" s="327">
        <v>116357</v>
      </c>
      <c r="BL35" s="327">
        <v>190197</v>
      </c>
      <c r="BM35" s="327">
        <v>0</v>
      </c>
      <c r="BN35" s="327">
        <v>0</v>
      </c>
      <c r="BO35" s="328">
        <v>420662</v>
      </c>
      <c r="BP35" s="330">
        <v>444777</v>
      </c>
      <c r="BQ35" s="326">
        <v>14706</v>
      </c>
      <c r="BR35" s="327">
        <v>22122</v>
      </c>
      <c r="BS35" s="328">
        <v>36828</v>
      </c>
      <c r="BT35" s="326">
        <v>0</v>
      </c>
      <c r="BU35" s="327">
        <v>488657</v>
      </c>
      <c r="BV35" s="327">
        <v>253545</v>
      </c>
      <c r="BW35" s="327">
        <v>322893</v>
      </c>
      <c r="BX35" s="327">
        <v>392071</v>
      </c>
      <c r="BY35" s="327">
        <v>81702</v>
      </c>
      <c r="BZ35" s="328">
        <v>1538868</v>
      </c>
      <c r="CA35" s="330">
        <v>1575696</v>
      </c>
      <c r="CB35" s="326">
        <v>141051</v>
      </c>
      <c r="CC35" s="327">
        <v>255974</v>
      </c>
      <c r="CD35" s="328">
        <v>397025</v>
      </c>
      <c r="CE35" s="326">
        <v>0</v>
      </c>
      <c r="CF35" s="327">
        <v>2528816</v>
      </c>
      <c r="CG35" s="327">
        <v>2539215</v>
      </c>
      <c r="CH35" s="327">
        <v>1966417</v>
      </c>
      <c r="CI35" s="327">
        <v>1481463</v>
      </c>
      <c r="CJ35" s="327">
        <v>297604</v>
      </c>
      <c r="CK35" s="328">
        <v>8813515</v>
      </c>
      <c r="CL35" s="330">
        <v>9210540</v>
      </c>
      <c r="CM35" s="326">
        <v>0</v>
      </c>
      <c r="CN35" s="327">
        <v>0</v>
      </c>
      <c r="CO35" s="328">
        <v>0</v>
      </c>
      <c r="CP35" s="332">
        <v>0</v>
      </c>
      <c r="CQ35" s="327">
        <v>2135290</v>
      </c>
      <c r="CR35" s="327">
        <v>1830899</v>
      </c>
      <c r="CS35" s="327">
        <v>1685429</v>
      </c>
      <c r="CT35" s="327">
        <v>1152648</v>
      </c>
      <c r="CU35" s="327">
        <v>174549</v>
      </c>
      <c r="CV35" s="328">
        <v>6978815</v>
      </c>
      <c r="CW35" s="330">
        <v>6978815</v>
      </c>
      <c r="CX35" s="326">
        <v>141051</v>
      </c>
      <c r="CY35" s="327">
        <v>255974</v>
      </c>
      <c r="CZ35" s="328">
        <v>397025</v>
      </c>
      <c r="DA35" s="326">
        <v>0</v>
      </c>
      <c r="DB35" s="327">
        <v>393526</v>
      </c>
      <c r="DC35" s="327">
        <v>708316</v>
      </c>
      <c r="DD35" s="327">
        <v>280988</v>
      </c>
      <c r="DE35" s="327">
        <v>328815</v>
      </c>
      <c r="DF35" s="327">
        <v>123055</v>
      </c>
      <c r="DG35" s="328">
        <v>1834700</v>
      </c>
      <c r="DH35" s="330">
        <v>2231725</v>
      </c>
      <c r="DI35" s="326">
        <v>0</v>
      </c>
      <c r="DJ35" s="327">
        <v>150993</v>
      </c>
      <c r="DK35" s="331">
        <v>150993</v>
      </c>
      <c r="DL35" s="332">
        <v>0</v>
      </c>
      <c r="DM35" s="327">
        <v>299680</v>
      </c>
      <c r="DN35" s="327">
        <v>723490</v>
      </c>
      <c r="DO35" s="327">
        <v>1031823</v>
      </c>
      <c r="DP35" s="327">
        <v>115090</v>
      </c>
      <c r="DQ35" s="327">
        <v>107046</v>
      </c>
      <c r="DR35" s="328">
        <v>2277129</v>
      </c>
      <c r="DS35" s="330">
        <v>2428122</v>
      </c>
      <c r="DT35" s="326">
        <v>0</v>
      </c>
      <c r="DU35" s="327">
        <v>150993</v>
      </c>
      <c r="DV35" s="328">
        <v>150993</v>
      </c>
      <c r="DW35" s="326">
        <v>0</v>
      </c>
      <c r="DX35" s="327">
        <v>257180</v>
      </c>
      <c r="DY35" s="327">
        <v>687881</v>
      </c>
      <c r="DZ35" s="327">
        <v>1031823</v>
      </c>
      <c r="EA35" s="327">
        <v>115090</v>
      </c>
      <c r="EB35" s="327">
        <v>107046</v>
      </c>
      <c r="EC35" s="328">
        <v>2199020</v>
      </c>
      <c r="ED35" s="330">
        <v>2350013</v>
      </c>
      <c r="EE35" s="326">
        <v>0</v>
      </c>
      <c r="EF35" s="331">
        <v>0</v>
      </c>
      <c r="EG35" s="328">
        <v>0</v>
      </c>
      <c r="EH35" s="326">
        <v>0</v>
      </c>
      <c r="EI35" s="327">
        <v>42500</v>
      </c>
      <c r="EJ35" s="327">
        <v>35609</v>
      </c>
      <c r="EK35" s="327">
        <v>0</v>
      </c>
      <c r="EL35" s="327">
        <v>0</v>
      </c>
      <c r="EM35" s="327">
        <v>0</v>
      </c>
      <c r="EN35" s="331">
        <v>78109</v>
      </c>
      <c r="EO35" s="330">
        <v>78109</v>
      </c>
      <c r="EP35" s="326">
        <v>0</v>
      </c>
      <c r="EQ35" s="327">
        <v>0</v>
      </c>
      <c r="ER35" s="331">
        <v>0</v>
      </c>
      <c r="ES35" s="332">
        <v>0</v>
      </c>
      <c r="ET35" s="327">
        <v>0</v>
      </c>
      <c r="EU35" s="327">
        <v>0</v>
      </c>
      <c r="EV35" s="327">
        <v>0</v>
      </c>
      <c r="EW35" s="327">
        <v>0</v>
      </c>
      <c r="EX35" s="327">
        <v>0</v>
      </c>
      <c r="EY35" s="328">
        <v>0</v>
      </c>
      <c r="EZ35" s="330">
        <v>0</v>
      </c>
      <c r="FA35" s="326">
        <v>0</v>
      </c>
      <c r="FB35" s="327">
        <v>0</v>
      </c>
      <c r="FC35" s="331">
        <v>0</v>
      </c>
      <c r="FD35" s="332">
        <v>0</v>
      </c>
      <c r="FE35" s="327">
        <v>0</v>
      </c>
      <c r="FF35" s="327">
        <v>0</v>
      </c>
      <c r="FG35" s="327">
        <v>0</v>
      </c>
      <c r="FH35" s="327">
        <v>0</v>
      </c>
      <c r="FI35" s="327">
        <v>0</v>
      </c>
      <c r="FJ35" s="328">
        <v>0</v>
      </c>
      <c r="FK35" s="330">
        <v>0</v>
      </c>
      <c r="FL35" s="326">
        <v>344053</v>
      </c>
      <c r="FM35" s="327">
        <v>196218</v>
      </c>
      <c r="FN35" s="328">
        <v>540271</v>
      </c>
      <c r="FO35" s="326">
        <v>0</v>
      </c>
      <c r="FP35" s="327">
        <v>686302</v>
      </c>
      <c r="FQ35" s="327">
        <v>815588</v>
      </c>
      <c r="FR35" s="327">
        <v>963027</v>
      </c>
      <c r="FS35" s="327">
        <v>557627</v>
      </c>
      <c r="FT35" s="327">
        <v>292455</v>
      </c>
      <c r="FU35" s="328">
        <v>3314999</v>
      </c>
      <c r="FV35" s="330">
        <v>3855270</v>
      </c>
      <c r="FW35" s="333">
        <v>245746</v>
      </c>
      <c r="FX35" s="327">
        <v>196218</v>
      </c>
      <c r="FY35" s="331">
        <v>441964</v>
      </c>
      <c r="FZ35" s="332">
        <v>0</v>
      </c>
      <c r="GA35" s="327">
        <v>480166</v>
      </c>
      <c r="GB35" s="327">
        <v>755424</v>
      </c>
      <c r="GC35" s="327">
        <v>789444</v>
      </c>
      <c r="GD35" s="327">
        <v>557627</v>
      </c>
      <c r="GE35" s="327">
        <v>292455</v>
      </c>
      <c r="GF35" s="328">
        <v>2875116</v>
      </c>
      <c r="GG35" s="334">
        <v>3317080</v>
      </c>
      <c r="GH35" s="333">
        <v>19107</v>
      </c>
      <c r="GI35" s="327">
        <v>0</v>
      </c>
      <c r="GJ35" s="331">
        <v>19107</v>
      </c>
      <c r="GK35" s="332">
        <v>0</v>
      </c>
      <c r="GL35" s="327">
        <v>26136</v>
      </c>
      <c r="GM35" s="327">
        <v>23364</v>
      </c>
      <c r="GN35" s="327">
        <v>90693</v>
      </c>
      <c r="GO35" s="327">
        <v>0</v>
      </c>
      <c r="GP35" s="327">
        <v>0</v>
      </c>
      <c r="GQ35" s="328">
        <v>140193</v>
      </c>
      <c r="GR35" s="330">
        <v>159300</v>
      </c>
      <c r="GS35" s="326">
        <v>79200</v>
      </c>
      <c r="GT35" s="327">
        <v>0</v>
      </c>
      <c r="GU35" s="328">
        <v>79200</v>
      </c>
      <c r="GV35" s="326">
        <v>0</v>
      </c>
      <c r="GW35" s="327">
        <v>180000</v>
      </c>
      <c r="GX35" s="327">
        <v>36800</v>
      </c>
      <c r="GY35" s="327">
        <v>82890</v>
      </c>
      <c r="GZ35" s="327">
        <v>0</v>
      </c>
      <c r="HA35" s="327">
        <v>0</v>
      </c>
      <c r="HB35" s="331">
        <v>299690</v>
      </c>
      <c r="HC35" s="330">
        <v>378890</v>
      </c>
      <c r="HD35" s="326">
        <v>0</v>
      </c>
      <c r="HE35" s="327">
        <v>0</v>
      </c>
      <c r="HF35" s="331">
        <v>0</v>
      </c>
      <c r="HG35" s="332">
        <v>0</v>
      </c>
      <c r="HH35" s="327">
        <v>1875654</v>
      </c>
      <c r="HI35" s="327">
        <v>1439584</v>
      </c>
      <c r="HJ35" s="327">
        <v>1364282</v>
      </c>
      <c r="HK35" s="327">
        <v>1338204</v>
      </c>
      <c r="HL35" s="327">
        <v>541522</v>
      </c>
      <c r="HM35" s="328">
        <v>6559246</v>
      </c>
      <c r="HN35" s="329">
        <v>6559246</v>
      </c>
      <c r="HO35" s="333">
        <v>205060</v>
      </c>
      <c r="HP35" s="327">
        <v>156240</v>
      </c>
      <c r="HQ35" s="328">
        <v>361300</v>
      </c>
      <c r="HR35" s="326">
        <v>0</v>
      </c>
      <c r="HS35" s="327">
        <v>1413438</v>
      </c>
      <c r="HT35" s="327">
        <v>902703</v>
      </c>
      <c r="HU35" s="327">
        <v>836950</v>
      </c>
      <c r="HV35" s="327">
        <v>505411</v>
      </c>
      <c r="HW35" s="327">
        <v>273842</v>
      </c>
      <c r="HX35" s="331">
        <v>3932344</v>
      </c>
      <c r="HY35" s="330">
        <v>4293644</v>
      </c>
      <c r="HZ35" s="335">
        <v>0</v>
      </c>
      <c r="IA35" s="336">
        <v>0</v>
      </c>
      <c r="IB35" s="337">
        <v>0</v>
      </c>
      <c r="IC35" s="338">
        <v>0</v>
      </c>
      <c r="ID35" s="336">
        <v>2785826</v>
      </c>
      <c r="IE35" s="339">
        <v>2182444</v>
      </c>
      <c r="IF35" s="337">
        <v>1728918</v>
      </c>
      <c r="IG35" s="336">
        <v>1898502</v>
      </c>
      <c r="IH35" s="337">
        <v>387270</v>
      </c>
      <c r="II35" s="340">
        <v>8982960</v>
      </c>
      <c r="IJ35" s="341">
        <v>8982960</v>
      </c>
      <c r="IK35" s="342">
        <v>0</v>
      </c>
      <c r="IL35" s="343">
        <v>0</v>
      </c>
      <c r="IM35" s="344">
        <v>0</v>
      </c>
      <c r="IN35" s="404">
        <v>0</v>
      </c>
      <c r="IO35" s="345">
        <v>0</v>
      </c>
      <c r="IP35" s="345">
        <v>210420</v>
      </c>
      <c r="IQ35" s="345">
        <v>173835</v>
      </c>
      <c r="IR35" s="345">
        <v>0</v>
      </c>
      <c r="IS35" s="345">
        <v>0</v>
      </c>
      <c r="IT35" s="346">
        <v>384255</v>
      </c>
      <c r="IU35" s="347">
        <v>384255</v>
      </c>
      <c r="IV35" s="348">
        <v>0</v>
      </c>
      <c r="IW35" s="345">
        <v>0</v>
      </c>
      <c r="IX35" s="349">
        <v>0</v>
      </c>
      <c r="IY35" s="413">
        <v>0</v>
      </c>
      <c r="IZ35" s="345">
        <v>0</v>
      </c>
      <c r="JA35" s="345">
        <v>0</v>
      </c>
      <c r="JB35" s="345">
        <v>0</v>
      </c>
      <c r="JC35" s="345">
        <v>0</v>
      </c>
      <c r="JD35" s="345">
        <v>0</v>
      </c>
      <c r="JE35" s="349">
        <v>0</v>
      </c>
      <c r="JF35" s="350">
        <v>0</v>
      </c>
      <c r="JG35" s="348">
        <v>0</v>
      </c>
      <c r="JH35" s="345">
        <v>0</v>
      </c>
      <c r="JI35" s="346">
        <v>0</v>
      </c>
      <c r="JJ35" s="351">
        <v>0</v>
      </c>
      <c r="JK35" s="345">
        <v>1416614</v>
      </c>
      <c r="JL35" s="345">
        <v>1003471</v>
      </c>
      <c r="JM35" s="345">
        <v>766503</v>
      </c>
      <c r="JN35" s="345">
        <v>327653</v>
      </c>
      <c r="JO35" s="345">
        <v>95904</v>
      </c>
      <c r="JP35" s="349">
        <v>3610145</v>
      </c>
      <c r="JQ35" s="347">
        <v>3610145</v>
      </c>
      <c r="JR35" s="348">
        <v>0</v>
      </c>
      <c r="JS35" s="345">
        <v>0</v>
      </c>
      <c r="JT35" s="346">
        <v>0</v>
      </c>
      <c r="JU35" s="351">
        <v>0</v>
      </c>
      <c r="JV35" s="345">
        <v>104348</v>
      </c>
      <c r="JW35" s="345">
        <v>39762</v>
      </c>
      <c r="JX35" s="345">
        <v>0</v>
      </c>
      <c r="JY35" s="345">
        <v>0</v>
      </c>
      <c r="JZ35" s="345">
        <v>0</v>
      </c>
      <c r="KA35" s="349">
        <v>144110</v>
      </c>
      <c r="KB35" s="347">
        <v>144110</v>
      </c>
      <c r="KC35" s="352">
        <v>0</v>
      </c>
      <c r="KD35" s="353">
        <v>0</v>
      </c>
      <c r="KE35" s="349">
        <v>0</v>
      </c>
      <c r="KF35" s="351">
        <v>0</v>
      </c>
      <c r="KG35" s="345">
        <v>0</v>
      </c>
      <c r="KH35" s="345">
        <v>0</v>
      </c>
      <c r="KI35" s="345">
        <v>278163</v>
      </c>
      <c r="KJ35" s="345">
        <v>0</v>
      </c>
      <c r="KK35" s="345">
        <v>0</v>
      </c>
      <c r="KL35" s="349">
        <v>278163</v>
      </c>
      <c r="KM35" s="354">
        <v>278163</v>
      </c>
      <c r="KN35" s="342">
        <v>0</v>
      </c>
      <c r="KO35" s="343">
        <v>0</v>
      </c>
      <c r="KP35" s="344">
        <v>0</v>
      </c>
      <c r="KQ35" s="413">
        <v>0</v>
      </c>
      <c r="KR35" s="345">
        <v>1264864</v>
      </c>
      <c r="KS35" s="345">
        <v>928791</v>
      </c>
      <c r="KT35" s="345">
        <v>510417</v>
      </c>
      <c r="KU35" s="345">
        <v>1570849</v>
      </c>
      <c r="KV35" s="345">
        <v>291366</v>
      </c>
      <c r="KW35" s="349">
        <v>4566287</v>
      </c>
      <c r="KX35" s="347">
        <v>4566287</v>
      </c>
      <c r="KY35" s="348">
        <v>0</v>
      </c>
      <c r="KZ35" s="345">
        <v>0</v>
      </c>
      <c r="LA35" s="349">
        <v>0</v>
      </c>
      <c r="LB35" s="413">
        <v>0</v>
      </c>
      <c r="LC35" s="345">
        <v>0</v>
      </c>
      <c r="LD35" s="345">
        <v>0</v>
      </c>
      <c r="LE35" s="345">
        <v>0</v>
      </c>
      <c r="LF35" s="345">
        <v>0</v>
      </c>
      <c r="LG35" s="345">
        <v>0</v>
      </c>
      <c r="LH35" s="349">
        <v>0</v>
      </c>
      <c r="LI35" s="350">
        <v>0</v>
      </c>
      <c r="LJ35" s="348">
        <v>0</v>
      </c>
      <c r="LK35" s="345">
        <v>0</v>
      </c>
      <c r="LL35" s="349">
        <v>0</v>
      </c>
      <c r="LM35" s="413">
        <v>0</v>
      </c>
      <c r="LN35" s="345">
        <v>0</v>
      </c>
      <c r="LO35" s="345">
        <v>0</v>
      </c>
      <c r="LP35" s="345">
        <v>0</v>
      </c>
      <c r="LQ35" s="345">
        <v>0</v>
      </c>
      <c r="LR35" s="345">
        <v>0</v>
      </c>
      <c r="LS35" s="349">
        <v>0</v>
      </c>
      <c r="LT35" s="347">
        <v>0</v>
      </c>
      <c r="LU35" s="348">
        <v>0</v>
      </c>
      <c r="LV35" s="345">
        <v>0</v>
      </c>
      <c r="LW35" s="349">
        <v>0</v>
      </c>
      <c r="LX35" s="413">
        <v>0</v>
      </c>
      <c r="LY35" s="345">
        <v>0</v>
      </c>
      <c r="LZ35" s="345">
        <v>0</v>
      </c>
      <c r="MA35" s="345">
        <v>0</v>
      </c>
      <c r="MB35" s="345">
        <v>0</v>
      </c>
      <c r="MC35" s="345">
        <v>0</v>
      </c>
      <c r="MD35" s="349">
        <v>0</v>
      </c>
      <c r="ME35" s="350">
        <v>0</v>
      </c>
      <c r="MF35" s="348">
        <v>0</v>
      </c>
      <c r="MG35" s="345">
        <v>0</v>
      </c>
      <c r="MH35" s="349">
        <v>0</v>
      </c>
      <c r="MI35" s="413">
        <v>0</v>
      </c>
      <c r="MJ35" s="345">
        <v>2489263</v>
      </c>
      <c r="MK35" s="345">
        <v>2767621</v>
      </c>
      <c r="ML35" s="345">
        <v>7596887</v>
      </c>
      <c r="MM35" s="345">
        <v>13929112</v>
      </c>
      <c r="MN35" s="345">
        <v>7897335</v>
      </c>
      <c r="MO35" s="349">
        <v>34680218</v>
      </c>
      <c r="MP35" s="354">
        <v>34680218</v>
      </c>
      <c r="MQ35" s="348">
        <v>0</v>
      </c>
      <c r="MR35" s="345">
        <v>0</v>
      </c>
      <c r="MS35" s="349">
        <v>0</v>
      </c>
      <c r="MT35" s="413">
        <v>0</v>
      </c>
      <c r="MU35" s="345">
        <v>0</v>
      </c>
      <c r="MV35" s="345">
        <v>1106738</v>
      </c>
      <c r="MW35" s="345">
        <v>5584298</v>
      </c>
      <c r="MX35" s="345">
        <v>9665457</v>
      </c>
      <c r="MY35" s="345">
        <v>6169809</v>
      </c>
      <c r="MZ35" s="349">
        <v>22526302</v>
      </c>
      <c r="NA35" s="354">
        <v>22526302</v>
      </c>
      <c r="NB35" s="348">
        <v>0</v>
      </c>
      <c r="NC35" s="345">
        <v>0</v>
      </c>
      <c r="ND35" s="349">
        <v>0</v>
      </c>
      <c r="NE35" s="413">
        <v>0</v>
      </c>
      <c r="NF35" s="345">
        <v>2489263</v>
      </c>
      <c r="NG35" s="345">
        <v>1660883</v>
      </c>
      <c r="NH35" s="345">
        <v>2012589</v>
      </c>
      <c r="NI35" s="345">
        <v>4078948</v>
      </c>
      <c r="NJ35" s="345">
        <v>1000380</v>
      </c>
      <c r="NK35" s="349">
        <v>11242063</v>
      </c>
      <c r="NL35" s="347">
        <v>11242063</v>
      </c>
      <c r="NM35" s="348">
        <v>0</v>
      </c>
      <c r="NN35" s="345">
        <v>0</v>
      </c>
      <c r="NO35" s="349">
        <v>0</v>
      </c>
      <c r="NP35" s="413">
        <v>0</v>
      </c>
      <c r="NQ35" s="345">
        <v>0</v>
      </c>
      <c r="NR35" s="345">
        <v>0</v>
      </c>
      <c r="NS35" s="345">
        <v>0</v>
      </c>
      <c r="NT35" s="345">
        <v>0</v>
      </c>
      <c r="NU35" s="345">
        <v>0</v>
      </c>
      <c r="NV35" s="349">
        <v>0</v>
      </c>
      <c r="NW35" s="350">
        <v>0</v>
      </c>
      <c r="NX35" s="348">
        <v>0</v>
      </c>
      <c r="NY35" s="345">
        <v>0</v>
      </c>
      <c r="NZ35" s="349">
        <v>0</v>
      </c>
      <c r="OA35" s="413">
        <v>0</v>
      </c>
      <c r="OB35" s="345">
        <v>0</v>
      </c>
      <c r="OC35" s="345">
        <v>0</v>
      </c>
      <c r="OD35" s="345">
        <v>0</v>
      </c>
      <c r="OE35" s="345">
        <v>184707</v>
      </c>
      <c r="OF35" s="345">
        <v>727146</v>
      </c>
      <c r="OG35" s="349">
        <v>911853</v>
      </c>
      <c r="OH35" s="350">
        <v>911853</v>
      </c>
      <c r="OI35" s="348">
        <v>872346</v>
      </c>
      <c r="OJ35" s="345">
        <v>1115862</v>
      </c>
      <c r="OK35" s="346">
        <v>1988208</v>
      </c>
      <c r="OL35" s="351">
        <v>0</v>
      </c>
      <c r="OM35" s="345">
        <v>15125531</v>
      </c>
      <c r="ON35" s="345">
        <v>13466844</v>
      </c>
      <c r="OO35" s="345">
        <v>18345504</v>
      </c>
      <c r="OP35" s="345">
        <v>22637741</v>
      </c>
      <c r="OQ35" s="345">
        <v>12014725</v>
      </c>
      <c r="OR35" s="349">
        <v>81590345</v>
      </c>
      <c r="OS35" s="354">
        <v>83578553</v>
      </c>
    </row>
    <row r="36" spans="2:409" s="70" customFormat="1" ht="21" customHeight="1" x14ac:dyDescent="0.2">
      <c r="B36" s="410" t="s">
        <v>31</v>
      </c>
      <c r="C36" s="326">
        <v>630610</v>
      </c>
      <c r="D36" s="327">
        <v>1278933</v>
      </c>
      <c r="E36" s="328">
        <v>1909543</v>
      </c>
      <c r="F36" s="329">
        <v>0</v>
      </c>
      <c r="G36" s="327">
        <v>7666662</v>
      </c>
      <c r="H36" s="327">
        <v>9568777</v>
      </c>
      <c r="I36" s="327">
        <v>8365702</v>
      </c>
      <c r="J36" s="327">
        <v>6593808</v>
      </c>
      <c r="K36" s="327">
        <v>4243145</v>
      </c>
      <c r="L36" s="367">
        <v>36438094</v>
      </c>
      <c r="M36" s="330">
        <v>38347637</v>
      </c>
      <c r="N36" s="326">
        <v>153500</v>
      </c>
      <c r="O36" s="327">
        <v>226175</v>
      </c>
      <c r="P36" s="328">
        <v>379675</v>
      </c>
      <c r="Q36" s="326">
        <v>0</v>
      </c>
      <c r="R36" s="327">
        <v>1506023</v>
      </c>
      <c r="S36" s="327">
        <v>1968495</v>
      </c>
      <c r="T36" s="327">
        <v>1777682</v>
      </c>
      <c r="U36" s="327">
        <v>2204602</v>
      </c>
      <c r="V36" s="327">
        <v>1503578</v>
      </c>
      <c r="W36" s="328">
        <v>8960380</v>
      </c>
      <c r="X36" s="330">
        <v>9340055</v>
      </c>
      <c r="Y36" s="326">
        <v>0</v>
      </c>
      <c r="Z36" s="327">
        <v>0</v>
      </c>
      <c r="AA36" s="328">
        <v>0</v>
      </c>
      <c r="AB36" s="326">
        <v>0</v>
      </c>
      <c r="AC36" s="327">
        <v>374473</v>
      </c>
      <c r="AD36" s="327">
        <v>692388</v>
      </c>
      <c r="AE36" s="327">
        <v>885826</v>
      </c>
      <c r="AF36" s="327">
        <v>928438</v>
      </c>
      <c r="AG36" s="327">
        <v>629346</v>
      </c>
      <c r="AH36" s="328">
        <v>3510471</v>
      </c>
      <c r="AI36" s="330">
        <v>3510471</v>
      </c>
      <c r="AJ36" s="326">
        <v>0</v>
      </c>
      <c r="AK36" s="327">
        <v>0</v>
      </c>
      <c r="AL36" s="328">
        <v>0</v>
      </c>
      <c r="AM36" s="326">
        <v>0</v>
      </c>
      <c r="AN36" s="327">
        <v>172136</v>
      </c>
      <c r="AO36" s="327">
        <v>180501</v>
      </c>
      <c r="AP36" s="327">
        <v>91144</v>
      </c>
      <c r="AQ36" s="327">
        <v>295800</v>
      </c>
      <c r="AR36" s="327">
        <v>406747</v>
      </c>
      <c r="AS36" s="328">
        <v>1146328</v>
      </c>
      <c r="AT36" s="330">
        <v>1146328</v>
      </c>
      <c r="AU36" s="326">
        <v>58869</v>
      </c>
      <c r="AV36" s="327">
        <v>129028</v>
      </c>
      <c r="AW36" s="328">
        <v>187897</v>
      </c>
      <c r="AX36" s="326">
        <v>0</v>
      </c>
      <c r="AY36" s="327">
        <v>640209</v>
      </c>
      <c r="AZ36" s="327">
        <v>744015</v>
      </c>
      <c r="BA36" s="327">
        <v>584254</v>
      </c>
      <c r="BB36" s="327">
        <v>608498</v>
      </c>
      <c r="BC36" s="327">
        <v>334521</v>
      </c>
      <c r="BD36" s="328">
        <v>2911497</v>
      </c>
      <c r="BE36" s="330">
        <v>3099394</v>
      </c>
      <c r="BF36" s="326">
        <v>65021</v>
      </c>
      <c r="BG36" s="327">
        <v>97147</v>
      </c>
      <c r="BH36" s="331">
        <v>162168</v>
      </c>
      <c r="BI36" s="332">
        <v>0</v>
      </c>
      <c r="BJ36" s="327">
        <v>224966</v>
      </c>
      <c r="BK36" s="327">
        <v>87638</v>
      </c>
      <c r="BL36" s="327">
        <v>43819</v>
      </c>
      <c r="BM36" s="327">
        <v>140083</v>
      </c>
      <c r="BN36" s="327">
        <v>0</v>
      </c>
      <c r="BO36" s="328">
        <v>496506</v>
      </c>
      <c r="BP36" s="330">
        <v>658674</v>
      </c>
      <c r="BQ36" s="326">
        <v>29610</v>
      </c>
      <c r="BR36" s="327">
        <v>0</v>
      </c>
      <c r="BS36" s="328">
        <v>29610</v>
      </c>
      <c r="BT36" s="326">
        <v>0</v>
      </c>
      <c r="BU36" s="327">
        <v>94239</v>
      </c>
      <c r="BV36" s="327">
        <v>263953</v>
      </c>
      <c r="BW36" s="327">
        <v>172639</v>
      </c>
      <c r="BX36" s="327">
        <v>231783</v>
      </c>
      <c r="BY36" s="327">
        <v>132964</v>
      </c>
      <c r="BZ36" s="328">
        <v>895578</v>
      </c>
      <c r="CA36" s="330">
        <v>925188</v>
      </c>
      <c r="CB36" s="326">
        <v>23418</v>
      </c>
      <c r="CC36" s="327">
        <v>129172</v>
      </c>
      <c r="CD36" s="328">
        <v>152590</v>
      </c>
      <c r="CE36" s="326">
        <v>0</v>
      </c>
      <c r="CF36" s="327">
        <v>3244211</v>
      </c>
      <c r="CG36" s="327">
        <v>3289678</v>
      </c>
      <c r="CH36" s="327">
        <v>2173971</v>
      </c>
      <c r="CI36" s="327">
        <v>1176333</v>
      </c>
      <c r="CJ36" s="327">
        <v>986861</v>
      </c>
      <c r="CK36" s="328">
        <v>10871054</v>
      </c>
      <c r="CL36" s="330">
        <v>11023644</v>
      </c>
      <c r="CM36" s="326">
        <v>0</v>
      </c>
      <c r="CN36" s="327">
        <v>0</v>
      </c>
      <c r="CO36" s="328">
        <v>0</v>
      </c>
      <c r="CP36" s="332">
        <v>0</v>
      </c>
      <c r="CQ36" s="327">
        <v>2889798</v>
      </c>
      <c r="CR36" s="327">
        <v>2778154</v>
      </c>
      <c r="CS36" s="327">
        <v>1755111</v>
      </c>
      <c r="CT36" s="327">
        <v>672431</v>
      </c>
      <c r="CU36" s="327">
        <v>877479</v>
      </c>
      <c r="CV36" s="328">
        <v>8972973</v>
      </c>
      <c r="CW36" s="330">
        <v>8972973</v>
      </c>
      <c r="CX36" s="326">
        <v>23418</v>
      </c>
      <c r="CY36" s="327">
        <v>129172</v>
      </c>
      <c r="CZ36" s="328">
        <v>152590</v>
      </c>
      <c r="DA36" s="326">
        <v>0</v>
      </c>
      <c r="DB36" s="327">
        <v>354413</v>
      </c>
      <c r="DC36" s="327">
        <v>511524</v>
      </c>
      <c r="DD36" s="327">
        <v>418860</v>
      </c>
      <c r="DE36" s="327">
        <v>503902</v>
      </c>
      <c r="DF36" s="327">
        <v>109382</v>
      </c>
      <c r="DG36" s="328">
        <v>1898081</v>
      </c>
      <c r="DH36" s="330">
        <v>2050671</v>
      </c>
      <c r="DI36" s="326">
        <v>0</v>
      </c>
      <c r="DJ36" s="327">
        <v>43771</v>
      </c>
      <c r="DK36" s="331">
        <v>43771</v>
      </c>
      <c r="DL36" s="332">
        <v>0</v>
      </c>
      <c r="DM36" s="327">
        <v>309312</v>
      </c>
      <c r="DN36" s="327">
        <v>415613</v>
      </c>
      <c r="DO36" s="327">
        <v>1619794</v>
      </c>
      <c r="DP36" s="327">
        <v>774712</v>
      </c>
      <c r="DQ36" s="327">
        <v>416838</v>
      </c>
      <c r="DR36" s="328">
        <v>3536269</v>
      </c>
      <c r="DS36" s="330">
        <v>3580040</v>
      </c>
      <c r="DT36" s="326">
        <v>0</v>
      </c>
      <c r="DU36" s="327">
        <v>43771</v>
      </c>
      <c r="DV36" s="328">
        <v>43771</v>
      </c>
      <c r="DW36" s="326">
        <v>0</v>
      </c>
      <c r="DX36" s="327">
        <v>182412</v>
      </c>
      <c r="DY36" s="327">
        <v>308548</v>
      </c>
      <c r="DZ36" s="327">
        <v>1585034</v>
      </c>
      <c r="EA36" s="327">
        <v>774712</v>
      </c>
      <c r="EB36" s="327">
        <v>358747</v>
      </c>
      <c r="EC36" s="328">
        <v>3209453</v>
      </c>
      <c r="ED36" s="330">
        <v>3253224</v>
      </c>
      <c r="EE36" s="326">
        <v>0</v>
      </c>
      <c r="EF36" s="331">
        <v>0</v>
      </c>
      <c r="EG36" s="328">
        <v>0</v>
      </c>
      <c r="EH36" s="326">
        <v>0</v>
      </c>
      <c r="EI36" s="327">
        <v>126900</v>
      </c>
      <c r="EJ36" s="327">
        <v>107065</v>
      </c>
      <c r="EK36" s="327">
        <v>34760</v>
      </c>
      <c r="EL36" s="327">
        <v>0</v>
      </c>
      <c r="EM36" s="327">
        <v>58091</v>
      </c>
      <c r="EN36" s="331">
        <v>326816</v>
      </c>
      <c r="EO36" s="330">
        <v>326816</v>
      </c>
      <c r="EP36" s="326">
        <v>0</v>
      </c>
      <c r="EQ36" s="327">
        <v>0</v>
      </c>
      <c r="ER36" s="331">
        <v>0</v>
      </c>
      <c r="ES36" s="332">
        <v>0</v>
      </c>
      <c r="ET36" s="327">
        <v>0</v>
      </c>
      <c r="EU36" s="327">
        <v>0</v>
      </c>
      <c r="EV36" s="327">
        <v>0</v>
      </c>
      <c r="EW36" s="327">
        <v>0</v>
      </c>
      <c r="EX36" s="327">
        <v>0</v>
      </c>
      <c r="EY36" s="328">
        <v>0</v>
      </c>
      <c r="EZ36" s="330">
        <v>0</v>
      </c>
      <c r="FA36" s="326">
        <v>0</v>
      </c>
      <c r="FB36" s="327">
        <v>0</v>
      </c>
      <c r="FC36" s="331">
        <v>0</v>
      </c>
      <c r="FD36" s="332">
        <v>0</v>
      </c>
      <c r="FE36" s="327">
        <v>0</v>
      </c>
      <c r="FF36" s="327">
        <v>0</v>
      </c>
      <c r="FG36" s="327">
        <v>0</v>
      </c>
      <c r="FH36" s="327">
        <v>0</v>
      </c>
      <c r="FI36" s="327">
        <v>0</v>
      </c>
      <c r="FJ36" s="328">
        <v>0</v>
      </c>
      <c r="FK36" s="330">
        <v>0</v>
      </c>
      <c r="FL36" s="326">
        <v>146515</v>
      </c>
      <c r="FM36" s="327">
        <v>548825</v>
      </c>
      <c r="FN36" s="328">
        <v>695340</v>
      </c>
      <c r="FO36" s="326">
        <v>0</v>
      </c>
      <c r="FP36" s="327">
        <v>446579</v>
      </c>
      <c r="FQ36" s="327">
        <v>969378</v>
      </c>
      <c r="FR36" s="327">
        <v>794821</v>
      </c>
      <c r="FS36" s="327">
        <v>793262</v>
      </c>
      <c r="FT36" s="327">
        <v>340642</v>
      </c>
      <c r="FU36" s="328">
        <v>3344682</v>
      </c>
      <c r="FV36" s="330">
        <v>4040022</v>
      </c>
      <c r="FW36" s="333">
        <v>146515</v>
      </c>
      <c r="FX36" s="327">
        <v>479832</v>
      </c>
      <c r="FY36" s="331">
        <v>626347</v>
      </c>
      <c r="FZ36" s="332">
        <v>0</v>
      </c>
      <c r="GA36" s="327">
        <v>413779</v>
      </c>
      <c r="GB36" s="327">
        <v>879378</v>
      </c>
      <c r="GC36" s="327">
        <v>688621</v>
      </c>
      <c r="GD36" s="327">
        <v>554802</v>
      </c>
      <c r="GE36" s="327">
        <v>340642</v>
      </c>
      <c r="GF36" s="328">
        <v>2877222</v>
      </c>
      <c r="GG36" s="334">
        <v>3503569</v>
      </c>
      <c r="GH36" s="333">
        <v>0</v>
      </c>
      <c r="GI36" s="327">
        <v>27900</v>
      </c>
      <c r="GJ36" s="331">
        <v>27900</v>
      </c>
      <c r="GK36" s="332">
        <v>0</v>
      </c>
      <c r="GL36" s="327">
        <v>0</v>
      </c>
      <c r="GM36" s="327">
        <v>90000</v>
      </c>
      <c r="GN36" s="327">
        <v>0</v>
      </c>
      <c r="GO36" s="327">
        <v>73440</v>
      </c>
      <c r="GP36" s="327">
        <v>0</v>
      </c>
      <c r="GQ36" s="328">
        <v>163440</v>
      </c>
      <c r="GR36" s="330">
        <v>191340</v>
      </c>
      <c r="GS36" s="326">
        <v>0</v>
      </c>
      <c r="GT36" s="327">
        <v>41093</v>
      </c>
      <c r="GU36" s="328">
        <v>41093</v>
      </c>
      <c r="GV36" s="326">
        <v>0</v>
      </c>
      <c r="GW36" s="327">
        <v>32800</v>
      </c>
      <c r="GX36" s="327">
        <v>0</v>
      </c>
      <c r="GY36" s="327">
        <v>106200</v>
      </c>
      <c r="GZ36" s="327">
        <v>165020</v>
      </c>
      <c r="HA36" s="327">
        <v>0</v>
      </c>
      <c r="HB36" s="331">
        <v>304020</v>
      </c>
      <c r="HC36" s="330">
        <v>345113</v>
      </c>
      <c r="HD36" s="326">
        <v>182290</v>
      </c>
      <c r="HE36" s="327">
        <v>0</v>
      </c>
      <c r="HF36" s="331">
        <v>182290</v>
      </c>
      <c r="HG36" s="332">
        <v>0</v>
      </c>
      <c r="HH36" s="327">
        <v>712475</v>
      </c>
      <c r="HI36" s="327">
        <v>1714810</v>
      </c>
      <c r="HJ36" s="327">
        <v>1113439</v>
      </c>
      <c r="HK36" s="327">
        <v>1195993</v>
      </c>
      <c r="HL36" s="327">
        <v>771354</v>
      </c>
      <c r="HM36" s="328">
        <v>5508071</v>
      </c>
      <c r="HN36" s="329">
        <v>5690361</v>
      </c>
      <c r="HO36" s="333">
        <v>124887</v>
      </c>
      <c r="HP36" s="327">
        <v>330990</v>
      </c>
      <c r="HQ36" s="328">
        <v>455877</v>
      </c>
      <c r="HR36" s="326">
        <v>0</v>
      </c>
      <c r="HS36" s="327">
        <v>1448062</v>
      </c>
      <c r="HT36" s="327">
        <v>1210803</v>
      </c>
      <c r="HU36" s="327">
        <v>885995</v>
      </c>
      <c r="HV36" s="327">
        <v>448906</v>
      </c>
      <c r="HW36" s="327">
        <v>223872</v>
      </c>
      <c r="HX36" s="331">
        <v>4217638</v>
      </c>
      <c r="HY36" s="330">
        <v>4673515</v>
      </c>
      <c r="HZ36" s="358">
        <v>0</v>
      </c>
      <c r="IA36" s="356">
        <v>0</v>
      </c>
      <c r="IB36" s="358">
        <v>0</v>
      </c>
      <c r="IC36" s="355">
        <v>0</v>
      </c>
      <c r="ID36" s="356">
        <v>4216279</v>
      </c>
      <c r="IE36" s="357">
        <v>4839295</v>
      </c>
      <c r="IF36" s="358">
        <v>6223607</v>
      </c>
      <c r="IG36" s="356">
        <v>3361595</v>
      </c>
      <c r="IH36" s="358">
        <v>1451977</v>
      </c>
      <c r="II36" s="359">
        <v>20092753</v>
      </c>
      <c r="IJ36" s="358">
        <v>20092753</v>
      </c>
      <c r="IK36" s="342">
        <v>0</v>
      </c>
      <c r="IL36" s="343">
        <v>0</v>
      </c>
      <c r="IM36" s="344">
        <v>0</v>
      </c>
      <c r="IN36" s="404">
        <v>0</v>
      </c>
      <c r="IO36" s="345">
        <v>0</v>
      </c>
      <c r="IP36" s="345">
        <v>106641</v>
      </c>
      <c r="IQ36" s="345">
        <v>0</v>
      </c>
      <c r="IR36" s="345">
        <v>0</v>
      </c>
      <c r="IS36" s="345">
        <v>0</v>
      </c>
      <c r="IT36" s="346">
        <v>106641</v>
      </c>
      <c r="IU36" s="347">
        <v>106641</v>
      </c>
      <c r="IV36" s="348">
        <v>0</v>
      </c>
      <c r="IW36" s="345">
        <v>0</v>
      </c>
      <c r="IX36" s="349">
        <v>0</v>
      </c>
      <c r="IY36" s="413">
        <v>0</v>
      </c>
      <c r="IZ36" s="345">
        <v>0</v>
      </c>
      <c r="JA36" s="345">
        <v>0</v>
      </c>
      <c r="JB36" s="345">
        <v>0</v>
      </c>
      <c r="JC36" s="345">
        <v>0</v>
      </c>
      <c r="JD36" s="345">
        <v>0</v>
      </c>
      <c r="JE36" s="349">
        <v>0</v>
      </c>
      <c r="JF36" s="350">
        <v>0</v>
      </c>
      <c r="JG36" s="348">
        <v>0</v>
      </c>
      <c r="JH36" s="345">
        <v>0</v>
      </c>
      <c r="JI36" s="346">
        <v>0</v>
      </c>
      <c r="JJ36" s="351">
        <v>0</v>
      </c>
      <c r="JK36" s="345">
        <v>859839</v>
      </c>
      <c r="JL36" s="345">
        <v>716712</v>
      </c>
      <c r="JM36" s="345">
        <v>315150</v>
      </c>
      <c r="JN36" s="345">
        <v>48267</v>
      </c>
      <c r="JO36" s="345">
        <v>0</v>
      </c>
      <c r="JP36" s="349">
        <v>1939968</v>
      </c>
      <c r="JQ36" s="347">
        <v>1939968</v>
      </c>
      <c r="JR36" s="348">
        <v>0</v>
      </c>
      <c r="JS36" s="345">
        <v>0</v>
      </c>
      <c r="JT36" s="346">
        <v>0</v>
      </c>
      <c r="JU36" s="351">
        <v>0</v>
      </c>
      <c r="JV36" s="345">
        <v>0</v>
      </c>
      <c r="JW36" s="345">
        <v>172774</v>
      </c>
      <c r="JX36" s="345">
        <v>106961</v>
      </c>
      <c r="JY36" s="345">
        <v>194111</v>
      </c>
      <c r="JZ36" s="345">
        <v>0</v>
      </c>
      <c r="KA36" s="349">
        <v>473846</v>
      </c>
      <c r="KB36" s="347">
        <v>473846</v>
      </c>
      <c r="KC36" s="352">
        <v>0</v>
      </c>
      <c r="KD36" s="353">
        <v>0</v>
      </c>
      <c r="KE36" s="349">
        <v>0</v>
      </c>
      <c r="KF36" s="351">
        <v>0</v>
      </c>
      <c r="KG36" s="345">
        <v>1188338</v>
      </c>
      <c r="KH36" s="345">
        <v>971635</v>
      </c>
      <c r="KI36" s="345">
        <v>2094567</v>
      </c>
      <c r="KJ36" s="345">
        <v>299275</v>
      </c>
      <c r="KK36" s="345">
        <v>0</v>
      </c>
      <c r="KL36" s="349">
        <v>4553815</v>
      </c>
      <c r="KM36" s="354">
        <v>4553815</v>
      </c>
      <c r="KN36" s="342">
        <v>0</v>
      </c>
      <c r="KO36" s="343">
        <v>0</v>
      </c>
      <c r="KP36" s="344">
        <v>0</v>
      </c>
      <c r="KQ36" s="413">
        <v>0</v>
      </c>
      <c r="KR36" s="345">
        <v>2168102</v>
      </c>
      <c r="KS36" s="345">
        <v>2871533</v>
      </c>
      <c r="KT36" s="345">
        <v>3706929</v>
      </c>
      <c r="KU36" s="345">
        <v>2584702</v>
      </c>
      <c r="KV36" s="345">
        <v>1451977</v>
      </c>
      <c r="KW36" s="349">
        <v>12783243</v>
      </c>
      <c r="KX36" s="347">
        <v>12783243</v>
      </c>
      <c r="KY36" s="348">
        <v>0</v>
      </c>
      <c r="KZ36" s="345">
        <v>0</v>
      </c>
      <c r="LA36" s="349">
        <v>0</v>
      </c>
      <c r="LB36" s="413">
        <v>0</v>
      </c>
      <c r="LC36" s="345">
        <v>0</v>
      </c>
      <c r="LD36" s="345">
        <v>0</v>
      </c>
      <c r="LE36" s="345">
        <v>0</v>
      </c>
      <c r="LF36" s="345">
        <v>0</v>
      </c>
      <c r="LG36" s="345">
        <v>0</v>
      </c>
      <c r="LH36" s="349">
        <v>0</v>
      </c>
      <c r="LI36" s="350">
        <v>0</v>
      </c>
      <c r="LJ36" s="348">
        <v>0</v>
      </c>
      <c r="LK36" s="345">
        <v>0</v>
      </c>
      <c r="LL36" s="349">
        <v>0</v>
      </c>
      <c r="LM36" s="413">
        <v>0</v>
      </c>
      <c r="LN36" s="345">
        <v>0</v>
      </c>
      <c r="LO36" s="345">
        <v>0</v>
      </c>
      <c r="LP36" s="345">
        <v>0</v>
      </c>
      <c r="LQ36" s="345">
        <v>235240</v>
      </c>
      <c r="LR36" s="345">
        <v>0</v>
      </c>
      <c r="LS36" s="349">
        <v>235240</v>
      </c>
      <c r="LT36" s="347">
        <v>235240</v>
      </c>
      <c r="LU36" s="348">
        <v>0</v>
      </c>
      <c r="LV36" s="345">
        <v>0</v>
      </c>
      <c r="LW36" s="349">
        <v>0</v>
      </c>
      <c r="LX36" s="413">
        <v>0</v>
      </c>
      <c r="LY36" s="345">
        <v>0</v>
      </c>
      <c r="LZ36" s="345">
        <v>0</v>
      </c>
      <c r="MA36" s="345">
        <v>0</v>
      </c>
      <c r="MB36" s="345">
        <v>0</v>
      </c>
      <c r="MC36" s="345">
        <v>0</v>
      </c>
      <c r="MD36" s="349">
        <v>0</v>
      </c>
      <c r="ME36" s="350">
        <v>0</v>
      </c>
      <c r="MF36" s="348">
        <v>0</v>
      </c>
      <c r="MG36" s="345">
        <v>0</v>
      </c>
      <c r="MH36" s="349">
        <v>0</v>
      </c>
      <c r="MI36" s="413">
        <v>0</v>
      </c>
      <c r="MJ36" s="345">
        <v>1483983</v>
      </c>
      <c r="MK36" s="345">
        <v>2990173</v>
      </c>
      <c r="ML36" s="345">
        <v>8572517</v>
      </c>
      <c r="MM36" s="345">
        <v>10553560</v>
      </c>
      <c r="MN36" s="345">
        <v>8576533</v>
      </c>
      <c r="MO36" s="349">
        <v>32176766</v>
      </c>
      <c r="MP36" s="354">
        <v>32176766</v>
      </c>
      <c r="MQ36" s="348">
        <v>0</v>
      </c>
      <c r="MR36" s="345">
        <v>0</v>
      </c>
      <c r="MS36" s="349">
        <v>0</v>
      </c>
      <c r="MT36" s="413">
        <v>0</v>
      </c>
      <c r="MU36" s="345">
        <v>438063</v>
      </c>
      <c r="MV36" s="345">
        <v>687877</v>
      </c>
      <c r="MW36" s="345">
        <v>6624349</v>
      </c>
      <c r="MX36" s="345">
        <v>7096076</v>
      </c>
      <c r="MY36" s="345">
        <v>7054555</v>
      </c>
      <c r="MZ36" s="349">
        <v>21900920</v>
      </c>
      <c r="NA36" s="354">
        <v>21900920</v>
      </c>
      <c r="NB36" s="348">
        <v>0</v>
      </c>
      <c r="NC36" s="345">
        <v>0</v>
      </c>
      <c r="ND36" s="349">
        <v>0</v>
      </c>
      <c r="NE36" s="413">
        <v>0</v>
      </c>
      <c r="NF36" s="345">
        <v>762596</v>
      </c>
      <c r="NG36" s="345">
        <v>2302296</v>
      </c>
      <c r="NH36" s="345">
        <v>1948168</v>
      </c>
      <c r="NI36" s="345">
        <v>2645798</v>
      </c>
      <c r="NJ36" s="345">
        <v>761590</v>
      </c>
      <c r="NK36" s="349">
        <v>8420448</v>
      </c>
      <c r="NL36" s="347">
        <v>8420448</v>
      </c>
      <c r="NM36" s="348">
        <v>0</v>
      </c>
      <c r="NN36" s="345">
        <v>0</v>
      </c>
      <c r="NO36" s="349">
        <v>0</v>
      </c>
      <c r="NP36" s="413">
        <v>0</v>
      </c>
      <c r="NQ36" s="345">
        <v>0</v>
      </c>
      <c r="NR36" s="345">
        <v>0</v>
      </c>
      <c r="NS36" s="345">
        <v>0</v>
      </c>
      <c r="NT36" s="345">
        <v>0</v>
      </c>
      <c r="NU36" s="345">
        <v>0</v>
      </c>
      <c r="NV36" s="349">
        <v>0</v>
      </c>
      <c r="NW36" s="350">
        <v>0</v>
      </c>
      <c r="NX36" s="348">
        <v>0</v>
      </c>
      <c r="NY36" s="345">
        <v>0</v>
      </c>
      <c r="NZ36" s="349">
        <v>0</v>
      </c>
      <c r="OA36" s="413">
        <v>0</v>
      </c>
      <c r="OB36" s="345">
        <v>283324</v>
      </c>
      <c r="OC36" s="345">
        <v>0</v>
      </c>
      <c r="OD36" s="345">
        <v>0</v>
      </c>
      <c r="OE36" s="345">
        <v>811686</v>
      </c>
      <c r="OF36" s="345">
        <v>760388</v>
      </c>
      <c r="OG36" s="349">
        <v>1855398</v>
      </c>
      <c r="OH36" s="350">
        <v>1855398</v>
      </c>
      <c r="OI36" s="348">
        <v>630610</v>
      </c>
      <c r="OJ36" s="345">
        <v>1278933</v>
      </c>
      <c r="OK36" s="346">
        <v>1909543</v>
      </c>
      <c r="OL36" s="351">
        <v>0</v>
      </c>
      <c r="OM36" s="345">
        <v>13366924</v>
      </c>
      <c r="ON36" s="345">
        <v>17398245</v>
      </c>
      <c r="OO36" s="345">
        <v>23161826</v>
      </c>
      <c r="OP36" s="345">
        <v>20508963</v>
      </c>
      <c r="OQ36" s="345">
        <v>14271655</v>
      </c>
      <c r="OR36" s="349">
        <v>88707613</v>
      </c>
      <c r="OS36" s="354">
        <v>90617156</v>
      </c>
    </row>
    <row r="37" spans="2:409" s="70" customFormat="1" ht="21" customHeight="1" x14ac:dyDescent="0.2">
      <c r="B37" s="410" t="s">
        <v>32</v>
      </c>
      <c r="C37" s="326">
        <v>839605</v>
      </c>
      <c r="D37" s="327">
        <v>1668732</v>
      </c>
      <c r="E37" s="368">
        <v>2508337</v>
      </c>
      <c r="F37" s="370">
        <v>0</v>
      </c>
      <c r="G37" s="369">
        <v>10847725</v>
      </c>
      <c r="H37" s="369">
        <v>13489074</v>
      </c>
      <c r="I37" s="369">
        <v>8259631</v>
      </c>
      <c r="J37" s="369">
        <v>8885157</v>
      </c>
      <c r="K37" s="369">
        <v>7533524</v>
      </c>
      <c r="L37" s="370">
        <v>49015111</v>
      </c>
      <c r="M37" s="330">
        <v>51523448</v>
      </c>
      <c r="N37" s="326">
        <v>243517</v>
      </c>
      <c r="O37" s="327">
        <v>367349</v>
      </c>
      <c r="P37" s="328">
        <v>610866</v>
      </c>
      <c r="Q37" s="326">
        <v>0</v>
      </c>
      <c r="R37" s="327">
        <v>3614141</v>
      </c>
      <c r="S37" s="327">
        <v>2677564</v>
      </c>
      <c r="T37" s="327">
        <v>2057661</v>
      </c>
      <c r="U37" s="327">
        <v>2882835</v>
      </c>
      <c r="V37" s="327">
        <v>3359770</v>
      </c>
      <c r="W37" s="328">
        <v>14591971</v>
      </c>
      <c r="X37" s="330">
        <v>15202837</v>
      </c>
      <c r="Y37" s="326">
        <v>0</v>
      </c>
      <c r="Z37" s="327">
        <v>0</v>
      </c>
      <c r="AA37" s="328">
        <v>0</v>
      </c>
      <c r="AB37" s="326">
        <v>0</v>
      </c>
      <c r="AC37" s="327">
        <v>1705442</v>
      </c>
      <c r="AD37" s="327">
        <v>1169508</v>
      </c>
      <c r="AE37" s="327">
        <v>1045621</v>
      </c>
      <c r="AF37" s="327">
        <v>1301071</v>
      </c>
      <c r="AG37" s="327">
        <v>1842653</v>
      </c>
      <c r="AH37" s="328">
        <v>7064295</v>
      </c>
      <c r="AI37" s="330">
        <v>7064295</v>
      </c>
      <c r="AJ37" s="326">
        <v>0</v>
      </c>
      <c r="AK37" s="327">
        <v>0</v>
      </c>
      <c r="AL37" s="328">
        <v>0</v>
      </c>
      <c r="AM37" s="326">
        <v>0</v>
      </c>
      <c r="AN37" s="327">
        <v>0</v>
      </c>
      <c r="AO37" s="327">
        <v>0</v>
      </c>
      <c r="AP37" s="327">
        <v>39723</v>
      </c>
      <c r="AQ37" s="327">
        <v>325462</v>
      </c>
      <c r="AR37" s="327">
        <v>493377</v>
      </c>
      <c r="AS37" s="328">
        <v>858562</v>
      </c>
      <c r="AT37" s="330">
        <v>858562</v>
      </c>
      <c r="AU37" s="326">
        <v>188329</v>
      </c>
      <c r="AV37" s="327">
        <v>275027</v>
      </c>
      <c r="AW37" s="328">
        <v>463356</v>
      </c>
      <c r="AX37" s="326">
        <v>0</v>
      </c>
      <c r="AY37" s="327">
        <v>1327646</v>
      </c>
      <c r="AZ37" s="327">
        <v>1077576</v>
      </c>
      <c r="BA37" s="327">
        <v>551614</v>
      </c>
      <c r="BB37" s="327">
        <v>577034</v>
      </c>
      <c r="BC37" s="327">
        <v>614587</v>
      </c>
      <c r="BD37" s="328">
        <v>4148457</v>
      </c>
      <c r="BE37" s="330">
        <v>4611813</v>
      </c>
      <c r="BF37" s="326">
        <v>0</v>
      </c>
      <c r="BG37" s="327">
        <v>0</v>
      </c>
      <c r="BH37" s="331">
        <v>0</v>
      </c>
      <c r="BI37" s="332">
        <v>0</v>
      </c>
      <c r="BJ37" s="327">
        <v>356512</v>
      </c>
      <c r="BK37" s="327">
        <v>108098</v>
      </c>
      <c r="BL37" s="327">
        <v>0</v>
      </c>
      <c r="BM37" s="327">
        <v>194732</v>
      </c>
      <c r="BN37" s="327">
        <v>109175</v>
      </c>
      <c r="BO37" s="328">
        <v>768517</v>
      </c>
      <c r="BP37" s="330">
        <v>768517</v>
      </c>
      <c r="BQ37" s="326">
        <v>55188</v>
      </c>
      <c r="BR37" s="327">
        <v>92322</v>
      </c>
      <c r="BS37" s="328">
        <v>147510</v>
      </c>
      <c r="BT37" s="326">
        <v>0</v>
      </c>
      <c r="BU37" s="327">
        <v>224541</v>
      </c>
      <c r="BV37" s="327">
        <v>322382</v>
      </c>
      <c r="BW37" s="327">
        <v>420703</v>
      </c>
      <c r="BX37" s="327">
        <v>484536</v>
      </c>
      <c r="BY37" s="327">
        <v>299978</v>
      </c>
      <c r="BZ37" s="328">
        <v>1752140</v>
      </c>
      <c r="CA37" s="330">
        <v>1899650</v>
      </c>
      <c r="CB37" s="326">
        <v>94380</v>
      </c>
      <c r="CC37" s="327">
        <v>175383</v>
      </c>
      <c r="CD37" s="328">
        <v>269763</v>
      </c>
      <c r="CE37" s="326">
        <v>0</v>
      </c>
      <c r="CF37" s="327">
        <v>3383677</v>
      </c>
      <c r="CG37" s="327">
        <v>5702344</v>
      </c>
      <c r="CH37" s="327">
        <v>2840879</v>
      </c>
      <c r="CI37" s="327">
        <v>1491561</v>
      </c>
      <c r="CJ37" s="327">
        <v>1218474</v>
      </c>
      <c r="CK37" s="328">
        <v>14636935</v>
      </c>
      <c r="CL37" s="330">
        <v>14906698</v>
      </c>
      <c r="CM37" s="326">
        <v>0</v>
      </c>
      <c r="CN37" s="327">
        <v>0</v>
      </c>
      <c r="CO37" s="328">
        <v>0</v>
      </c>
      <c r="CP37" s="332">
        <v>0</v>
      </c>
      <c r="CQ37" s="327">
        <v>2911824</v>
      </c>
      <c r="CR37" s="327">
        <v>4827567</v>
      </c>
      <c r="CS37" s="327">
        <v>2528911</v>
      </c>
      <c r="CT37" s="327">
        <v>1278069</v>
      </c>
      <c r="CU37" s="327">
        <v>956558</v>
      </c>
      <c r="CV37" s="328">
        <v>12502929</v>
      </c>
      <c r="CW37" s="330">
        <v>12502929</v>
      </c>
      <c r="CX37" s="326">
        <v>94380</v>
      </c>
      <c r="CY37" s="327">
        <v>175383</v>
      </c>
      <c r="CZ37" s="328">
        <v>269763</v>
      </c>
      <c r="DA37" s="326">
        <v>0</v>
      </c>
      <c r="DB37" s="327">
        <v>471853</v>
      </c>
      <c r="DC37" s="327">
        <v>874777</v>
      </c>
      <c r="DD37" s="327">
        <v>311968</v>
      </c>
      <c r="DE37" s="327">
        <v>213492</v>
      </c>
      <c r="DF37" s="327">
        <v>261916</v>
      </c>
      <c r="DG37" s="328">
        <v>2134006</v>
      </c>
      <c r="DH37" s="330">
        <v>2403769</v>
      </c>
      <c r="DI37" s="326">
        <v>0</v>
      </c>
      <c r="DJ37" s="327">
        <v>35321</v>
      </c>
      <c r="DK37" s="331">
        <v>35321</v>
      </c>
      <c r="DL37" s="332">
        <v>0</v>
      </c>
      <c r="DM37" s="327">
        <v>80953</v>
      </c>
      <c r="DN37" s="327">
        <v>785140</v>
      </c>
      <c r="DO37" s="327">
        <v>827574</v>
      </c>
      <c r="DP37" s="327">
        <v>394789</v>
      </c>
      <c r="DQ37" s="327">
        <v>567035</v>
      </c>
      <c r="DR37" s="328">
        <v>2655491</v>
      </c>
      <c r="DS37" s="330">
        <v>2690812</v>
      </c>
      <c r="DT37" s="326">
        <v>0</v>
      </c>
      <c r="DU37" s="327">
        <v>35321</v>
      </c>
      <c r="DV37" s="328">
        <v>35321</v>
      </c>
      <c r="DW37" s="326">
        <v>0</v>
      </c>
      <c r="DX37" s="327">
        <v>60795</v>
      </c>
      <c r="DY37" s="327">
        <v>635499</v>
      </c>
      <c r="DZ37" s="327">
        <v>827574</v>
      </c>
      <c r="EA37" s="327">
        <v>394789</v>
      </c>
      <c r="EB37" s="327">
        <v>438714</v>
      </c>
      <c r="EC37" s="328">
        <v>2357371</v>
      </c>
      <c r="ED37" s="330">
        <v>2392692</v>
      </c>
      <c r="EE37" s="326">
        <v>0</v>
      </c>
      <c r="EF37" s="331">
        <v>0</v>
      </c>
      <c r="EG37" s="328">
        <v>0</v>
      </c>
      <c r="EH37" s="326">
        <v>0</v>
      </c>
      <c r="EI37" s="327">
        <v>20158</v>
      </c>
      <c r="EJ37" s="327">
        <v>149641</v>
      </c>
      <c r="EK37" s="327">
        <v>0</v>
      </c>
      <c r="EL37" s="327">
        <v>0</v>
      </c>
      <c r="EM37" s="327">
        <v>128321</v>
      </c>
      <c r="EN37" s="331">
        <v>298120</v>
      </c>
      <c r="EO37" s="330">
        <v>298120</v>
      </c>
      <c r="EP37" s="326">
        <v>0</v>
      </c>
      <c r="EQ37" s="327">
        <v>0</v>
      </c>
      <c r="ER37" s="331">
        <v>0</v>
      </c>
      <c r="ES37" s="332">
        <v>0</v>
      </c>
      <c r="ET37" s="327">
        <v>0</v>
      </c>
      <c r="EU37" s="327">
        <v>0</v>
      </c>
      <c r="EV37" s="327">
        <v>0</v>
      </c>
      <c r="EW37" s="327">
        <v>0</v>
      </c>
      <c r="EX37" s="327">
        <v>0</v>
      </c>
      <c r="EY37" s="328">
        <v>0</v>
      </c>
      <c r="EZ37" s="330">
        <v>0</v>
      </c>
      <c r="FA37" s="326">
        <v>0</v>
      </c>
      <c r="FB37" s="327">
        <v>0</v>
      </c>
      <c r="FC37" s="331">
        <v>0</v>
      </c>
      <c r="FD37" s="332">
        <v>0</v>
      </c>
      <c r="FE37" s="327">
        <v>0</v>
      </c>
      <c r="FF37" s="327">
        <v>0</v>
      </c>
      <c r="FG37" s="327">
        <v>0</v>
      </c>
      <c r="FH37" s="327">
        <v>0</v>
      </c>
      <c r="FI37" s="327">
        <v>0</v>
      </c>
      <c r="FJ37" s="328">
        <v>0</v>
      </c>
      <c r="FK37" s="330">
        <v>0</v>
      </c>
      <c r="FL37" s="326">
        <v>137450</v>
      </c>
      <c r="FM37" s="327">
        <v>427929</v>
      </c>
      <c r="FN37" s="328">
        <v>565379</v>
      </c>
      <c r="FO37" s="326">
        <v>0</v>
      </c>
      <c r="FP37" s="327">
        <v>702579</v>
      </c>
      <c r="FQ37" s="327">
        <v>1189173</v>
      </c>
      <c r="FR37" s="327">
        <v>638882</v>
      </c>
      <c r="FS37" s="327">
        <v>787161</v>
      </c>
      <c r="FT37" s="327">
        <v>476401</v>
      </c>
      <c r="FU37" s="328">
        <v>3794196</v>
      </c>
      <c r="FV37" s="330">
        <v>4359575</v>
      </c>
      <c r="FW37" s="333">
        <v>137450</v>
      </c>
      <c r="FX37" s="327">
        <v>427929</v>
      </c>
      <c r="FY37" s="331">
        <v>565379</v>
      </c>
      <c r="FZ37" s="332">
        <v>0</v>
      </c>
      <c r="GA37" s="327">
        <v>702579</v>
      </c>
      <c r="GB37" s="327">
        <v>1189173</v>
      </c>
      <c r="GC37" s="327">
        <v>612746</v>
      </c>
      <c r="GD37" s="327">
        <v>787161</v>
      </c>
      <c r="GE37" s="327">
        <v>476401</v>
      </c>
      <c r="GF37" s="328">
        <v>3768060</v>
      </c>
      <c r="GG37" s="334">
        <v>4333439</v>
      </c>
      <c r="GH37" s="333">
        <v>0</v>
      </c>
      <c r="GI37" s="327">
        <v>0</v>
      </c>
      <c r="GJ37" s="331">
        <v>0</v>
      </c>
      <c r="GK37" s="332">
        <v>0</v>
      </c>
      <c r="GL37" s="327">
        <v>0</v>
      </c>
      <c r="GM37" s="327">
        <v>0</v>
      </c>
      <c r="GN37" s="327">
        <v>26136</v>
      </c>
      <c r="GO37" s="327">
        <v>0</v>
      </c>
      <c r="GP37" s="327">
        <v>0</v>
      </c>
      <c r="GQ37" s="328">
        <v>26136</v>
      </c>
      <c r="GR37" s="330">
        <v>26136</v>
      </c>
      <c r="GS37" s="326">
        <v>0</v>
      </c>
      <c r="GT37" s="327">
        <v>0</v>
      </c>
      <c r="GU37" s="328">
        <v>0</v>
      </c>
      <c r="GV37" s="326">
        <v>0</v>
      </c>
      <c r="GW37" s="327">
        <v>0</v>
      </c>
      <c r="GX37" s="327">
        <v>0</v>
      </c>
      <c r="GY37" s="327">
        <v>0</v>
      </c>
      <c r="GZ37" s="327">
        <v>0</v>
      </c>
      <c r="HA37" s="327">
        <v>0</v>
      </c>
      <c r="HB37" s="331">
        <v>0</v>
      </c>
      <c r="HC37" s="330">
        <v>0</v>
      </c>
      <c r="HD37" s="326">
        <v>225658</v>
      </c>
      <c r="HE37" s="327">
        <v>407770</v>
      </c>
      <c r="HF37" s="331">
        <v>633428</v>
      </c>
      <c r="HG37" s="332">
        <v>0</v>
      </c>
      <c r="HH37" s="327">
        <v>1135944</v>
      </c>
      <c r="HI37" s="327">
        <v>1382219</v>
      </c>
      <c r="HJ37" s="327">
        <v>1149763</v>
      </c>
      <c r="HK37" s="327">
        <v>2804667</v>
      </c>
      <c r="HL37" s="327">
        <v>1508149</v>
      </c>
      <c r="HM37" s="328">
        <v>7980742</v>
      </c>
      <c r="HN37" s="329">
        <v>8614170</v>
      </c>
      <c r="HO37" s="333">
        <v>138600</v>
      </c>
      <c r="HP37" s="327">
        <v>254980</v>
      </c>
      <c r="HQ37" s="328">
        <v>393580</v>
      </c>
      <c r="HR37" s="326">
        <v>0</v>
      </c>
      <c r="HS37" s="327">
        <v>1930431</v>
      </c>
      <c r="HT37" s="327">
        <v>1752634</v>
      </c>
      <c r="HU37" s="327">
        <v>744872</v>
      </c>
      <c r="HV37" s="327">
        <v>524144</v>
      </c>
      <c r="HW37" s="327">
        <v>403695</v>
      </c>
      <c r="HX37" s="331">
        <v>5355776</v>
      </c>
      <c r="HY37" s="330">
        <v>5749356</v>
      </c>
      <c r="HZ37" s="335">
        <v>0</v>
      </c>
      <c r="IA37" s="336">
        <v>580419</v>
      </c>
      <c r="IB37" s="337">
        <v>580419</v>
      </c>
      <c r="IC37" s="338">
        <v>0</v>
      </c>
      <c r="ID37" s="336">
        <v>5162032</v>
      </c>
      <c r="IE37" s="339">
        <v>3911236</v>
      </c>
      <c r="IF37" s="337">
        <v>7157181</v>
      </c>
      <c r="IG37" s="336">
        <v>6806171</v>
      </c>
      <c r="IH37" s="337">
        <v>2932841</v>
      </c>
      <c r="II37" s="340">
        <v>25969461</v>
      </c>
      <c r="IJ37" s="341">
        <v>26549880</v>
      </c>
      <c r="IK37" s="342">
        <v>0</v>
      </c>
      <c r="IL37" s="343">
        <v>0</v>
      </c>
      <c r="IM37" s="344">
        <v>0</v>
      </c>
      <c r="IN37" s="404">
        <v>0</v>
      </c>
      <c r="IO37" s="345">
        <v>0</v>
      </c>
      <c r="IP37" s="345">
        <v>396703</v>
      </c>
      <c r="IQ37" s="345">
        <v>194742</v>
      </c>
      <c r="IR37" s="345">
        <v>403254</v>
      </c>
      <c r="IS37" s="345">
        <v>0</v>
      </c>
      <c r="IT37" s="346">
        <v>994699</v>
      </c>
      <c r="IU37" s="347">
        <v>994699</v>
      </c>
      <c r="IV37" s="348">
        <v>0</v>
      </c>
      <c r="IW37" s="345">
        <v>0</v>
      </c>
      <c r="IX37" s="349">
        <v>0</v>
      </c>
      <c r="IY37" s="413">
        <v>0</v>
      </c>
      <c r="IZ37" s="345">
        <v>0</v>
      </c>
      <c r="JA37" s="345">
        <v>0</v>
      </c>
      <c r="JB37" s="345">
        <v>0</v>
      </c>
      <c r="JC37" s="345">
        <v>0</v>
      </c>
      <c r="JD37" s="345">
        <v>0</v>
      </c>
      <c r="JE37" s="349">
        <v>0</v>
      </c>
      <c r="JF37" s="350">
        <v>0</v>
      </c>
      <c r="JG37" s="348">
        <v>0</v>
      </c>
      <c r="JH37" s="345">
        <v>0</v>
      </c>
      <c r="JI37" s="346">
        <v>0</v>
      </c>
      <c r="JJ37" s="351">
        <v>0</v>
      </c>
      <c r="JK37" s="345">
        <v>2765044</v>
      </c>
      <c r="JL37" s="345">
        <v>2236631</v>
      </c>
      <c r="JM37" s="345">
        <v>361404</v>
      </c>
      <c r="JN37" s="345">
        <v>410781</v>
      </c>
      <c r="JO37" s="345">
        <v>167354</v>
      </c>
      <c r="JP37" s="349">
        <v>5941214</v>
      </c>
      <c r="JQ37" s="347">
        <v>5941214</v>
      </c>
      <c r="JR37" s="348">
        <v>0</v>
      </c>
      <c r="JS37" s="345">
        <v>0</v>
      </c>
      <c r="JT37" s="346">
        <v>0</v>
      </c>
      <c r="JU37" s="351">
        <v>0</v>
      </c>
      <c r="JV37" s="345">
        <v>407022</v>
      </c>
      <c r="JW37" s="345">
        <v>115021</v>
      </c>
      <c r="JX37" s="345">
        <v>234630</v>
      </c>
      <c r="JY37" s="345">
        <v>0</v>
      </c>
      <c r="JZ37" s="345">
        <v>168013</v>
      </c>
      <c r="KA37" s="349">
        <v>924686</v>
      </c>
      <c r="KB37" s="347">
        <v>924686</v>
      </c>
      <c r="KC37" s="352">
        <v>0</v>
      </c>
      <c r="KD37" s="353">
        <v>315693</v>
      </c>
      <c r="KE37" s="349">
        <v>315693</v>
      </c>
      <c r="KF37" s="351">
        <v>0</v>
      </c>
      <c r="KG37" s="345">
        <v>1260638</v>
      </c>
      <c r="KH37" s="345">
        <v>329985</v>
      </c>
      <c r="KI37" s="345">
        <v>729789</v>
      </c>
      <c r="KJ37" s="345">
        <v>1731087</v>
      </c>
      <c r="KK37" s="345">
        <v>0</v>
      </c>
      <c r="KL37" s="349">
        <v>4051499</v>
      </c>
      <c r="KM37" s="354">
        <v>4367192</v>
      </c>
      <c r="KN37" s="342">
        <v>0</v>
      </c>
      <c r="KO37" s="343">
        <v>264726</v>
      </c>
      <c r="KP37" s="344">
        <v>264726</v>
      </c>
      <c r="KQ37" s="413">
        <v>0</v>
      </c>
      <c r="KR37" s="345">
        <v>533461</v>
      </c>
      <c r="KS37" s="345">
        <v>832896</v>
      </c>
      <c r="KT37" s="345">
        <v>2215861</v>
      </c>
      <c r="KU37" s="345">
        <v>2423222</v>
      </c>
      <c r="KV37" s="345">
        <v>1176842</v>
      </c>
      <c r="KW37" s="349">
        <v>7182282</v>
      </c>
      <c r="KX37" s="347">
        <v>7447008</v>
      </c>
      <c r="KY37" s="348">
        <v>0</v>
      </c>
      <c r="KZ37" s="345">
        <v>0</v>
      </c>
      <c r="LA37" s="349">
        <v>0</v>
      </c>
      <c r="LB37" s="413">
        <v>0</v>
      </c>
      <c r="LC37" s="345">
        <v>0</v>
      </c>
      <c r="LD37" s="345">
        <v>0</v>
      </c>
      <c r="LE37" s="345">
        <v>0</v>
      </c>
      <c r="LF37" s="345">
        <v>0</v>
      </c>
      <c r="LG37" s="345">
        <v>0</v>
      </c>
      <c r="LH37" s="349">
        <v>0</v>
      </c>
      <c r="LI37" s="350">
        <v>0</v>
      </c>
      <c r="LJ37" s="348">
        <v>0</v>
      </c>
      <c r="LK37" s="345">
        <v>0</v>
      </c>
      <c r="LL37" s="349">
        <v>0</v>
      </c>
      <c r="LM37" s="413">
        <v>0</v>
      </c>
      <c r="LN37" s="345">
        <v>195867</v>
      </c>
      <c r="LO37" s="345">
        <v>0</v>
      </c>
      <c r="LP37" s="345">
        <v>3420755</v>
      </c>
      <c r="LQ37" s="345">
        <v>1837827</v>
      </c>
      <c r="LR37" s="345">
        <v>1420632</v>
      </c>
      <c r="LS37" s="349">
        <v>6875081</v>
      </c>
      <c r="LT37" s="347">
        <v>6875081</v>
      </c>
      <c r="LU37" s="348">
        <v>0</v>
      </c>
      <c r="LV37" s="345">
        <v>0</v>
      </c>
      <c r="LW37" s="349">
        <v>0</v>
      </c>
      <c r="LX37" s="413">
        <v>0</v>
      </c>
      <c r="LY37" s="345">
        <v>0</v>
      </c>
      <c r="LZ37" s="345">
        <v>0</v>
      </c>
      <c r="MA37" s="345">
        <v>0</v>
      </c>
      <c r="MB37" s="345">
        <v>0</v>
      </c>
      <c r="MC37" s="345">
        <v>0</v>
      </c>
      <c r="MD37" s="349">
        <v>0</v>
      </c>
      <c r="ME37" s="350">
        <v>0</v>
      </c>
      <c r="MF37" s="348">
        <v>0</v>
      </c>
      <c r="MG37" s="345">
        <v>0</v>
      </c>
      <c r="MH37" s="349">
        <v>0</v>
      </c>
      <c r="MI37" s="413">
        <v>0</v>
      </c>
      <c r="MJ37" s="345">
        <v>2957815</v>
      </c>
      <c r="MK37" s="345">
        <v>1417424</v>
      </c>
      <c r="ML37" s="345">
        <v>7176395</v>
      </c>
      <c r="MM37" s="345">
        <v>11092519</v>
      </c>
      <c r="MN37" s="345">
        <v>8198967</v>
      </c>
      <c r="MO37" s="349">
        <v>30843120</v>
      </c>
      <c r="MP37" s="354">
        <v>30843120</v>
      </c>
      <c r="MQ37" s="348">
        <v>0</v>
      </c>
      <c r="MR37" s="345">
        <v>0</v>
      </c>
      <c r="MS37" s="349">
        <v>0</v>
      </c>
      <c r="MT37" s="413">
        <v>0</v>
      </c>
      <c r="MU37" s="345">
        <v>437938</v>
      </c>
      <c r="MV37" s="345">
        <v>0</v>
      </c>
      <c r="MW37" s="345">
        <v>3870033</v>
      </c>
      <c r="MX37" s="345">
        <v>7554195</v>
      </c>
      <c r="MY37" s="345">
        <v>6868174</v>
      </c>
      <c r="MZ37" s="349">
        <v>18730340</v>
      </c>
      <c r="NA37" s="354">
        <v>18730340</v>
      </c>
      <c r="NB37" s="348">
        <v>0</v>
      </c>
      <c r="NC37" s="345">
        <v>0</v>
      </c>
      <c r="ND37" s="349">
        <v>0</v>
      </c>
      <c r="NE37" s="413">
        <v>0</v>
      </c>
      <c r="NF37" s="345">
        <v>1968682</v>
      </c>
      <c r="NG37" s="345">
        <v>1417424</v>
      </c>
      <c r="NH37" s="345">
        <v>2618078</v>
      </c>
      <c r="NI37" s="345">
        <v>3538324</v>
      </c>
      <c r="NJ37" s="345">
        <v>919954</v>
      </c>
      <c r="NK37" s="349">
        <v>10462462</v>
      </c>
      <c r="NL37" s="347">
        <v>10462462</v>
      </c>
      <c r="NM37" s="348">
        <v>0</v>
      </c>
      <c r="NN37" s="345">
        <v>0</v>
      </c>
      <c r="NO37" s="349">
        <v>0</v>
      </c>
      <c r="NP37" s="413">
        <v>0</v>
      </c>
      <c r="NQ37" s="345">
        <v>0</v>
      </c>
      <c r="NR37" s="345">
        <v>0</v>
      </c>
      <c r="NS37" s="345">
        <v>0</v>
      </c>
      <c r="NT37" s="345">
        <v>0</v>
      </c>
      <c r="NU37" s="345">
        <v>0</v>
      </c>
      <c r="NV37" s="349">
        <v>0</v>
      </c>
      <c r="NW37" s="350">
        <v>0</v>
      </c>
      <c r="NX37" s="348">
        <v>0</v>
      </c>
      <c r="NY37" s="345">
        <v>0</v>
      </c>
      <c r="NZ37" s="349">
        <v>0</v>
      </c>
      <c r="OA37" s="413">
        <v>0</v>
      </c>
      <c r="OB37" s="345">
        <v>551195</v>
      </c>
      <c r="OC37" s="345">
        <v>0</v>
      </c>
      <c r="OD37" s="345">
        <v>688284</v>
      </c>
      <c r="OE37" s="345">
        <v>0</v>
      </c>
      <c r="OF37" s="345">
        <v>410839</v>
      </c>
      <c r="OG37" s="349">
        <v>1650318</v>
      </c>
      <c r="OH37" s="350">
        <v>1650318</v>
      </c>
      <c r="OI37" s="348">
        <v>839605</v>
      </c>
      <c r="OJ37" s="345">
        <v>2249151</v>
      </c>
      <c r="OK37" s="346">
        <v>3088756</v>
      </c>
      <c r="OL37" s="351">
        <v>0</v>
      </c>
      <c r="OM37" s="345">
        <v>18967572</v>
      </c>
      <c r="ON37" s="345">
        <v>18817734</v>
      </c>
      <c r="OO37" s="345">
        <v>22593207</v>
      </c>
      <c r="OP37" s="345">
        <v>26783847</v>
      </c>
      <c r="OQ37" s="345">
        <v>18665332</v>
      </c>
      <c r="OR37" s="349">
        <v>105827692</v>
      </c>
      <c r="OS37" s="354">
        <v>108916448</v>
      </c>
    </row>
    <row r="38" spans="2:409" s="70" customFormat="1" ht="21" customHeight="1" x14ac:dyDescent="0.2">
      <c r="B38" s="410" t="s">
        <v>33</v>
      </c>
      <c r="C38" s="326">
        <v>1121994</v>
      </c>
      <c r="D38" s="327">
        <v>1996847</v>
      </c>
      <c r="E38" s="328">
        <v>3118841</v>
      </c>
      <c r="F38" s="329">
        <v>0</v>
      </c>
      <c r="G38" s="327">
        <v>11866394</v>
      </c>
      <c r="H38" s="327">
        <v>10155094</v>
      </c>
      <c r="I38" s="327">
        <v>9446446</v>
      </c>
      <c r="J38" s="327">
        <v>4058749</v>
      </c>
      <c r="K38" s="327">
        <v>5397512</v>
      </c>
      <c r="L38" s="367">
        <v>40924195</v>
      </c>
      <c r="M38" s="330">
        <v>44043036</v>
      </c>
      <c r="N38" s="326">
        <v>374064</v>
      </c>
      <c r="O38" s="327">
        <v>783304</v>
      </c>
      <c r="P38" s="328">
        <v>1157368</v>
      </c>
      <c r="Q38" s="326">
        <v>0</v>
      </c>
      <c r="R38" s="327">
        <v>4143067</v>
      </c>
      <c r="S38" s="327">
        <v>2693018</v>
      </c>
      <c r="T38" s="327">
        <v>2603957</v>
      </c>
      <c r="U38" s="327">
        <v>859796</v>
      </c>
      <c r="V38" s="327">
        <v>2079757</v>
      </c>
      <c r="W38" s="328">
        <v>12379595</v>
      </c>
      <c r="X38" s="330">
        <v>13536963</v>
      </c>
      <c r="Y38" s="326">
        <v>0</v>
      </c>
      <c r="Z38" s="327">
        <v>0</v>
      </c>
      <c r="AA38" s="328">
        <v>0</v>
      </c>
      <c r="AB38" s="326">
        <v>0</v>
      </c>
      <c r="AC38" s="327">
        <v>1169806</v>
      </c>
      <c r="AD38" s="327">
        <v>1003393</v>
      </c>
      <c r="AE38" s="327">
        <v>1336960</v>
      </c>
      <c r="AF38" s="327">
        <v>164076</v>
      </c>
      <c r="AG38" s="327">
        <v>1354386</v>
      </c>
      <c r="AH38" s="328">
        <v>5028621</v>
      </c>
      <c r="AI38" s="330">
        <v>5028621</v>
      </c>
      <c r="AJ38" s="326">
        <v>0</v>
      </c>
      <c r="AK38" s="327">
        <v>0</v>
      </c>
      <c r="AL38" s="328">
        <v>0</v>
      </c>
      <c r="AM38" s="326">
        <v>0</v>
      </c>
      <c r="AN38" s="327">
        <v>0</v>
      </c>
      <c r="AO38" s="327">
        <v>38907</v>
      </c>
      <c r="AP38" s="327">
        <v>64845</v>
      </c>
      <c r="AQ38" s="327">
        <v>152894</v>
      </c>
      <c r="AR38" s="327">
        <v>246314</v>
      </c>
      <c r="AS38" s="328">
        <v>502960</v>
      </c>
      <c r="AT38" s="330">
        <v>502960</v>
      </c>
      <c r="AU38" s="326">
        <v>0</v>
      </c>
      <c r="AV38" s="327">
        <v>82381</v>
      </c>
      <c r="AW38" s="328">
        <v>82381</v>
      </c>
      <c r="AX38" s="326">
        <v>0</v>
      </c>
      <c r="AY38" s="327">
        <v>687968</v>
      </c>
      <c r="AZ38" s="327">
        <v>455030</v>
      </c>
      <c r="BA38" s="327">
        <v>225413</v>
      </c>
      <c r="BB38" s="327">
        <v>157364</v>
      </c>
      <c r="BC38" s="327">
        <v>95967</v>
      </c>
      <c r="BD38" s="328">
        <v>1621742</v>
      </c>
      <c r="BE38" s="330">
        <v>1704123</v>
      </c>
      <c r="BF38" s="326">
        <v>267117</v>
      </c>
      <c r="BG38" s="327">
        <v>621962</v>
      </c>
      <c r="BH38" s="331">
        <v>889079</v>
      </c>
      <c r="BI38" s="332">
        <v>0</v>
      </c>
      <c r="BJ38" s="327">
        <v>1762587</v>
      </c>
      <c r="BK38" s="327">
        <v>690021</v>
      </c>
      <c r="BL38" s="327">
        <v>440743</v>
      </c>
      <c r="BM38" s="327">
        <v>214145</v>
      </c>
      <c r="BN38" s="327">
        <v>125347</v>
      </c>
      <c r="BO38" s="328">
        <v>3232843</v>
      </c>
      <c r="BP38" s="330">
        <v>4121922</v>
      </c>
      <c r="BQ38" s="326">
        <v>106947</v>
      </c>
      <c r="BR38" s="327">
        <v>78961</v>
      </c>
      <c r="BS38" s="328">
        <v>185908</v>
      </c>
      <c r="BT38" s="326">
        <v>0</v>
      </c>
      <c r="BU38" s="327">
        <v>522706</v>
      </c>
      <c r="BV38" s="327">
        <v>505667</v>
      </c>
      <c r="BW38" s="327">
        <v>535996</v>
      </c>
      <c r="BX38" s="327">
        <v>171317</v>
      </c>
      <c r="BY38" s="327">
        <v>257743</v>
      </c>
      <c r="BZ38" s="328">
        <v>1993429</v>
      </c>
      <c r="CA38" s="330">
        <v>2179337</v>
      </c>
      <c r="CB38" s="326">
        <v>160362</v>
      </c>
      <c r="CC38" s="327">
        <v>557777</v>
      </c>
      <c r="CD38" s="328">
        <v>718139</v>
      </c>
      <c r="CE38" s="326">
        <v>0</v>
      </c>
      <c r="CF38" s="327">
        <v>2434881</v>
      </c>
      <c r="CG38" s="327">
        <v>1830931</v>
      </c>
      <c r="CH38" s="327">
        <v>956535</v>
      </c>
      <c r="CI38" s="327">
        <v>528592</v>
      </c>
      <c r="CJ38" s="327">
        <v>409063</v>
      </c>
      <c r="CK38" s="328">
        <v>6160002</v>
      </c>
      <c r="CL38" s="330">
        <v>6878141</v>
      </c>
      <c r="CM38" s="326">
        <v>0</v>
      </c>
      <c r="CN38" s="327">
        <v>0</v>
      </c>
      <c r="CO38" s="328">
        <v>0</v>
      </c>
      <c r="CP38" s="332">
        <v>0</v>
      </c>
      <c r="CQ38" s="327">
        <v>742413</v>
      </c>
      <c r="CR38" s="327">
        <v>736185</v>
      </c>
      <c r="CS38" s="327">
        <v>322812</v>
      </c>
      <c r="CT38" s="327">
        <v>281726</v>
      </c>
      <c r="CU38" s="327">
        <v>189649</v>
      </c>
      <c r="CV38" s="328">
        <v>2272785</v>
      </c>
      <c r="CW38" s="330">
        <v>2272785</v>
      </c>
      <c r="CX38" s="326">
        <v>160362</v>
      </c>
      <c r="CY38" s="327">
        <v>557777</v>
      </c>
      <c r="CZ38" s="328">
        <v>718139</v>
      </c>
      <c r="DA38" s="326">
        <v>0</v>
      </c>
      <c r="DB38" s="327">
        <v>1692468</v>
      </c>
      <c r="DC38" s="327">
        <v>1094746</v>
      </c>
      <c r="DD38" s="327">
        <v>633723</v>
      </c>
      <c r="DE38" s="327">
        <v>246866</v>
      </c>
      <c r="DF38" s="327">
        <v>219414</v>
      </c>
      <c r="DG38" s="328">
        <v>3887217</v>
      </c>
      <c r="DH38" s="330">
        <v>4605356</v>
      </c>
      <c r="DI38" s="326">
        <v>0</v>
      </c>
      <c r="DJ38" s="327">
        <v>44665</v>
      </c>
      <c r="DK38" s="331">
        <v>44665</v>
      </c>
      <c r="DL38" s="332">
        <v>0</v>
      </c>
      <c r="DM38" s="327">
        <v>241201</v>
      </c>
      <c r="DN38" s="327">
        <v>599717</v>
      </c>
      <c r="DO38" s="327">
        <v>556649</v>
      </c>
      <c r="DP38" s="327">
        <v>391827</v>
      </c>
      <c r="DQ38" s="327">
        <v>540153</v>
      </c>
      <c r="DR38" s="328">
        <v>2329547</v>
      </c>
      <c r="DS38" s="330">
        <v>2374212</v>
      </c>
      <c r="DT38" s="326">
        <v>0</v>
      </c>
      <c r="DU38" s="327">
        <v>44665</v>
      </c>
      <c r="DV38" s="328">
        <v>44665</v>
      </c>
      <c r="DW38" s="326">
        <v>0</v>
      </c>
      <c r="DX38" s="327">
        <v>110650</v>
      </c>
      <c r="DY38" s="327">
        <v>538765</v>
      </c>
      <c r="DZ38" s="327">
        <v>556649</v>
      </c>
      <c r="EA38" s="327">
        <v>391827</v>
      </c>
      <c r="EB38" s="327">
        <v>540153</v>
      </c>
      <c r="EC38" s="328">
        <v>2138044</v>
      </c>
      <c r="ED38" s="330">
        <v>2182709</v>
      </c>
      <c r="EE38" s="326">
        <v>0</v>
      </c>
      <c r="EF38" s="331">
        <v>0</v>
      </c>
      <c r="EG38" s="328">
        <v>0</v>
      </c>
      <c r="EH38" s="326">
        <v>0</v>
      </c>
      <c r="EI38" s="327">
        <v>130551</v>
      </c>
      <c r="EJ38" s="327">
        <v>60952</v>
      </c>
      <c r="EK38" s="327">
        <v>0</v>
      </c>
      <c r="EL38" s="327">
        <v>0</v>
      </c>
      <c r="EM38" s="327">
        <v>0</v>
      </c>
      <c r="EN38" s="331">
        <v>191503</v>
      </c>
      <c r="EO38" s="330">
        <v>191503</v>
      </c>
      <c r="EP38" s="326">
        <v>0</v>
      </c>
      <c r="EQ38" s="327">
        <v>0</v>
      </c>
      <c r="ER38" s="331">
        <v>0</v>
      </c>
      <c r="ES38" s="332">
        <v>0</v>
      </c>
      <c r="ET38" s="327">
        <v>0</v>
      </c>
      <c r="EU38" s="327">
        <v>0</v>
      </c>
      <c r="EV38" s="327">
        <v>0</v>
      </c>
      <c r="EW38" s="327">
        <v>0</v>
      </c>
      <c r="EX38" s="327">
        <v>0</v>
      </c>
      <c r="EY38" s="328">
        <v>0</v>
      </c>
      <c r="EZ38" s="330">
        <v>0</v>
      </c>
      <c r="FA38" s="326">
        <v>0</v>
      </c>
      <c r="FB38" s="327">
        <v>0</v>
      </c>
      <c r="FC38" s="331">
        <v>0</v>
      </c>
      <c r="FD38" s="332">
        <v>0</v>
      </c>
      <c r="FE38" s="327">
        <v>0</v>
      </c>
      <c r="FF38" s="327">
        <v>0</v>
      </c>
      <c r="FG38" s="327">
        <v>0</v>
      </c>
      <c r="FH38" s="327">
        <v>0</v>
      </c>
      <c r="FI38" s="327">
        <v>0</v>
      </c>
      <c r="FJ38" s="328">
        <v>0</v>
      </c>
      <c r="FK38" s="330">
        <v>0</v>
      </c>
      <c r="FL38" s="326">
        <v>317535</v>
      </c>
      <c r="FM38" s="327">
        <v>195617</v>
      </c>
      <c r="FN38" s="328">
        <v>513152</v>
      </c>
      <c r="FO38" s="326">
        <v>0</v>
      </c>
      <c r="FP38" s="327">
        <v>569947</v>
      </c>
      <c r="FQ38" s="327">
        <v>607105</v>
      </c>
      <c r="FR38" s="327">
        <v>375918</v>
      </c>
      <c r="FS38" s="327">
        <v>234876</v>
      </c>
      <c r="FT38" s="327">
        <v>323158</v>
      </c>
      <c r="FU38" s="328">
        <v>2111004</v>
      </c>
      <c r="FV38" s="330">
        <v>2624156</v>
      </c>
      <c r="FW38" s="333">
        <v>109635</v>
      </c>
      <c r="FX38" s="327">
        <v>195617</v>
      </c>
      <c r="FY38" s="331">
        <v>305252</v>
      </c>
      <c r="FZ38" s="332">
        <v>0</v>
      </c>
      <c r="GA38" s="327">
        <v>552127</v>
      </c>
      <c r="GB38" s="327">
        <v>607105</v>
      </c>
      <c r="GC38" s="327">
        <v>358098</v>
      </c>
      <c r="GD38" s="327">
        <v>234876</v>
      </c>
      <c r="GE38" s="327">
        <v>323158</v>
      </c>
      <c r="GF38" s="328">
        <v>2075364</v>
      </c>
      <c r="GG38" s="334">
        <v>2380616</v>
      </c>
      <c r="GH38" s="333">
        <v>29700</v>
      </c>
      <c r="GI38" s="327">
        <v>0</v>
      </c>
      <c r="GJ38" s="331">
        <v>29700</v>
      </c>
      <c r="GK38" s="332">
        <v>0</v>
      </c>
      <c r="GL38" s="327">
        <v>17820</v>
      </c>
      <c r="GM38" s="327">
        <v>0</v>
      </c>
      <c r="GN38" s="327">
        <v>17820</v>
      </c>
      <c r="GO38" s="327">
        <v>0</v>
      </c>
      <c r="GP38" s="327">
        <v>0</v>
      </c>
      <c r="GQ38" s="328">
        <v>35640</v>
      </c>
      <c r="GR38" s="330">
        <v>65340</v>
      </c>
      <c r="GS38" s="326">
        <v>178200</v>
      </c>
      <c r="GT38" s="327">
        <v>0</v>
      </c>
      <c r="GU38" s="328">
        <v>178200</v>
      </c>
      <c r="GV38" s="326">
        <v>0</v>
      </c>
      <c r="GW38" s="327">
        <v>0</v>
      </c>
      <c r="GX38" s="327">
        <v>0</v>
      </c>
      <c r="GY38" s="327">
        <v>0</v>
      </c>
      <c r="GZ38" s="327">
        <v>0</v>
      </c>
      <c r="HA38" s="327">
        <v>0</v>
      </c>
      <c r="HB38" s="331">
        <v>0</v>
      </c>
      <c r="HC38" s="330">
        <v>178200</v>
      </c>
      <c r="HD38" s="326">
        <v>131084</v>
      </c>
      <c r="HE38" s="327">
        <v>189884</v>
      </c>
      <c r="HF38" s="331">
        <v>320968</v>
      </c>
      <c r="HG38" s="332">
        <v>0</v>
      </c>
      <c r="HH38" s="327">
        <v>2867722</v>
      </c>
      <c r="HI38" s="327">
        <v>3598485</v>
      </c>
      <c r="HJ38" s="327">
        <v>4412278</v>
      </c>
      <c r="HK38" s="327">
        <v>1684786</v>
      </c>
      <c r="HL38" s="327">
        <v>1757686</v>
      </c>
      <c r="HM38" s="328">
        <v>14320957</v>
      </c>
      <c r="HN38" s="329">
        <v>14641925</v>
      </c>
      <c r="HO38" s="333">
        <v>138949</v>
      </c>
      <c r="HP38" s="327">
        <v>225600</v>
      </c>
      <c r="HQ38" s="328">
        <v>364549</v>
      </c>
      <c r="HR38" s="326">
        <v>0</v>
      </c>
      <c r="HS38" s="327">
        <v>1609576</v>
      </c>
      <c r="HT38" s="327">
        <v>825838</v>
      </c>
      <c r="HU38" s="327">
        <v>541109</v>
      </c>
      <c r="HV38" s="327">
        <v>358872</v>
      </c>
      <c r="HW38" s="327">
        <v>287695</v>
      </c>
      <c r="HX38" s="331">
        <v>3623090</v>
      </c>
      <c r="HY38" s="330">
        <v>3987639</v>
      </c>
      <c r="HZ38" s="358">
        <v>0</v>
      </c>
      <c r="IA38" s="356">
        <v>250800</v>
      </c>
      <c r="IB38" s="358">
        <v>250800</v>
      </c>
      <c r="IC38" s="338">
        <v>0</v>
      </c>
      <c r="ID38" s="336">
        <v>2153465</v>
      </c>
      <c r="IE38" s="339">
        <v>1707123</v>
      </c>
      <c r="IF38" s="337">
        <v>2585654</v>
      </c>
      <c r="IG38" s="336">
        <v>1112525</v>
      </c>
      <c r="IH38" s="337">
        <v>476274</v>
      </c>
      <c r="II38" s="340">
        <v>8035041</v>
      </c>
      <c r="IJ38" s="358">
        <v>8285841</v>
      </c>
      <c r="IK38" s="342">
        <v>0</v>
      </c>
      <c r="IL38" s="343">
        <v>0</v>
      </c>
      <c r="IM38" s="344">
        <v>0</v>
      </c>
      <c r="IN38" s="404">
        <v>0</v>
      </c>
      <c r="IO38" s="345">
        <v>0</v>
      </c>
      <c r="IP38" s="345">
        <v>0</v>
      </c>
      <c r="IQ38" s="345">
        <v>0</v>
      </c>
      <c r="IR38" s="345">
        <v>0</v>
      </c>
      <c r="IS38" s="345">
        <v>0</v>
      </c>
      <c r="IT38" s="346">
        <v>0</v>
      </c>
      <c r="IU38" s="347">
        <v>0</v>
      </c>
      <c r="IV38" s="348">
        <v>0</v>
      </c>
      <c r="IW38" s="345">
        <v>0</v>
      </c>
      <c r="IX38" s="349">
        <v>0</v>
      </c>
      <c r="IY38" s="413">
        <v>0</v>
      </c>
      <c r="IZ38" s="345">
        <v>0</v>
      </c>
      <c r="JA38" s="345">
        <v>0</v>
      </c>
      <c r="JB38" s="345">
        <v>0</v>
      </c>
      <c r="JC38" s="345">
        <v>0</v>
      </c>
      <c r="JD38" s="345">
        <v>0</v>
      </c>
      <c r="JE38" s="349">
        <v>0</v>
      </c>
      <c r="JF38" s="350">
        <v>0</v>
      </c>
      <c r="JG38" s="348">
        <v>0</v>
      </c>
      <c r="JH38" s="345">
        <v>0</v>
      </c>
      <c r="JI38" s="346">
        <v>0</v>
      </c>
      <c r="JJ38" s="351">
        <v>0</v>
      </c>
      <c r="JK38" s="345">
        <v>1355244</v>
      </c>
      <c r="JL38" s="345">
        <v>877464</v>
      </c>
      <c r="JM38" s="345">
        <v>502667</v>
      </c>
      <c r="JN38" s="345">
        <v>532751</v>
      </c>
      <c r="JO38" s="345">
        <v>180720</v>
      </c>
      <c r="JP38" s="349">
        <v>3448846</v>
      </c>
      <c r="JQ38" s="347">
        <v>3448846</v>
      </c>
      <c r="JR38" s="348">
        <v>0</v>
      </c>
      <c r="JS38" s="345">
        <v>0</v>
      </c>
      <c r="JT38" s="346">
        <v>0</v>
      </c>
      <c r="JU38" s="351">
        <v>0</v>
      </c>
      <c r="JV38" s="345">
        <v>0</v>
      </c>
      <c r="JW38" s="345">
        <v>0</v>
      </c>
      <c r="JX38" s="345">
        <v>0</v>
      </c>
      <c r="JY38" s="345">
        <v>0</v>
      </c>
      <c r="JZ38" s="345">
        <v>0</v>
      </c>
      <c r="KA38" s="349">
        <v>0</v>
      </c>
      <c r="KB38" s="347">
        <v>0</v>
      </c>
      <c r="KC38" s="352">
        <v>0</v>
      </c>
      <c r="KD38" s="353">
        <v>0</v>
      </c>
      <c r="KE38" s="349">
        <v>0</v>
      </c>
      <c r="KF38" s="351">
        <v>0</v>
      </c>
      <c r="KG38" s="345">
        <v>0</v>
      </c>
      <c r="KH38" s="345">
        <v>0</v>
      </c>
      <c r="KI38" s="345">
        <v>0</v>
      </c>
      <c r="KJ38" s="345">
        <v>0</v>
      </c>
      <c r="KK38" s="345">
        <v>0</v>
      </c>
      <c r="KL38" s="349">
        <v>0</v>
      </c>
      <c r="KM38" s="354">
        <v>0</v>
      </c>
      <c r="KN38" s="342">
        <v>0</v>
      </c>
      <c r="KO38" s="343">
        <v>250800</v>
      </c>
      <c r="KP38" s="344">
        <v>250800</v>
      </c>
      <c r="KQ38" s="413">
        <v>0</v>
      </c>
      <c r="KR38" s="345">
        <v>798221</v>
      </c>
      <c r="KS38" s="345">
        <v>829659</v>
      </c>
      <c r="KT38" s="345">
        <v>2082987</v>
      </c>
      <c r="KU38" s="345">
        <v>579774</v>
      </c>
      <c r="KV38" s="345">
        <v>295554</v>
      </c>
      <c r="KW38" s="349">
        <v>4586195</v>
      </c>
      <c r="KX38" s="347">
        <v>4836995</v>
      </c>
      <c r="KY38" s="348">
        <v>0</v>
      </c>
      <c r="KZ38" s="345">
        <v>0</v>
      </c>
      <c r="LA38" s="349">
        <v>0</v>
      </c>
      <c r="LB38" s="413">
        <v>0</v>
      </c>
      <c r="LC38" s="345">
        <v>0</v>
      </c>
      <c r="LD38" s="345">
        <v>0</v>
      </c>
      <c r="LE38" s="345">
        <v>0</v>
      </c>
      <c r="LF38" s="345">
        <v>0</v>
      </c>
      <c r="LG38" s="345">
        <v>0</v>
      </c>
      <c r="LH38" s="349">
        <v>0</v>
      </c>
      <c r="LI38" s="350">
        <v>0</v>
      </c>
      <c r="LJ38" s="348">
        <v>0</v>
      </c>
      <c r="LK38" s="345">
        <v>0</v>
      </c>
      <c r="LL38" s="349">
        <v>0</v>
      </c>
      <c r="LM38" s="413">
        <v>0</v>
      </c>
      <c r="LN38" s="345">
        <v>0</v>
      </c>
      <c r="LO38" s="345">
        <v>0</v>
      </c>
      <c r="LP38" s="345">
        <v>0</v>
      </c>
      <c r="LQ38" s="345">
        <v>0</v>
      </c>
      <c r="LR38" s="345">
        <v>0</v>
      </c>
      <c r="LS38" s="349">
        <v>0</v>
      </c>
      <c r="LT38" s="347">
        <v>0</v>
      </c>
      <c r="LU38" s="348">
        <v>0</v>
      </c>
      <c r="LV38" s="345">
        <v>0</v>
      </c>
      <c r="LW38" s="349">
        <v>0</v>
      </c>
      <c r="LX38" s="413">
        <v>0</v>
      </c>
      <c r="LY38" s="345">
        <v>0</v>
      </c>
      <c r="LZ38" s="345">
        <v>0</v>
      </c>
      <c r="MA38" s="345">
        <v>0</v>
      </c>
      <c r="MB38" s="345">
        <v>0</v>
      </c>
      <c r="MC38" s="345">
        <v>0</v>
      </c>
      <c r="MD38" s="349">
        <v>0</v>
      </c>
      <c r="ME38" s="350">
        <v>0</v>
      </c>
      <c r="MF38" s="348">
        <v>0</v>
      </c>
      <c r="MG38" s="345">
        <v>0</v>
      </c>
      <c r="MH38" s="349">
        <v>0</v>
      </c>
      <c r="MI38" s="413">
        <v>0</v>
      </c>
      <c r="MJ38" s="345">
        <v>2644069</v>
      </c>
      <c r="MK38" s="345">
        <v>6476769</v>
      </c>
      <c r="ML38" s="345">
        <v>14336153</v>
      </c>
      <c r="MM38" s="345">
        <v>17696746</v>
      </c>
      <c r="MN38" s="345">
        <v>12383968</v>
      </c>
      <c r="MO38" s="349">
        <v>53537705</v>
      </c>
      <c r="MP38" s="354">
        <v>53537705</v>
      </c>
      <c r="MQ38" s="348">
        <v>0</v>
      </c>
      <c r="MR38" s="345">
        <v>0</v>
      </c>
      <c r="MS38" s="349">
        <v>0</v>
      </c>
      <c r="MT38" s="413">
        <v>0</v>
      </c>
      <c r="MU38" s="345">
        <v>0</v>
      </c>
      <c r="MV38" s="345">
        <v>1187782</v>
      </c>
      <c r="MW38" s="345">
        <v>7195248</v>
      </c>
      <c r="MX38" s="345">
        <v>8830613</v>
      </c>
      <c r="MY38" s="345">
        <v>5821336</v>
      </c>
      <c r="MZ38" s="349">
        <v>23034979</v>
      </c>
      <c r="NA38" s="354">
        <v>23034979</v>
      </c>
      <c r="NB38" s="348">
        <v>0</v>
      </c>
      <c r="NC38" s="345">
        <v>0</v>
      </c>
      <c r="ND38" s="349">
        <v>0</v>
      </c>
      <c r="NE38" s="413">
        <v>0</v>
      </c>
      <c r="NF38" s="345">
        <v>2202571</v>
      </c>
      <c r="NG38" s="345">
        <v>3287444</v>
      </c>
      <c r="NH38" s="345">
        <v>4644408</v>
      </c>
      <c r="NI38" s="345">
        <v>5309489</v>
      </c>
      <c r="NJ38" s="345">
        <v>2450775</v>
      </c>
      <c r="NK38" s="349">
        <v>17894687</v>
      </c>
      <c r="NL38" s="347">
        <v>17894687</v>
      </c>
      <c r="NM38" s="348">
        <v>0</v>
      </c>
      <c r="NN38" s="345">
        <v>0</v>
      </c>
      <c r="NO38" s="349">
        <v>0</v>
      </c>
      <c r="NP38" s="413">
        <v>0</v>
      </c>
      <c r="NQ38" s="345">
        <v>0</v>
      </c>
      <c r="NR38" s="345">
        <v>0</v>
      </c>
      <c r="NS38" s="345">
        <v>0</v>
      </c>
      <c r="NT38" s="345">
        <v>0</v>
      </c>
      <c r="NU38" s="345">
        <v>0</v>
      </c>
      <c r="NV38" s="349">
        <v>0</v>
      </c>
      <c r="NW38" s="350">
        <v>0</v>
      </c>
      <c r="NX38" s="348">
        <v>0</v>
      </c>
      <c r="NY38" s="345">
        <v>0</v>
      </c>
      <c r="NZ38" s="349">
        <v>0</v>
      </c>
      <c r="OA38" s="413">
        <v>0</v>
      </c>
      <c r="OB38" s="345">
        <v>441498</v>
      </c>
      <c r="OC38" s="345">
        <v>2001543</v>
      </c>
      <c r="OD38" s="345">
        <v>2496497</v>
      </c>
      <c r="OE38" s="345">
        <v>3556644</v>
      </c>
      <c r="OF38" s="345">
        <v>4111857</v>
      </c>
      <c r="OG38" s="349">
        <v>12608039</v>
      </c>
      <c r="OH38" s="350">
        <v>12608039</v>
      </c>
      <c r="OI38" s="348">
        <v>1121994</v>
      </c>
      <c r="OJ38" s="345">
        <v>2247647</v>
      </c>
      <c r="OK38" s="346">
        <v>3369641</v>
      </c>
      <c r="OL38" s="351">
        <v>0</v>
      </c>
      <c r="OM38" s="345">
        <v>16663928</v>
      </c>
      <c r="ON38" s="345">
        <v>18338986</v>
      </c>
      <c r="OO38" s="345">
        <v>26368253</v>
      </c>
      <c r="OP38" s="345">
        <v>22868020</v>
      </c>
      <c r="OQ38" s="345">
        <v>18257754</v>
      </c>
      <c r="OR38" s="349">
        <v>102496941</v>
      </c>
      <c r="OS38" s="354">
        <v>105866582</v>
      </c>
    </row>
    <row r="39" spans="2:409" s="70" customFormat="1" ht="21" customHeight="1" x14ac:dyDescent="0.2">
      <c r="B39" s="410" t="s">
        <v>34</v>
      </c>
      <c r="C39" s="326">
        <v>847931</v>
      </c>
      <c r="D39" s="327">
        <v>987024</v>
      </c>
      <c r="E39" s="368">
        <v>1834955</v>
      </c>
      <c r="F39" s="370">
        <v>0</v>
      </c>
      <c r="G39" s="369">
        <v>8556640</v>
      </c>
      <c r="H39" s="369">
        <v>6376736</v>
      </c>
      <c r="I39" s="369">
        <v>4458447</v>
      </c>
      <c r="J39" s="369">
        <v>5594004</v>
      </c>
      <c r="K39" s="369">
        <v>4368121</v>
      </c>
      <c r="L39" s="370">
        <v>29353948</v>
      </c>
      <c r="M39" s="330">
        <v>31188903</v>
      </c>
      <c r="N39" s="326">
        <v>225353</v>
      </c>
      <c r="O39" s="327">
        <v>250045</v>
      </c>
      <c r="P39" s="328">
        <v>475398</v>
      </c>
      <c r="Q39" s="326">
        <v>0</v>
      </c>
      <c r="R39" s="327">
        <v>1964757</v>
      </c>
      <c r="S39" s="327">
        <v>1742714</v>
      </c>
      <c r="T39" s="327">
        <v>784803</v>
      </c>
      <c r="U39" s="327">
        <v>1710769</v>
      </c>
      <c r="V39" s="327">
        <v>1976262</v>
      </c>
      <c r="W39" s="328">
        <v>8179305</v>
      </c>
      <c r="X39" s="330">
        <v>8654703</v>
      </c>
      <c r="Y39" s="326">
        <v>0</v>
      </c>
      <c r="Z39" s="327">
        <v>0</v>
      </c>
      <c r="AA39" s="328">
        <v>0</v>
      </c>
      <c r="AB39" s="326">
        <v>0</v>
      </c>
      <c r="AC39" s="327">
        <v>446754</v>
      </c>
      <c r="AD39" s="327">
        <v>645174</v>
      </c>
      <c r="AE39" s="327">
        <v>415805</v>
      </c>
      <c r="AF39" s="327">
        <v>913583</v>
      </c>
      <c r="AG39" s="327">
        <v>724294</v>
      </c>
      <c r="AH39" s="328">
        <v>3145610</v>
      </c>
      <c r="AI39" s="330">
        <v>3145610</v>
      </c>
      <c r="AJ39" s="326">
        <v>0</v>
      </c>
      <c r="AK39" s="327">
        <v>0</v>
      </c>
      <c r="AL39" s="328">
        <v>0</v>
      </c>
      <c r="AM39" s="326">
        <v>0</v>
      </c>
      <c r="AN39" s="327">
        <v>0</v>
      </c>
      <c r="AO39" s="327">
        <v>50906</v>
      </c>
      <c r="AP39" s="327">
        <v>0</v>
      </c>
      <c r="AQ39" s="327">
        <v>51876</v>
      </c>
      <c r="AR39" s="327">
        <v>520191</v>
      </c>
      <c r="AS39" s="328">
        <v>622973</v>
      </c>
      <c r="AT39" s="330">
        <v>622973</v>
      </c>
      <c r="AU39" s="326">
        <v>104906</v>
      </c>
      <c r="AV39" s="327">
        <v>172735</v>
      </c>
      <c r="AW39" s="328">
        <v>277641</v>
      </c>
      <c r="AX39" s="326">
        <v>0</v>
      </c>
      <c r="AY39" s="327">
        <v>851656</v>
      </c>
      <c r="AZ39" s="327">
        <v>595059</v>
      </c>
      <c r="BA39" s="327">
        <v>162512</v>
      </c>
      <c r="BB39" s="327">
        <v>394119</v>
      </c>
      <c r="BC39" s="327">
        <v>368209</v>
      </c>
      <c r="BD39" s="328">
        <v>2371555</v>
      </c>
      <c r="BE39" s="330">
        <v>2649196</v>
      </c>
      <c r="BF39" s="326">
        <v>32832</v>
      </c>
      <c r="BG39" s="327">
        <v>0</v>
      </c>
      <c r="BH39" s="331">
        <v>32832</v>
      </c>
      <c r="BI39" s="332">
        <v>0</v>
      </c>
      <c r="BJ39" s="327">
        <v>233352</v>
      </c>
      <c r="BK39" s="327">
        <v>55264</v>
      </c>
      <c r="BL39" s="327">
        <v>111834</v>
      </c>
      <c r="BM39" s="327">
        <v>53694</v>
      </c>
      <c r="BN39" s="327">
        <v>101736</v>
      </c>
      <c r="BO39" s="328">
        <v>555880</v>
      </c>
      <c r="BP39" s="330">
        <v>588712</v>
      </c>
      <c r="BQ39" s="326">
        <v>87615</v>
      </c>
      <c r="BR39" s="327">
        <v>77310</v>
      </c>
      <c r="BS39" s="328">
        <v>164925</v>
      </c>
      <c r="BT39" s="326">
        <v>0</v>
      </c>
      <c r="BU39" s="327">
        <v>432995</v>
      </c>
      <c r="BV39" s="327">
        <v>396311</v>
      </c>
      <c r="BW39" s="327">
        <v>94652</v>
      </c>
      <c r="BX39" s="327">
        <v>297497</v>
      </c>
      <c r="BY39" s="327">
        <v>261832</v>
      </c>
      <c r="BZ39" s="328">
        <v>1483287</v>
      </c>
      <c r="CA39" s="330">
        <v>1648212</v>
      </c>
      <c r="CB39" s="326">
        <v>0</v>
      </c>
      <c r="CC39" s="327">
        <v>127962</v>
      </c>
      <c r="CD39" s="328">
        <v>127962</v>
      </c>
      <c r="CE39" s="326">
        <v>0</v>
      </c>
      <c r="CF39" s="327">
        <v>2430362</v>
      </c>
      <c r="CG39" s="327">
        <v>1559715</v>
      </c>
      <c r="CH39" s="327">
        <v>1991425</v>
      </c>
      <c r="CI39" s="327">
        <v>1165552</v>
      </c>
      <c r="CJ39" s="327">
        <v>277470</v>
      </c>
      <c r="CK39" s="328">
        <v>7424524</v>
      </c>
      <c r="CL39" s="330">
        <v>7552486</v>
      </c>
      <c r="CM39" s="326">
        <v>0</v>
      </c>
      <c r="CN39" s="327">
        <v>0</v>
      </c>
      <c r="CO39" s="328">
        <v>0</v>
      </c>
      <c r="CP39" s="332">
        <v>0</v>
      </c>
      <c r="CQ39" s="327">
        <v>1946531</v>
      </c>
      <c r="CR39" s="327">
        <v>1414446</v>
      </c>
      <c r="CS39" s="327">
        <v>1847634</v>
      </c>
      <c r="CT39" s="327">
        <v>1093228</v>
      </c>
      <c r="CU39" s="327">
        <v>277470</v>
      </c>
      <c r="CV39" s="328">
        <v>6579309</v>
      </c>
      <c r="CW39" s="330">
        <v>6579309</v>
      </c>
      <c r="CX39" s="326">
        <v>0</v>
      </c>
      <c r="CY39" s="327">
        <v>127962</v>
      </c>
      <c r="CZ39" s="328">
        <v>127962</v>
      </c>
      <c r="DA39" s="326">
        <v>0</v>
      </c>
      <c r="DB39" s="327">
        <v>483831</v>
      </c>
      <c r="DC39" s="327">
        <v>145269</v>
      </c>
      <c r="DD39" s="327">
        <v>143791</v>
      </c>
      <c r="DE39" s="327">
        <v>72324</v>
      </c>
      <c r="DF39" s="327">
        <v>0</v>
      </c>
      <c r="DG39" s="328">
        <v>845215</v>
      </c>
      <c r="DH39" s="330">
        <v>973177</v>
      </c>
      <c r="DI39" s="326">
        <v>0</v>
      </c>
      <c r="DJ39" s="327">
        <v>0</v>
      </c>
      <c r="DK39" s="331">
        <v>0</v>
      </c>
      <c r="DL39" s="332">
        <v>0</v>
      </c>
      <c r="DM39" s="327">
        <v>247788</v>
      </c>
      <c r="DN39" s="327">
        <v>243378</v>
      </c>
      <c r="DO39" s="327">
        <v>285735</v>
      </c>
      <c r="DP39" s="327">
        <v>704466</v>
      </c>
      <c r="DQ39" s="327">
        <v>113742</v>
      </c>
      <c r="DR39" s="328">
        <v>1595109</v>
      </c>
      <c r="DS39" s="330">
        <v>1595109</v>
      </c>
      <c r="DT39" s="326">
        <v>0</v>
      </c>
      <c r="DU39" s="327">
        <v>0</v>
      </c>
      <c r="DV39" s="328">
        <v>0</v>
      </c>
      <c r="DW39" s="326">
        <v>0</v>
      </c>
      <c r="DX39" s="327">
        <v>166635</v>
      </c>
      <c r="DY39" s="327">
        <v>157320</v>
      </c>
      <c r="DZ39" s="327">
        <v>285735</v>
      </c>
      <c r="EA39" s="327">
        <v>704466</v>
      </c>
      <c r="EB39" s="327">
        <v>113742</v>
      </c>
      <c r="EC39" s="328">
        <v>1427898</v>
      </c>
      <c r="ED39" s="330">
        <v>1427898</v>
      </c>
      <c r="EE39" s="326">
        <v>0</v>
      </c>
      <c r="EF39" s="331">
        <v>0</v>
      </c>
      <c r="EG39" s="328">
        <v>0</v>
      </c>
      <c r="EH39" s="326">
        <v>0</v>
      </c>
      <c r="EI39" s="327">
        <v>81153</v>
      </c>
      <c r="EJ39" s="327">
        <v>86058</v>
      </c>
      <c r="EK39" s="327">
        <v>0</v>
      </c>
      <c r="EL39" s="327">
        <v>0</v>
      </c>
      <c r="EM39" s="327">
        <v>0</v>
      </c>
      <c r="EN39" s="331">
        <v>167211</v>
      </c>
      <c r="EO39" s="330">
        <v>167211</v>
      </c>
      <c r="EP39" s="326">
        <v>0</v>
      </c>
      <c r="EQ39" s="327">
        <v>0</v>
      </c>
      <c r="ER39" s="331">
        <v>0</v>
      </c>
      <c r="ES39" s="332">
        <v>0</v>
      </c>
      <c r="ET39" s="327">
        <v>0</v>
      </c>
      <c r="EU39" s="327">
        <v>0</v>
      </c>
      <c r="EV39" s="327">
        <v>0</v>
      </c>
      <c r="EW39" s="327">
        <v>0</v>
      </c>
      <c r="EX39" s="327">
        <v>0</v>
      </c>
      <c r="EY39" s="328">
        <v>0</v>
      </c>
      <c r="EZ39" s="330">
        <v>0</v>
      </c>
      <c r="FA39" s="326">
        <v>0</v>
      </c>
      <c r="FB39" s="327">
        <v>0</v>
      </c>
      <c r="FC39" s="331">
        <v>0</v>
      </c>
      <c r="FD39" s="332">
        <v>0</v>
      </c>
      <c r="FE39" s="327">
        <v>0</v>
      </c>
      <c r="FF39" s="327">
        <v>0</v>
      </c>
      <c r="FG39" s="327">
        <v>0</v>
      </c>
      <c r="FH39" s="327">
        <v>0</v>
      </c>
      <c r="FI39" s="327">
        <v>0</v>
      </c>
      <c r="FJ39" s="328">
        <v>0</v>
      </c>
      <c r="FK39" s="330">
        <v>0</v>
      </c>
      <c r="FL39" s="326">
        <v>243486</v>
      </c>
      <c r="FM39" s="327">
        <v>172180</v>
      </c>
      <c r="FN39" s="328">
        <v>415666</v>
      </c>
      <c r="FO39" s="326">
        <v>0</v>
      </c>
      <c r="FP39" s="327">
        <v>735817</v>
      </c>
      <c r="FQ39" s="327">
        <v>622564</v>
      </c>
      <c r="FR39" s="327">
        <v>426674</v>
      </c>
      <c r="FS39" s="327">
        <v>391834</v>
      </c>
      <c r="FT39" s="327">
        <v>280683</v>
      </c>
      <c r="FU39" s="328">
        <v>2457572</v>
      </c>
      <c r="FV39" s="330">
        <v>2873238</v>
      </c>
      <c r="FW39" s="333">
        <v>90486</v>
      </c>
      <c r="FX39" s="327">
        <v>172180</v>
      </c>
      <c r="FY39" s="331">
        <v>262666</v>
      </c>
      <c r="FZ39" s="332">
        <v>0</v>
      </c>
      <c r="GA39" s="327">
        <v>498800</v>
      </c>
      <c r="GB39" s="327">
        <v>622564</v>
      </c>
      <c r="GC39" s="327">
        <v>426674</v>
      </c>
      <c r="GD39" s="327">
        <v>391834</v>
      </c>
      <c r="GE39" s="327">
        <v>246136</v>
      </c>
      <c r="GF39" s="328">
        <v>2186008</v>
      </c>
      <c r="GG39" s="334">
        <v>2448674</v>
      </c>
      <c r="GH39" s="333">
        <v>0</v>
      </c>
      <c r="GI39" s="327">
        <v>0</v>
      </c>
      <c r="GJ39" s="331">
        <v>0</v>
      </c>
      <c r="GK39" s="332">
        <v>0</v>
      </c>
      <c r="GL39" s="327">
        <v>0</v>
      </c>
      <c r="GM39" s="327">
        <v>0</v>
      </c>
      <c r="GN39" s="327">
        <v>0</v>
      </c>
      <c r="GO39" s="327">
        <v>0</v>
      </c>
      <c r="GP39" s="327">
        <v>34547</v>
      </c>
      <c r="GQ39" s="328">
        <v>34547</v>
      </c>
      <c r="GR39" s="330">
        <v>34547</v>
      </c>
      <c r="GS39" s="326">
        <v>153000</v>
      </c>
      <c r="GT39" s="327">
        <v>0</v>
      </c>
      <c r="GU39" s="328">
        <v>153000</v>
      </c>
      <c r="GV39" s="326">
        <v>0</v>
      </c>
      <c r="GW39" s="327">
        <v>237017</v>
      </c>
      <c r="GX39" s="327">
        <v>0</v>
      </c>
      <c r="GY39" s="327">
        <v>0</v>
      </c>
      <c r="GZ39" s="327">
        <v>0</v>
      </c>
      <c r="HA39" s="327">
        <v>0</v>
      </c>
      <c r="HB39" s="331">
        <v>237017</v>
      </c>
      <c r="HC39" s="330">
        <v>390017</v>
      </c>
      <c r="HD39" s="326">
        <v>297952</v>
      </c>
      <c r="HE39" s="327">
        <v>310077</v>
      </c>
      <c r="HF39" s="331">
        <v>608029</v>
      </c>
      <c r="HG39" s="332">
        <v>0</v>
      </c>
      <c r="HH39" s="327">
        <v>1950981</v>
      </c>
      <c r="HI39" s="327">
        <v>1542331</v>
      </c>
      <c r="HJ39" s="327">
        <v>590304</v>
      </c>
      <c r="HK39" s="327">
        <v>1230646</v>
      </c>
      <c r="HL39" s="327">
        <v>1547831</v>
      </c>
      <c r="HM39" s="328">
        <v>6862093</v>
      </c>
      <c r="HN39" s="329">
        <v>7470122</v>
      </c>
      <c r="HO39" s="333">
        <v>81140</v>
      </c>
      <c r="HP39" s="327">
        <v>126760</v>
      </c>
      <c r="HQ39" s="328">
        <v>207900</v>
      </c>
      <c r="HR39" s="326">
        <v>0</v>
      </c>
      <c r="HS39" s="327">
        <v>1226935</v>
      </c>
      <c r="HT39" s="327">
        <v>666034</v>
      </c>
      <c r="HU39" s="327">
        <v>379506</v>
      </c>
      <c r="HV39" s="327">
        <v>390737</v>
      </c>
      <c r="HW39" s="327">
        <v>172133</v>
      </c>
      <c r="HX39" s="331">
        <v>2835345</v>
      </c>
      <c r="HY39" s="330">
        <v>3043245</v>
      </c>
      <c r="HZ39" s="335">
        <v>47961</v>
      </c>
      <c r="IA39" s="336">
        <v>168570</v>
      </c>
      <c r="IB39" s="337">
        <v>216531</v>
      </c>
      <c r="IC39" s="338">
        <v>0</v>
      </c>
      <c r="ID39" s="336">
        <v>7255239</v>
      </c>
      <c r="IE39" s="339">
        <v>5368103</v>
      </c>
      <c r="IF39" s="337">
        <v>4393485</v>
      </c>
      <c r="IG39" s="336">
        <v>3027843</v>
      </c>
      <c r="IH39" s="337">
        <v>1833506</v>
      </c>
      <c r="II39" s="340">
        <v>21878176</v>
      </c>
      <c r="IJ39" s="341">
        <v>22094707</v>
      </c>
      <c r="IK39" s="342">
        <v>0</v>
      </c>
      <c r="IL39" s="343">
        <v>0</v>
      </c>
      <c r="IM39" s="344">
        <v>0</v>
      </c>
      <c r="IN39" s="404">
        <v>0</v>
      </c>
      <c r="IO39" s="345">
        <v>0</v>
      </c>
      <c r="IP39" s="345">
        <v>0</v>
      </c>
      <c r="IQ39" s="345">
        <v>0</v>
      </c>
      <c r="IR39" s="345">
        <v>0</v>
      </c>
      <c r="IS39" s="345">
        <v>0</v>
      </c>
      <c r="IT39" s="346">
        <v>0</v>
      </c>
      <c r="IU39" s="347">
        <v>0</v>
      </c>
      <c r="IV39" s="348">
        <v>0</v>
      </c>
      <c r="IW39" s="345">
        <v>0</v>
      </c>
      <c r="IX39" s="349">
        <v>0</v>
      </c>
      <c r="IY39" s="413">
        <v>0</v>
      </c>
      <c r="IZ39" s="345">
        <v>0</v>
      </c>
      <c r="JA39" s="345">
        <v>0</v>
      </c>
      <c r="JB39" s="345">
        <v>0</v>
      </c>
      <c r="JC39" s="345">
        <v>0</v>
      </c>
      <c r="JD39" s="345">
        <v>0</v>
      </c>
      <c r="JE39" s="349">
        <v>0</v>
      </c>
      <c r="JF39" s="350">
        <v>0</v>
      </c>
      <c r="JG39" s="348">
        <v>0</v>
      </c>
      <c r="JH39" s="345">
        <v>0</v>
      </c>
      <c r="JI39" s="346">
        <v>0</v>
      </c>
      <c r="JJ39" s="351">
        <v>0</v>
      </c>
      <c r="JK39" s="345">
        <v>598502</v>
      </c>
      <c r="JL39" s="345">
        <v>238283</v>
      </c>
      <c r="JM39" s="345">
        <v>435249</v>
      </c>
      <c r="JN39" s="345">
        <v>56502</v>
      </c>
      <c r="JO39" s="345">
        <v>0</v>
      </c>
      <c r="JP39" s="349">
        <v>1328536</v>
      </c>
      <c r="JQ39" s="347">
        <v>1328536</v>
      </c>
      <c r="JR39" s="348">
        <v>0</v>
      </c>
      <c r="JS39" s="345">
        <v>0</v>
      </c>
      <c r="JT39" s="346">
        <v>0</v>
      </c>
      <c r="JU39" s="351">
        <v>0</v>
      </c>
      <c r="JV39" s="345">
        <v>0</v>
      </c>
      <c r="JW39" s="345">
        <v>0</v>
      </c>
      <c r="JX39" s="345">
        <v>0</v>
      </c>
      <c r="JY39" s="345">
        <v>0</v>
      </c>
      <c r="JZ39" s="345">
        <v>117035</v>
      </c>
      <c r="KA39" s="349">
        <v>117035</v>
      </c>
      <c r="KB39" s="347">
        <v>117035</v>
      </c>
      <c r="KC39" s="352">
        <v>47961</v>
      </c>
      <c r="KD39" s="353">
        <v>168570</v>
      </c>
      <c r="KE39" s="349">
        <v>216531</v>
      </c>
      <c r="KF39" s="351">
        <v>0</v>
      </c>
      <c r="KG39" s="345">
        <v>1353343</v>
      </c>
      <c r="KH39" s="345">
        <v>1282149</v>
      </c>
      <c r="KI39" s="345">
        <v>1007721</v>
      </c>
      <c r="KJ39" s="345">
        <v>554418</v>
      </c>
      <c r="KK39" s="345">
        <v>0</v>
      </c>
      <c r="KL39" s="349">
        <v>4197631</v>
      </c>
      <c r="KM39" s="354">
        <v>4414162</v>
      </c>
      <c r="KN39" s="342">
        <v>0</v>
      </c>
      <c r="KO39" s="343">
        <v>0</v>
      </c>
      <c r="KP39" s="344">
        <v>0</v>
      </c>
      <c r="KQ39" s="413">
        <v>0</v>
      </c>
      <c r="KR39" s="345">
        <v>2085624</v>
      </c>
      <c r="KS39" s="345">
        <v>1361025</v>
      </c>
      <c r="KT39" s="345">
        <v>0</v>
      </c>
      <c r="KU39" s="345">
        <v>1142055</v>
      </c>
      <c r="KV39" s="345">
        <v>290943</v>
      </c>
      <c r="KW39" s="349">
        <v>4879647</v>
      </c>
      <c r="KX39" s="347">
        <v>4879647</v>
      </c>
      <c r="KY39" s="348">
        <v>0</v>
      </c>
      <c r="KZ39" s="345">
        <v>0</v>
      </c>
      <c r="LA39" s="349">
        <v>0</v>
      </c>
      <c r="LB39" s="413">
        <v>0</v>
      </c>
      <c r="LC39" s="345">
        <v>0</v>
      </c>
      <c r="LD39" s="345">
        <v>0</v>
      </c>
      <c r="LE39" s="345">
        <v>0</v>
      </c>
      <c r="LF39" s="345">
        <v>0</v>
      </c>
      <c r="LG39" s="345">
        <v>0</v>
      </c>
      <c r="LH39" s="349">
        <v>0</v>
      </c>
      <c r="LI39" s="350">
        <v>0</v>
      </c>
      <c r="LJ39" s="348">
        <v>0</v>
      </c>
      <c r="LK39" s="345">
        <v>0</v>
      </c>
      <c r="LL39" s="349">
        <v>0</v>
      </c>
      <c r="LM39" s="413">
        <v>0</v>
      </c>
      <c r="LN39" s="345">
        <v>0</v>
      </c>
      <c r="LO39" s="345">
        <v>0</v>
      </c>
      <c r="LP39" s="345">
        <v>0</v>
      </c>
      <c r="LQ39" s="345">
        <v>0</v>
      </c>
      <c r="LR39" s="345">
        <v>0</v>
      </c>
      <c r="LS39" s="349">
        <v>0</v>
      </c>
      <c r="LT39" s="347">
        <v>0</v>
      </c>
      <c r="LU39" s="348">
        <v>0</v>
      </c>
      <c r="LV39" s="345">
        <v>0</v>
      </c>
      <c r="LW39" s="349">
        <v>0</v>
      </c>
      <c r="LX39" s="413">
        <v>0</v>
      </c>
      <c r="LY39" s="345">
        <v>3217770</v>
      </c>
      <c r="LZ39" s="345">
        <v>2486646</v>
      </c>
      <c r="MA39" s="345">
        <v>2950515</v>
      </c>
      <c r="MB39" s="345">
        <v>1274868</v>
      </c>
      <c r="MC39" s="345">
        <v>1425528</v>
      </c>
      <c r="MD39" s="349">
        <v>11355327</v>
      </c>
      <c r="ME39" s="350">
        <v>11355327</v>
      </c>
      <c r="MF39" s="348">
        <v>0</v>
      </c>
      <c r="MG39" s="345">
        <v>0</v>
      </c>
      <c r="MH39" s="349">
        <v>0</v>
      </c>
      <c r="MI39" s="413">
        <v>0</v>
      </c>
      <c r="MJ39" s="345">
        <v>1633884</v>
      </c>
      <c r="MK39" s="345">
        <v>5188252</v>
      </c>
      <c r="ML39" s="345">
        <v>3426848</v>
      </c>
      <c r="MM39" s="345">
        <v>9938020</v>
      </c>
      <c r="MN39" s="345">
        <v>5284592</v>
      </c>
      <c r="MO39" s="349">
        <v>25471596</v>
      </c>
      <c r="MP39" s="354">
        <v>25471596</v>
      </c>
      <c r="MQ39" s="348">
        <v>0</v>
      </c>
      <c r="MR39" s="345">
        <v>0</v>
      </c>
      <c r="MS39" s="349">
        <v>0</v>
      </c>
      <c r="MT39" s="413">
        <v>0</v>
      </c>
      <c r="MU39" s="345">
        <v>0</v>
      </c>
      <c r="MV39" s="345">
        <v>0</v>
      </c>
      <c r="MW39" s="345">
        <v>1624842</v>
      </c>
      <c r="MX39" s="345">
        <v>7129120</v>
      </c>
      <c r="MY39" s="345">
        <v>3074992</v>
      </c>
      <c r="MZ39" s="349">
        <v>11828954</v>
      </c>
      <c r="NA39" s="354">
        <v>11828954</v>
      </c>
      <c r="NB39" s="348">
        <v>0</v>
      </c>
      <c r="NC39" s="345">
        <v>0</v>
      </c>
      <c r="ND39" s="349">
        <v>0</v>
      </c>
      <c r="NE39" s="413">
        <v>0</v>
      </c>
      <c r="NF39" s="345">
        <v>1633884</v>
      </c>
      <c r="NG39" s="345">
        <v>5188252</v>
      </c>
      <c r="NH39" s="345">
        <v>1802006</v>
      </c>
      <c r="NI39" s="345">
        <v>2452428</v>
      </c>
      <c r="NJ39" s="345">
        <v>1438285</v>
      </c>
      <c r="NK39" s="349">
        <v>12514855</v>
      </c>
      <c r="NL39" s="347">
        <v>12514855</v>
      </c>
      <c r="NM39" s="348">
        <v>0</v>
      </c>
      <c r="NN39" s="345">
        <v>0</v>
      </c>
      <c r="NO39" s="349">
        <v>0</v>
      </c>
      <c r="NP39" s="413">
        <v>0</v>
      </c>
      <c r="NQ39" s="345">
        <v>0</v>
      </c>
      <c r="NR39" s="345">
        <v>0</v>
      </c>
      <c r="NS39" s="345">
        <v>0</v>
      </c>
      <c r="NT39" s="345">
        <v>0</v>
      </c>
      <c r="NU39" s="345">
        <v>0</v>
      </c>
      <c r="NV39" s="349">
        <v>0</v>
      </c>
      <c r="NW39" s="350">
        <v>0</v>
      </c>
      <c r="NX39" s="348">
        <v>0</v>
      </c>
      <c r="NY39" s="345">
        <v>0</v>
      </c>
      <c r="NZ39" s="349">
        <v>0</v>
      </c>
      <c r="OA39" s="413">
        <v>0</v>
      </c>
      <c r="OB39" s="345">
        <v>0</v>
      </c>
      <c r="OC39" s="345">
        <v>0</v>
      </c>
      <c r="OD39" s="345">
        <v>0</v>
      </c>
      <c r="OE39" s="345">
        <v>356472</v>
      </c>
      <c r="OF39" s="345">
        <v>771315</v>
      </c>
      <c r="OG39" s="349">
        <v>1127787</v>
      </c>
      <c r="OH39" s="350">
        <v>1127787</v>
      </c>
      <c r="OI39" s="348">
        <v>895892</v>
      </c>
      <c r="OJ39" s="345">
        <v>1155594</v>
      </c>
      <c r="OK39" s="346">
        <v>2051486</v>
      </c>
      <c r="OL39" s="351">
        <v>0</v>
      </c>
      <c r="OM39" s="345">
        <v>17445763</v>
      </c>
      <c r="ON39" s="345">
        <v>16933091</v>
      </c>
      <c r="OO39" s="345">
        <v>12278780</v>
      </c>
      <c r="OP39" s="345">
        <v>18559867</v>
      </c>
      <c r="OQ39" s="345">
        <v>11486219</v>
      </c>
      <c r="OR39" s="349">
        <v>76703720</v>
      </c>
      <c r="OS39" s="354">
        <v>78755206</v>
      </c>
    </row>
    <row r="40" spans="2:409" s="70" customFormat="1" ht="21" customHeight="1" x14ac:dyDescent="0.2">
      <c r="B40" s="410" t="s">
        <v>35</v>
      </c>
      <c r="C40" s="326">
        <v>2666970</v>
      </c>
      <c r="D40" s="327">
        <v>5493079</v>
      </c>
      <c r="E40" s="328">
        <v>8160049</v>
      </c>
      <c r="F40" s="329">
        <v>0</v>
      </c>
      <c r="G40" s="327">
        <v>34599197</v>
      </c>
      <c r="H40" s="327">
        <v>23253471</v>
      </c>
      <c r="I40" s="327">
        <v>23815497</v>
      </c>
      <c r="J40" s="327">
        <v>25993721</v>
      </c>
      <c r="K40" s="327">
        <v>17613841</v>
      </c>
      <c r="L40" s="367">
        <v>125275727</v>
      </c>
      <c r="M40" s="330">
        <v>133435776</v>
      </c>
      <c r="N40" s="326">
        <v>583841</v>
      </c>
      <c r="O40" s="327">
        <v>1224116</v>
      </c>
      <c r="P40" s="328">
        <v>1807957</v>
      </c>
      <c r="Q40" s="326">
        <v>0</v>
      </c>
      <c r="R40" s="327">
        <v>8404296</v>
      </c>
      <c r="S40" s="327">
        <v>6733392</v>
      </c>
      <c r="T40" s="327">
        <v>8268225</v>
      </c>
      <c r="U40" s="327">
        <v>9038507</v>
      </c>
      <c r="V40" s="327">
        <v>8326118</v>
      </c>
      <c r="W40" s="328">
        <v>40770538</v>
      </c>
      <c r="X40" s="330">
        <v>42578495</v>
      </c>
      <c r="Y40" s="326">
        <v>0</v>
      </c>
      <c r="Z40" s="327">
        <v>0</v>
      </c>
      <c r="AA40" s="328">
        <v>0</v>
      </c>
      <c r="AB40" s="326">
        <v>0</v>
      </c>
      <c r="AC40" s="327">
        <v>3866732</v>
      </c>
      <c r="AD40" s="327">
        <v>3590126</v>
      </c>
      <c r="AE40" s="327">
        <v>4998909</v>
      </c>
      <c r="AF40" s="327">
        <v>5732532</v>
      </c>
      <c r="AG40" s="327">
        <v>4713096</v>
      </c>
      <c r="AH40" s="328">
        <v>22901395</v>
      </c>
      <c r="AI40" s="330">
        <v>22901395</v>
      </c>
      <c r="AJ40" s="326">
        <v>0</v>
      </c>
      <c r="AK40" s="327">
        <v>0</v>
      </c>
      <c r="AL40" s="328">
        <v>0</v>
      </c>
      <c r="AM40" s="326">
        <v>0</v>
      </c>
      <c r="AN40" s="327">
        <v>0</v>
      </c>
      <c r="AO40" s="327">
        <v>64845</v>
      </c>
      <c r="AP40" s="327">
        <v>363132</v>
      </c>
      <c r="AQ40" s="327">
        <v>751491</v>
      </c>
      <c r="AR40" s="327">
        <v>815535</v>
      </c>
      <c r="AS40" s="328">
        <v>1995003</v>
      </c>
      <c r="AT40" s="330">
        <v>1995003</v>
      </c>
      <c r="AU40" s="326">
        <v>128828</v>
      </c>
      <c r="AV40" s="327">
        <v>526164</v>
      </c>
      <c r="AW40" s="328">
        <v>654992</v>
      </c>
      <c r="AX40" s="326">
        <v>0</v>
      </c>
      <c r="AY40" s="327">
        <v>2428352</v>
      </c>
      <c r="AZ40" s="327">
        <v>1481756</v>
      </c>
      <c r="BA40" s="327">
        <v>1539241</v>
      </c>
      <c r="BB40" s="327">
        <v>877843</v>
      </c>
      <c r="BC40" s="327">
        <v>1727675</v>
      </c>
      <c r="BD40" s="328">
        <v>8054867</v>
      </c>
      <c r="BE40" s="330">
        <v>8709859</v>
      </c>
      <c r="BF40" s="326">
        <v>217924</v>
      </c>
      <c r="BG40" s="327">
        <v>518868</v>
      </c>
      <c r="BH40" s="331">
        <v>736792</v>
      </c>
      <c r="BI40" s="332">
        <v>0</v>
      </c>
      <c r="BJ40" s="327">
        <v>748068</v>
      </c>
      <c r="BK40" s="327">
        <v>713473</v>
      </c>
      <c r="BL40" s="327">
        <v>334314</v>
      </c>
      <c r="BM40" s="327">
        <v>510264</v>
      </c>
      <c r="BN40" s="327">
        <v>274347</v>
      </c>
      <c r="BO40" s="328">
        <v>2580466</v>
      </c>
      <c r="BP40" s="330">
        <v>3317258</v>
      </c>
      <c r="BQ40" s="326">
        <v>237089</v>
      </c>
      <c r="BR40" s="327">
        <v>179084</v>
      </c>
      <c r="BS40" s="328">
        <v>416173</v>
      </c>
      <c r="BT40" s="326">
        <v>0</v>
      </c>
      <c r="BU40" s="327">
        <v>1361144</v>
      </c>
      <c r="BV40" s="327">
        <v>883192</v>
      </c>
      <c r="BW40" s="327">
        <v>1032629</v>
      </c>
      <c r="BX40" s="327">
        <v>1166377</v>
      </c>
      <c r="BY40" s="327">
        <v>795465</v>
      </c>
      <c r="BZ40" s="328">
        <v>5238807</v>
      </c>
      <c r="CA40" s="330">
        <v>5654980</v>
      </c>
      <c r="CB40" s="326">
        <v>416064</v>
      </c>
      <c r="CC40" s="327">
        <v>1521621</v>
      </c>
      <c r="CD40" s="328">
        <v>1937685</v>
      </c>
      <c r="CE40" s="326">
        <v>0</v>
      </c>
      <c r="CF40" s="327">
        <v>12600647</v>
      </c>
      <c r="CG40" s="327">
        <v>9291971</v>
      </c>
      <c r="CH40" s="327">
        <v>7285438</v>
      </c>
      <c r="CI40" s="327">
        <v>4975813</v>
      </c>
      <c r="CJ40" s="327">
        <v>2934913</v>
      </c>
      <c r="CK40" s="328">
        <v>37088782</v>
      </c>
      <c r="CL40" s="330">
        <v>39026467</v>
      </c>
      <c r="CM40" s="326">
        <v>0</v>
      </c>
      <c r="CN40" s="327">
        <v>0</v>
      </c>
      <c r="CO40" s="328">
        <v>0</v>
      </c>
      <c r="CP40" s="332">
        <v>0</v>
      </c>
      <c r="CQ40" s="327">
        <v>8565354</v>
      </c>
      <c r="CR40" s="327">
        <v>7103774</v>
      </c>
      <c r="CS40" s="327">
        <v>5954221</v>
      </c>
      <c r="CT40" s="327">
        <v>3912488</v>
      </c>
      <c r="CU40" s="327">
        <v>2806384</v>
      </c>
      <c r="CV40" s="328">
        <v>28342221</v>
      </c>
      <c r="CW40" s="330">
        <v>28342221</v>
      </c>
      <c r="CX40" s="326">
        <v>416064</v>
      </c>
      <c r="CY40" s="327">
        <v>1521621</v>
      </c>
      <c r="CZ40" s="328">
        <v>1937685</v>
      </c>
      <c r="DA40" s="326">
        <v>0</v>
      </c>
      <c r="DB40" s="327">
        <v>4035293</v>
      </c>
      <c r="DC40" s="327">
        <v>2188197</v>
      </c>
      <c r="DD40" s="327">
        <v>1331217</v>
      </c>
      <c r="DE40" s="327">
        <v>1063325</v>
      </c>
      <c r="DF40" s="327">
        <v>128529</v>
      </c>
      <c r="DG40" s="328">
        <v>8746561</v>
      </c>
      <c r="DH40" s="330">
        <v>10684246</v>
      </c>
      <c r="DI40" s="326">
        <v>19664</v>
      </c>
      <c r="DJ40" s="327">
        <v>0</v>
      </c>
      <c r="DK40" s="331">
        <v>19664</v>
      </c>
      <c r="DL40" s="332">
        <v>0</v>
      </c>
      <c r="DM40" s="327">
        <v>652851</v>
      </c>
      <c r="DN40" s="327">
        <v>292626</v>
      </c>
      <c r="DO40" s="327">
        <v>680102</v>
      </c>
      <c r="DP40" s="327">
        <v>1576530</v>
      </c>
      <c r="DQ40" s="327">
        <v>580293</v>
      </c>
      <c r="DR40" s="328">
        <v>3782402</v>
      </c>
      <c r="DS40" s="330">
        <v>3802066</v>
      </c>
      <c r="DT40" s="326">
        <v>19664</v>
      </c>
      <c r="DU40" s="327">
        <v>0</v>
      </c>
      <c r="DV40" s="328">
        <v>19664</v>
      </c>
      <c r="DW40" s="326">
        <v>0</v>
      </c>
      <c r="DX40" s="327">
        <v>453267</v>
      </c>
      <c r="DY40" s="327">
        <v>71478</v>
      </c>
      <c r="DZ40" s="327">
        <v>501425</v>
      </c>
      <c r="EA40" s="327">
        <v>1165365</v>
      </c>
      <c r="EB40" s="327">
        <v>462258</v>
      </c>
      <c r="EC40" s="328">
        <v>2653793</v>
      </c>
      <c r="ED40" s="330">
        <v>2673457</v>
      </c>
      <c r="EE40" s="326">
        <v>0</v>
      </c>
      <c r="EF40" s="331">
        <v>0</v>
      </c>
      <c r="EG40" s="328">
        <v>0</v>
      </c>
      <c r="EH40" s="326">
        <v>0</v>
      </c>
      <c r="EI40" s="327">
        <v>199584</v>
      </c>
      <c r="EJ40" s="327">
        <v>221148</v>
      </c>
      <c r="EK40" s="327">
        <v>178677</v>
      </c>
      <c r="EL40" s="327">
        <v>411165</v>
      </c>
      <c r="EM40" s="327">
        <v>118035</v>
      </c>
      <c r="EN40" s="331">
        <v>1128609</v>
      </c>
      <c r="EO40" s="330">
        <v>1128609</v>
      </c>
      <c r="EP40" s="326">
        <v>0</v>
      </c>
      <c r="EQ40" s="327">
        <v>0</v>
      </c>
      <c r="ER40" s="331">
        <v>0</v>
      </c>
      <c r="ES40" s="332">
        <v>0</v>
      </c>
      <c r="ET40" s="327">
        <v>0</v>
      </c>
      <c r="EU40" s="327">
        <v>0</v>
      </c>
      <c r="EV40" s="327">
        <v>0</v>
      </c>
      <c r="EW40" s="327">
        <v>0</v>
      </c>
      <c r="EX40" s="327">
        <v>0</v>
      </c>
      <c r="EY40" s="328">
        <v>0</v>
      </c>
      <c r="EZ40" s="330">
        <v>0</v>
      </c>
      <c r="FA40" s="326">
        <v>0</v>
      </c>
      <c r="FB40" s="327">
        <v>0</v>
      </c>
      <c r="FC40" s="331">
        <v>0</v>
      </c>
      <c r="FD40" s="332">
        <v>0</v>
      </c>
      <c r="FE40" s="327">
        <v>0</v>
      </c>
      <c r="FF40" s="327">
        <v>0</v>
      </c>
      <c r="FG40" s="327">
        <v>0</v>
      </c>
      <c r="FH40" s="327">
        <v>0</v>
      </c>
      <c r="FI40" s="327">
        <v>0</v>
      </c>
      <c r="FJ40" s="328">
        <v>0</v>
      </c>
      <c r="FK40" s="330">
        <v>0</v>
      </c>
      <c r="FL40" s="326">
        <v>332353</v>
      </c>
      <c r="FM40" s="327">
        <v>952927</v>
      </c>
      <c r="FN40" s="328">
        <v>1285280</v>
      </c>
      <c r="FO40" s="326">
        <v>0</v>
      </c>
      <c r="FP40" s="327">
        <v>1532585</v>
      </c>
      <c r="FQ40" s="327">
        <v>1979814</v>
      </c>
      <c r="FR40" s="327">
        <v>1648496</v>
      </c>
      <c r="FS40" s="327">
        <v>1346167</v>
      </c>
      <c r="FT40" s="327">
        <v>1051423</v>
      </c>
      <c r="FU40" s="328">
        <v>7558485</v>
      </c>
      <c r="FV40" s="330">
        <v>8843765</v>
      </c>
      <c r="FW40" s="333">
        <v>308224</v>
      </c>
      <c r="FX40" s="327">
        <v>758221</v>
      </c>
      <c r="FY40" s="331">
        <v>1066445</v>
      </c>
      <c r="FZ40" s="332">
        <v>0</v>
      </c>
      <c r="GA40" s="327">
        <v>1367702</v>
      </c>
      <c r="GB40" s="327">
        <v>1870595</v>
      </c>
      <c r="GC40" s="327">
        <v>1558496</v>
      </c>
      <c r="GD40" s="327">
        <v>1315081</v>
      </c>
      <c r="GE40" s="327">
        <v>1051423</v>
      </c>
      <c r="GF40" s="328">
        <v>7163297</v>
      </c>
      <c r="GG40" s="334">
        <v>8229742</v>
      </c>
      <c r="GH40" s="333">
        <v>24129</v>
      </c>
      <c r="GI40" s="327">
        <v>92538</v>
      </c>
      <c r="GJ40" s="331">
        <v>116667</v>
      </c>
      <c r="GK40" s="332">
        <v>0</v>
      </c>
      <c r="GL40" s="327">
        <v>0</v>
      </c>
      <c r="GM40" s="327">
        <v>77440</v>
      </c>
      <c r="GN40" s="327">
        <v>90000</v>
      </c>
      <c r="GO40" s="327">
        <v>0</v>
      </c>
      <c r="GP40" s="327">
        <v>0</v>
      </c>
      <c r="GQ40" s="328">
        <v>167440</v>
      </c>
      <c r="GR40" s="330">
        <v>284107</v>
      </c>
      <c r="GS40" s="326">
        <v>0</v>
      </c>
      <c r="GT40" s="327">
        <v>102168</v>
      </c>
      <c r="GU40" s="328">
        <v>102168</v>
      </c>
      <c r="GV40" s="326">
        <v>0</v>
      </c>
      <c r="GW40" s="327">
        <v>164883</v>
      </c>
      <c r="GX40" s="327">
        <v>31779</v>
      </c>
      <c r="GY40" s="327">
        <v>0</v>
      </c>
      <c r="GZ40" s="327">
        <v>31086</v>
      </c>
      <c r="HA40" s="327">
        <v>0</v>
      </c>
      <c r="HB40" s="331">
        <v>227748</v>
      </c>
      <c r="HC40" s="330">
        <v>329916</v>
      </c>
      <c r="HD40" s="326">
        <v>972448</v>
      </c>
      <c r="HE40" s="327">
        <v>1185246</v>
      </c>
      <c r="HF40" s="331">
        <v>2157694</v>
      </c>
      <c r="HG40" s="332">
        <v>0</v>
      </c>
      <c r="HH40" s="327">
        <v>6891870</v>
      </c>
      <c r="HI40" s="327">
        <v>2552772</v>
      </c>
      <c r="HJ40" s="327">
        <v>4186719</v>
      </c>
      <c r="HK40" s="327">
        <v>7770123</v>
      </c>
      <c r="HL40" s="327">
        <v>3782209</v>
      </c>
      <c r="HM40" s="328">
        <v>25183693</v>
      </c>
      <c r="HN40" s="329">
        <v>27341387</v>
      </c>
      <c r="HO40" s="333">
        <v>342600</v>
      </c>
      <c r="HP40" s="327">
        <v>609169</v>
      </c>
      <c r="HQ40" s="328">
        <v>951769</v>
      </c>
      <c r="HR40" s="326">
        <v>0</v>
      </c>
      <c r="HS40" s="327">
        <v>4516948</v>
      </c>
      <c r="HT40" s="327">
        <v>2402896</v>
      </c>
      <c r="HU40" s="327">
        <v>1746517</v>
      </c>
      <c r="HV40" s="327">
        <v>1286581</v>
      </c>
      <c r="HW40" s="327">
        <v>938885</v>
      </c>
      <c r="HX40" s="331">
        <v>10891827</v>
      </c>
      <c r="HY40" s="330">
        <v>11843596</v>
      </c>
      <c r="HZ40" s="358">
        <v>84375</v>
      </c>
      <c r="IA40" s="356">
        <v>329508</v>
      </c>
      <c r="IB40" s="358">
        <v>413883</v>
      </c>
      <c r="IC40" s="338">
        <v>0</v>
      </c>
      <c r="ID40" s="336">
        <v>5784251</v>
      </c>
      <c r="IE40" s="339">
        <v>5335916</v>
      </c>
      <c r="IF40" s="337">
        <v>8229644</v>
      </c>
      <c r="IG40" s="336">
        <v>4835122</v>
      </c>
      <c r="IH40" s="337">
        <v>4113774</v>
      </c>
      <c r="II40" s="340">
        <v>28298707</v>
      </c>
      <c r="IJ40" s="358">
        <v>28712590</v>
      </c>
      <c r="IK40" s="342">
        <v>0</v>
      </c>
      <c r="IL40" s="343">
        <v>0</v>
      </c>
      <c r="IM40" s="344">
        <v>0</v>
      </c>
      <c r="IN40" s="404">
        <v>0</v>
      </c>
      <c r="IO40" s="345">
        <v>81700</v>
      </c>
      <c r="IP40" s="345">
        <v>134887</v>
      </c>
      <c r="IQ40" s="345">
        <v>328938</v>
      </c>
      <c r="IR40" s="345">
        <v>0</v>
      </c>
      <c r="IS40" s="345">
        <v>795789</v>
      </c>
      <c r="IT40" s="346">
        <v>1341314</v>
      </c>
      <c r="IU40" s="347">
        <v>1341314</v>
      </c>
      <c r="IV40" s="348">
        <v>0</v>
      </c>
      <c r="IW40" s="345">
        <v>0</v>
      </c>
      <c r="IX40" s="349">
        <v>0</v>
      </c>
      <c r="IY40" s="413">
        <v>0</v>
      </c>
      <c r="IZ40" s="345">
        <v>0</v>
      </c>
      <c r="JA40" s="345">
        <v>0</v>
      </c>
      <c r="JB40" s="345">
        <v>0</v>
      </c>
      <c r="JC40" s="345">
        <v>0</v>
      </c>
      <c r="JD40" s="345">
        <v>0</v>
      </c>
      <c r="JE40" s="349">
        <v>0</v>
      </c>
      <c r="JF40" s="350">
        <v>0</v>
      </c>
      <c r="JG40" s="348">
        <v>0</v>
      </c>
      <c r="JH40" s="345">
        <v>0</v>
      </c>
      <c r="JI40" s="346">
        <v>0</v>
      </c>
      <c r="JJ40" s="351">
        <v>0</v>
      </c>
      <c r="JK40" s="345">
        <v>1360236</v>
      </c>
      <c r="JL40" s="345">
        <v>787014</v>
      </c>
      <c r="JM40" s="345">
        <v>1158645</v>
      </c>
      <c r="JN40" s="345">
        <v>1194109</v>
      </c>
      <c r="JO40" s="345">
        <v>775989</v>
      </c>
      <c r="JP40" s="349">
        <v>5275993</v>
      </c>
      <c r="JQ40" s="347">
        <v>5275993</v>
      </c>
      <c r="JR40" s="348">
        <v>0</v>
      </c>
      <c r="JS40" s="345">
        <v>0</v>
      </c>
      <c r="JT40" s="346">
        <v>0</v>
      </c>
      <c r="JU40" s="351">
        <v>0</v>
      </c>
      <c r="JV40" s="345">
        <v>0</v>
      </c>
      <c r="JW40" s="345">
        <v>0</v>
      </c>
      <c r="JX40" s="345">
        <v>0</v>
      </c>
      <c r="JY40" s="345">
        <v>0</v>
      </c>
      <c r="JZ40" s="345">
        <v>0</v>
      </c>
      <c r="KA40" s="349">
        <v>0</v>
      </c>
      <c r="KB40" s="347">
        <v>0</v>
      </c>
      <c r="KC40" s="352">
        <v>84375</v>
      </c>
      <c r="KD40" s="353">
        <v>329508</v>
      </c>
      <c r="KE40" s="349">
        <v>413883</v>
      </c>
      <c r="KF40" s="351">
        <v>0</v>
      </c>
      <c r="KG40" s="345">
        <v>718650</v>
      </c>
      <c r="KH40" s="345">
        <v>729261</v>
      </c>
      <c r="KI40" s="345">
        <v>2877164</v>
      </c>
      <c r="KJ40" s="345">
        <v>944577</v>
      </c>
      <c r="KK40" s="345">
        <v>697815</v>
      </c>
      <c r="KL40" s="349">
        <v>5967467</v>
      </c>
      <c r="KM40" s="354">
        <v>6381350</v>
      </c>
      <c r="KN40" s="342">
        <v>0</v>
      </c>
      <c r="KO40" s="343">
        <v>0</v>
      </c>
      <c r="KP40" s="344">
        <v>0</v>
      </c>
      <c r="KQ40" s="413">
        <v>0</v>
      </c>
      <c r="KR40" s="345">
        <v>3623665</v>
      </c>
      <c r="KS40" s="345">
        <v>3684754</v>
      </c>
      <c r="KT40" s="345">
        <v>3864897</v>
      </c>
      <c r="KU40" s="345">
        <v>2696436</v>
      </c>
      <c r="KV40" s="345">
        <v>1844181</v>
      </c>
      <c r="KW40" s="349">
        <v>15713933</v>
      </c>
      <c r="KX40" s="347">
        <v>15713933</v>
      </c>
      <c r="KY40" s="348">
        <v>0</v>
      </c>
      <c r="KZ40" s="345">
        <v>0</v>
      </c>
      <c r="LA40" s="349">
        <v>0</v>
      </c>
      <c r="LB40" s="413">
        <v>0</v>
      </c>
      <c r="LC40" s="345">
        <v>0</v>
      </c>
      <c r="LD40" s="345">
        <v>0</v>
      </c>
      <c r="LE40" s="345">
        <v>0</v>
      </c>
      <c r="LF40" s="345">
        <v>0</v>
      </c>
      <c r="LG40" s="345">
        <v>0</v>
      </c>
      <c r="LH40" s="349">
        <v>0</v>
      </c>
      <c r="LI40" s="350">
        <v>0</v>
      </c>
      <c r="LJ40" s="348">
        <v>0</v>
      </c>
      <c r="LK40" s="345">
        <v>0</v>
      </c>
      <c r="LL40" s="349">
        <v>0</v>
      </c>
      <c r="LM40" s="413">
        <v>0</v>
      </c>
      <c r="LN40" s="345">
        <v>0</v>
      </c>
      <c r="LO40" s="345">
        <v>0</v>
      </c>
      <c r="LP40" s="345">
        <v>0</v>
      </c>
      <c r="LQ40" s="345">
        <v>0</v>
      </c>
      <c r="LR40" s="345">
        <v>0</v>
      </c>
      <c r="LS40" s="349">
        <v>0</v>
      </c>
      <c r="LT40" s="347">
        <v>0</v>
      </c>
      <c r="LU40" s="348">
        <v>0</v>
      </c>
      <c r="LV40" s="345">
        <v>0</v>
      </c>
      <c r="LW40" s="349">
        <v>0</v>
      </c>
      <c r="LX40" s="413">
        <v>0</v>
      </c>
      <c r="LY40" s="345">
        <v>0</v>
      </c>
      <c r="LZ40" s="345">
        <v>0</v>
      </c>
      <c r="MA40" s="345">
        <v>0</v>
      </c>
      <c r="MB40" s="345">
        <v>0</v>
      </c>
      <c r="MC40" s="345">
        <v>0</v>
      </c>
      <c r="MD40" s="349">
        <v>0</v>
      </c>
      <c r="ME40" s="350">
        <v>0</v>
      </c>
      <c r="MF40" s="348">
        <v>0</v>
      </c>
      <c r="MG40" s="345">
        <v>0</v>
      </c>
      <c r="MH40" s="349">
        <v>0</v>
      </c>
      <c r="MI40" s="413">
        <v>0</v>
      </c>
      <c r="MJ40" s="345">
        <v>4331821</v>
      </c>
      <c r="MK40" s="345">
        <v>10390942</v>
      </c>
      <c r="ML40" s="345">
        <v>16876476</v>
      </c>
      <c r="MM40" s="345">
        <v>19237623</v>
      </c>
      <c r="MN40" s="345">
        <v>12269381</v>
      </c>
      <c r="MO40" s="349">
        <v>63106243</v>
      </c>
      <c r="MP40" s="354">
        <v>63106243</v>
      </c>
      <c r="MQ40" s="348">
        <v>0</v>
      </c>
      <c r="MR40" s="345">
        <v>0</v>
      </c>
      <c r="MS40" s="349">
        <v>0</v>
      </c>
      <c r="MT40" s="413">
        <v>0</v>
      </c>
      <c r="MU40" s="345">
        <v>210015</v>
      </c>
      <c r="MV40" s="345">
        <v>555784</v>
      </c>
      <c r="MW40" s="345">
        <v>6723680</v>
      </c>
      <c r="MX40" s="345">
        <v>14312864</v>
      </c>
      <c r="MY40" s="345">
        <v>8086985</v>
      </c>
      <c r="MZ40" s="349">
        <v>29889328</v>
      </c>
      <c r="NA40" s="354">
        <v>29889328</v>
      </c>
      <c r="NB40" s="348">
        <v>0</v>
      </c>
      <c r="NC40" s="345">
        <v>0</v>
      </c>
      <c r="ND40" s="349">
        <v>0</v>
      </c>
      <c r="NE40" s="413">
        <v>0</v>
      </c>
      <c r="NF40" s="345">
        <v>3631108</v>
      </c>
      <c r="NG40" s="345">
        <v>9037812</v>
      </c>
      <c r="NH40" s="345">
        <v>8156632</v>
      </c>
      <c r="NI40" s="345">
        <v>4183020</v>
      </c>
      <c r="NJ40" s="345">
        <v>2277868</v>
      </c>
      <c r="NK40" s="349">
        <v>27286440</v>
      </c>
      <c r="NL40" s="347">
        <v>27286440</v>
      </c>
      <c r="NM40" s="348">
        <v>0</v>
      </c>
      <c r="NN40" s="345">
        <v>0</v>
      </c>
      <c r="NO40" s="349">
        <v>0</v>
      </c>
      <c r="NP40" s="413">
        <v>0</v>
      </c>
      <c r="NQ40" s="345">
        <v>0</v>
      </c>
      <c r="NR40" s="345">
        <v>0</v>
      </c>
      <c r="NS40" s="345">
        <v>0</v>
      </c>
      <c r="NT40" s="345">
        <v>0</v>
      </c>
      <c r="NU40" s="345">
        <v>0</v>
      </c>
      <c r="NV40" s="349">
        <v>0</v>
      </c>
      <c r="NW40" s="350">
        <v>0</v>
      </c>
      <c r="NX40" s="348">
        <v>0</v>
      </c>
      <c r="NY40" s="345">
        <v>0</v>
      </c>
      <c r="NZ40" s="349">
        <v>0</v>
      </c>
      <c r="OA40" s="413">
        <v>0</v>
      </c>
      <c r="OB40" s="345">
        <v>490698</v>
      </c>
      <c r="OC40" s="345">
        <v>797346</v>
      </c>
      <c r="OD40" s="345">
        <v>1996164</v>
      </c>
      <c r="OE40" s="345">
        <v>741739</v>
      </c>
      <c r="OF40" s="345">
        <v>1904528</v>
      </c>
      <c r="OG40" s="349">
        <v>5930475</v>
      </c>
      <c r="OH40" s="350">
        <v>5930475</v>
      </c>
      <c r="OI40" s="348">
        <v>2751345</v>
      </c>
      <c r="OJ40" s="345">
        <v>5822587</v>
      </c>
      <c r="OK40" s="346">
        <v>8573932</v>
      </c>
      <c r="OL40" s="351">
        <v>0</v>
      </c>
      <c r="OM40" s="345">
        <v>44715269</v>
      </c>
      <c r="ON40" s="345">
        <v>38980329</v>
      </c>
      <c r="OO40" s="345">
        <v>48921617</v>
      </c>
      <c r="OP40" s="345">
        <v>50066466</v>
      </c>
      <c r="OQ40" s="345">
        <v>33996996</v>
      </c>
      <c r="OR40" s="349">
        <v>216680677</v>
      </c>
      <c r="OS40" s="354">
        <v>225254609</v>
      </c>
    </row>
    <row r="41" spans="2:409" s="70" customFormat="1" ht="21" customHeight="1" x14ac:dyDescent="0.2">
      <c r="B41" s="410" t="s">
        <v>36</v>
      </c>
      <c r="C41" s="326">
        <v>1104052</v>
      </c>
      <c r="D41" s="327">
        <v>3615043</v>
      </c>
      <c r="E41" s="328">
        <v>4719095</v>
      </c>
      <c r="F41" s="329">
        <v>0</v>
      </c>
      <c r="G41" s="327">
        <v>22472472</v>
      </c>
      <c r="H41" s="327">
        <v>35814108</v>
      </c>
      <c r="I41" s="327">
        <v>25062816</v>
      </c>
      <c r="J41" s="327">
        <v>19102408</v>
      </c>
      <c r="K41" s="327">
        <v>21341171</v>
      </c>
      <c r="L41" s="367">
        <v>123792975</v>
      </c>
      <c r="M41" s="330">
        <v>128512070</v>
      </c>
      <c r="N41" s="326">
        <v>237536</v>
      </c>
      <c r="O41" s="327">
        <v>1373789</v>
      </c>
      <c r="P41" s="328">
        <v>1611325</v>
      </c>
      <c r="Q41" s="326">
        <v>0</v>
      </c>
      <c r="R41" s="327">
        <v>5655831</v>
      </c>
      <c r="S41" s="327">
        <v>12725788</v>
      </c>
      <c r="T41" s="327">
        <v>9196426</v>
      </c>
      <c r="U41" s="327">
        <v>7642836</v>
      </c>
      <c r="V41" s="327">
        <v>11221099</v>
      </c>
      <c r="W41" s="328">
        <v>46441980</v>
      </c>
      <c r="X41" s="330">
        <v>48053305</v>
      </c>
      <c r="Y41" s="326">
        <v>0</v>
      </c>
      <c r="Z41" s="327">
        <v>0</v>
      </c>
      <c r="AA41" s="328">
        <v>0</v>
      </c>
      <c r="AB41" s="326">
        <v>0</v>
      </c>
      <c r="AC41" s="327">
        <v>2215771</v>
      </c>
      <c r="AD41" s="327">
        <v>6993441</v>
      </c>
      <c r="AE41" s="327">
        <v>4386402</v>
      </c>
      <c r="AF41" s="327">
        <v>3853980</v>
      </c>
      <c r="AG41" s="327">
        <v>7043793</v>
      </c>
      <c r="AH41" s="328">
        <v>24493387</v>
      </c>
      <c r="AI41" s="330">
        <v>24493387</v>
      </c>
      <c r="AJ41" s="326">
        <v>0</v>
      </c>
      <c r="AK41" s="327">
        <v>36736</v>
      </c>
      <c r="AL41" s="328">
        <v>36736</v>
      </c>
      <c r="AM41" s="326">
        <v>0</v>
      </c>
      <c r="AN41" s="327">
        <v>67923</v>
      </c>
      <c r="AO41" s="327">
        <v>244599</v>
      </c>
      <c r="AP41" s="327">
        <v>597839</v>
      </c>
      <c r="AQ41" s="327">
        <v>781534</v>
      </c>
      <c r="AR41" s="327">
        <v>605538</v>
      </c>
      <c r="AS41" s="328">
        <v>2297433</v>
      </c>
      <c r="AT41" s="330">
        <v>2334169</v>
      </c>
      <c r="AU41" s="326">
        <v>140650</v>
      </c>
      <c r="AV41" s="327">
        <v>787728</v>
      </c>
      <c r="AW41" s="328">
        <v>928378</v>
      </c>
      <c r="AX41" s="326">
        <v>0</v>
      </c>
      <c r="AY41" s="327">
        <v>1918967</v>
      </c>
      <c r="AZ41" s="327">
        <v>3223736</v>
      </c>
      <c r="BA41" s="327">
        <v>2794634</v>
      </c>
      <c r="BB41" s="327">
        <v>2145251</v>
      </c>
      <c r="BC41" s="327">
        <v>2504592</v>
      </c>
      <c r="BD41" s="328">
        <v>12587180</v>
      </c>
      <c r="BE41" s="330">
        <v>13515558</v>
      </c>
      <c r="BF41" s="326">
        <v>10405</v>
      </c>
      <c r="BG41" s="327">
        <v>475552</v>
      </c>
      <c r="BH41" s="331">
        <v>485957</v>
      </c>
      <c r="BI41" s="332">
        <v>0</v>
      </c>
      <c r="BJ41" s="327">
        <v>623195</v>
      </c>
      <c r="BK41" s="327">
        <v>609683</v>
      </c>
      <c r="BL41" s="327">
        <v>240661</v>
      </c>
      <c r="BM41" s="327">
        <v>136463</v>
      </c>
      <c r="BN41" s="327">
        <v>163421</v>
      </c>
      <c r="BO41" s="328">
        <v>1773423</v>
      </c>
      <c r="BP41" s="330">
        <v>2259380</v>
      </c>
      <c r="BQ41" s="326">
        <v>86481</v>
      </c>
      <c r="BR41" s="327">
        <v>73773</v>
      </c>
      <c r="BS41" s="328">
        <v>160254</v>
      </c>
      <c r="BT41" s="326">
        <v>0</v>
      </c>
      <c r="BU41" s="327">
        <v>829975</v>
      </c>
      <c r="BV41" s="327">
        <v>1654329</v>
      </c>
      <c r="BW41" s="327">
        <v>1176890</v>
      </c>
      <c r="BX41" s="327">
        <v>725608</v>
      </c>
      <c r="BY41" s="327">
        <v>903755</v>
      </c>
      <c r="BZ41" s="328">
        <v>5290557</v>
      </c>
      <c r="CA41" s="330">
        <v>5450811</v>
      </c>
      <c r="CB41" s="326">
        <v>168902</v>
      </c>
      <c r="CC41" s="327">
        <v>299620</v>
      </c>
      <c r="CD41" s="328">
        <v>468522</v>
      </c>
      <c r="CE41" s="326">
        <v>0</v>
      </c>
      <c r="CF41" s="327">
        <v>6885512</v>
      </c>
      <c r="CG41" s="327">
        <v>11097680</v>
      </c>
      <c r="CH41" s="327">
        <v>6215836</v>
      </c>
      <c r="CI41" s="327">
        <v>4843622</v>
      </c>
      <c r="CJ41" s="327">
        <v>3985035</v>
      </c>
      <c r="CK41" s="328">
        <v>33027685</v>
      </c>
      <c r="CL41" s="330">
        <v>33496207</v>
      </c>
      <c r="CM41" s="326">
        <v>0</v>
      </c>
      <c r="CN41" s="327">
        <v>0</v>
      </c>
      <c r="CO41" s="328">
        <v>0</v>
      </c>
      <c r="CP41" s="332">
        <v>0</v>
      </c>
      <c r="CQ41" s="327">
        <v>5297045</v>
      </c>
      <c r="CR41" s="327">
        <v>8184931</v>
      </c>
      <c r="CS41" s="327">
        <v>4597914</v>
      </c>
      <c r="CT41" s="327">
        <v>4157030</v>
      </c>
      <c r="CU41" s="327">
        <v>3717668</v>
      </c>
      <c r="CV41" s="328">
        <v>25954588</v>
      </c>
      <c r="CW41" s="330">
        <v>25954588</v>
      </c>
      <c r="CX41" s="326">
        <v>168902</v>
      </c>
      <c r="CY41" s="327">
        <v>299620</v>
      </c>
      <c r="CZ41" s="328">
        <v>468522</v>
      </c>
      <c r="DA41" s="326">
        <v>0</v>
      </c>
      <c r="DB41" s="327">
        <v>1588467</v>
      </c>
      <c r="DC41" s="327">
        <v>2912749</v>
      </c>
      <c r="DD41" s="327">
        <v>1617922</v>
      </c>
      <c r="DE41" s="327">
        <v>686592</v>
      </c>
      <c r="DF41" s="327">
        <v>267367</v>
      </c>
      <c r="DG41" s="328">
        <v>7073097</v>
      </c>
      <c r="DH41" s="330">
        <v>7541619</v>
      </c>
      <c r="DI41" s="326">
        <v>0</v>
      </c>
      <c r="DJ41" s="327">
        <v>34778</v>
      </c>
      <c r="DK41" s="331">
        <v>34778</v>
      </c>
      <c r="DL41" s="332">
        <v>0</v>
      </c>
      <c r="DM41" s="327">
        <v>552883</v>
      </c>
      <c r="DN41" s="327">
        <v>1927439</v>
      </c>
      <c r="DO41" s="327">
        <v>1660522</v>
      </c>
      <c r="DP41" s="327">
        <v>2465055</v>
      </c>
      <c r="DQ41" s="327">
        <v>2622446</v>
      </c>
      <c r="DR41" s="328">
        <v>9228345</v>
      </c>
      <c r="DS41" s="330">
        <v>9263123</v>
      </c>
      <c r="DT41" s="326">
        <v>0</v>
      </c>
      <c r="DU41" s="327">
        <v>34778</v>
      </c>
      <c r="DV41" s="328">
        <v>34778</v>
      </c>
      <c r="DW41" s="326">
        <v>0</v>
      </c>
      <c r="DX41" s="327">
        <v>494145</v>
      </c>
      <c r="DY41" s="327">
        <v>1787776</v>
      </c>
      <c r="DZ41" s="327">
        <v>1660522</v>
      </c>
      <c r="EA41" s="327">
        <v>2375309</v>
      </c>
      <c r="EB41" s="327">
        <v>2622446</v>
      </c>
      <c r="EC41" s="328">
        <v>8940198</v>
      </c>
      <c r="ED41" s="330">
        <v>8974976</v>
      </c>
      <c r="EE41" s="326">
        <v>0</v>
      </c>
      <c r="EF41" s="331">
        <v>0</v>
      </c>
      <c r="EG41" s="328">
        <v>0</v>
      </c>
      <c r="EH41" s="326">
        <v>0</v>
      </c>
      <c r="EI41" s="327">
        <v>58738</v>
      </c>
      <c r="EJ41" s="327">
        <v>139663</v>
      </c>
      <c r="EK41" s="327">
        <v>0</v>
      </c>
      <c r="EL41" s="327">
        <v>89746</v>
      </c>
      <c r="EM41" s="327">
        <v>0</v>
      </c>
      <c r="EN41" s="331">
        <v>288147</v>
      </c>
      <c r="EO41" s="330">
        <v>288147</v>
      </c>
      <c r="EP41" s="326">
        <v>0</v>
      </c>
      <c r="EQ41" s="327">
        <v>0</v>
      </c>
      <c r="ER41" s="331">
        <v>0</v>
      </c>
      <c r="ES41" s="332">
        <v>0</v>
      </c>
      <c r="ET41" s="327">
        <v>0</v>
      </c>
      <c r="EU41" s="327">
        <v>0</v>
      </c>
      <c r="EV41" s="327">
        <v>0</v>
      </c>
      <c r="EW41" s="327">
        <v>0</v>
      </c>
      <c r="EX41" s="327">
        <v>0</v>
      </c>
      <c r="EY41" s="328">
        <v>0</v>
      </c>
      <c r="EZ41" s="330">
        <v>0</v>
      </c>
      <c r="FA41" s="326">
        <v>0</v>
      </c>
      <c r="FB41" s="327">
        <v>0</v>
      </c>
      <c r="FC41" s="331">
        <v>0</v>
      </c>
      <c r="FD41" s="332">
        <v>0</v>
      </c>
      <c r="FE41" s="327">
        <v>0</v>
      </c>
      <c r="FF41" s="327">
        <v>0</v>
      </c>
      <c r="FG41" s="327">
        <v>0</v>
      </c>
      <c r="FH41" s="327">
        <v>0</v>
      </c>
      <c r="FI41" s="327">
        <v>0</v>
      </c>
      <c r="FJ41" s="328">
        <v>0</v>
      </c>
      <c r="FK41" s="330">
        <v>0</v>
      </c>
      <c r="FL41" s="326">
        <v>279949</v>
      </c>
      <c r="FM41" s="327">
        <v>1110710</v>
      </c>
      <c r="FN41" s="328">
        <v>1390659</v>
      </c>
      <c r="FO41" s="326">
        <v>0</v>
      </c>
      <c r="FP41" s="327">
        <v>2012873</v>
      </c>
      <c r="FQ41" s="327">
        <v>3343959</v>
      </c>
      <c r="FR41" s="327">
        <v>2149878</v>
      </c>
      <c r="FS41" s="327">
        <v>1602947</v>
      </c>
      <c r="FT41" s="327">
        <v>1307013</v>
      </c>
      <c r="FU41" s="328">
        <v>10416670</v>
      </c>
      <c r="FV41" s="330">
        <v>11807329</v>
      </c>
      <c r="FW41" s="333">
        <v>257773</v>
      </c>
      <c r="FX41" s="327">
        <v>820416</v>
      </c>
      <c r="FY41" s="331">
        <v>1078189</v>
      </c>
      <c r="FZ41" s="332">
        <v>0</v>
      </c>
      <c r="GA41" s="327">
        <v>1517144</v>
      </c>
      <c r="GB41" s="327">
        <v>3123468</v>
      </c>
      <c r="GC41" s="327">
        <v>2052573</v>
      </c>
      <c r="GD41" s="327">
        <v>1508969</v>
      </c>
      <c r="GE41" s="327">
        <v>1286421</v>
      </c>
      <c r="GF41" s="328">
        <v>9488575</v>
      </c>
      <c r="GG41" s="334">
        <v>10566764</v>
      </c>
      <c r="GH41" s="333">
        <v>22176</v>
      </c>
      <c r="GI41" s="327">
        <v>24948</v>
      </c>
      <c r="GJ41" s="331">
        <v>47124</v>
      </c>
      <c r="GK41" s="332">
        <v>0</v>
      </c>
      <c r="GL41" s="327">
        <v>53064</v>
      </c>
      <c r="GM41" s="327">
        <v>40491</v>
      </c>
      <c r="GN41" s="327">
        <v>49005</v>
      </c>
      <c r="GO41" s="327">
        <v>93978</v>
      </c>
      <c r="GP41" s="327">
        <v>20592</v>
      </c>
      <c r="GQ41" s="328">
        <v>257130</v>
      </c>
      <c r="GR41" s="330">
        <v>304254</v>
      </c>
      <c r="GS41" s="326">
        <v>0</v>
      </c>
      <c r="GT41" s="327">
        <v>265346</v>
      </c>
      <c r="GU41" s="328">
        <v>265346</v>
      </c>
      <c r="GV41" s="326">
        <v>0</v>
      </c>
      <c r="GW41" s="327">
        <v>442665</v>
      </c>
      <c r="GX41" s="327">
        <v>180000</v>
      </c>
      <c r="GY41" s="327">
        <v>48300</v>
      </c>
      <c r="GZ41" s="327">
        <v>0</v>
      </c>
      <c r="HA41" s="327">
        <v>0</v>
      </c>
      <c r="HB41" s="331">
        <v>670965</v>
      </c>
      <c r="HC41" s="330">
        <v>936311</v>
      </c>
      <c r="HD41" s="326">
        <v>201588</v>
      </c>
      <c r="HE41" s="327">
        <v>106887</v>
      </c>
      <c r="HF41" s="331">
        <v>308475</v>
      </c>
      <c r="HG41" s="332">
        <v>0</v>
      </c>
      <c r="HH41" s="327">
        <v>3835646</v>
      </c>
      <c r="HI41" s="327">
        <v>3058941</v>
      </c>
      <c r="HJ41" s="327">
        <v>3238612</v>
      </c>
      <c r="HK41" s="327">
        <v>943125</v>
      </c>
      <c r="HL41" s="327">
        <v>816286</v>
      </c>
      <c r="HM41" s="328">
        <v>11892610</v>
      </c>
      <c r="HN41" s="329">
        <v>12201085</v>
      </c>
      <c r="HO41" s="333">
        <v>216077</v>
      </c>
      <c r="HP41" s="327">
        <v>689259</v>
      </c>
      <c r="HQ41" s="328">
        <v>905336</v>
      </c>
      <c r="HR41" s="326">
        <v>0</v>
      </c>
      <c r="HS41" s="327">
        <v>3529727</v>
      </c>
      <c r="HT41" s="327">
        <v>3660301</v>
      </c>
      <c r="HU41" s="327">
        <v>2601542</v>
      </c>
      <c r="HV41" s="327">
        <v>1604823</v>
      </c>
      <c r="HW41" s="327">
        <v>1389292</v>
      </c>
      <c r="HX41" s="331">
        <v>12785685</v>
      </c>
      <c r="HY41" s="330">
        <v>13691021</v>
      </c>
      <c r="HZ41" s="335">
        <v>0</v>
      </c>
      <c r="IA41" s="336">
        <v>0</v>
      </c>
      <c r="IB41" s="337">
        <v>0</v>
      </c>
      <c r="IC41" s="338">
        <v>0</v>
      </c>
      <c r="ID41" s="336">
        <v>6254275</v>
      </c>
      <c r="IE41" s="339">
        <v>11211834</v>
      </c>
      <c r="IF41" s="337">
        <v>10922159</v>
      </c>
      <c r="IG41" s="336">
        <v>5301994</v>
      </c>
      <c r="IH41" s="337">
        <v>5581003</v>
      </c>
      <c r="II41" s="340">
        <v>39271265</v>
      </c>
      <c r="IJ41" s="341">
        <v>39271265</v>
      </c>
      <c r="IK41" s="342">
        <v>0</v>
      </c>
      <c r="IL41" s="343">
        <v>0</v>
      </c>
      <c r="IM41" s="344">
        <v>0</v>
      </c>
      <c r="IN41" s="404">
        <v>0</v>
      </c>
      <c r="IO41" s="345">
        <v>0</v>
      </c>
      <c r="IP41" s="345">
        <v>130398</v>
      </c>
      <c r="IQ41" s="345">
        <v>357869</v>
      </c>
      <c r="IR41" s="345">
        <v>0</v>
      </c>
      <c r="IS41" s="345">
        <v>0</v>
      </c>
      <c r="IT41" s="346">
        <v>488267</v>
      </c>
      <c r="IU41" s="347">
        <v>488267</v>
      </c>
      <c r="IV41" s="348">
        <v>0</v>
      </c>
      <c r="IW41" s="345">
        <v>0</v>
      </c>
      <c r="IX41" s="349">
        <v>0</v>
      </c>
      <c r="IY41" s="413">
        <v>0</v>
      </c>
      <c r="IZ41" s="345">
        <v>0</v>
      </c>
      <c r="JA41" s="345">
        <v>0</v>
      </c>
      <c r="JB41" s="345">
        <v>0</v>
      </c>
      <c r="JC41" s="345">
        <v>0</v>
      </c>
      <c r="JD41" s="345">
        <v>0</v>
      </c>
      <c r="JE41" s="349">
        <v>0</v>
      </c>
      <c r="JF41" s="350">
        <v>0</v>
      </c>
      <c r="JG41" s="348">
        <v>0</v>
      </c>
      <c r="JH41" s="345">
        <v>0</v>
      </c>
      <c r="JI41" s="346">
        <v>0</v>
      </c>
      <c r="JJ41" s="351">
        <v>0</v>
      </c>
      <c r="JK41" s="345">
        <v>3034527</v>
      </c>
      <c r="JL41" s="345">
        <v>2936810</v>
      </c>
      <c r="JM41" s="345">
        <v>5050692</v>
      </c>
      <c r="JN41" s="345">
        <v>2633717</v>
      </c>
      <c r="JO41" s="345">
        <v>3689096</v>
      </c>
      <c r="JP41" s="349">
        <v>17344842</v>
      </c>
      <c r="JQ41" s="347">
        <v>17344842</v>
      </c>
      <c r="JR41" s="348">
        <v>0</v>
      </c>
      <c r="JS41" s="345">
        <v>0</v>
      </c>
      <c r="JT41" s="346">
        <v>0</v>
      </c>
      <c r="JU41" s="351">
        <v>0</v>
      </c>
      <c r="JV41" s="345">
        <v>0</v>
      </c>
      <c r="JW41" s="345">
        <v>0</v>
      </c>
      <c r="JX41" s="345">
        <v>0</v>
      </c>
      <c r="JY41" s="345">
        <v>0</v>
      </c>
      <c r="JZ41" s="345">
        <v>0</v>
      </c>
      <c r="KA41" s="349">
        <v>0</v>
      </c>
      <c r="KB41" s="347">
        <v>0</v>
      </c>
      <c r="KC41" s="352">
        <v>0</v>
      </c>
      <c r="KD41" s="353">
        <v>0</v>
      </c>
      <c r="KE41" s="349">
        <v>0</v>
      </c>
      <c r="KF41" s="351">
        <v>0</v>
      </c>
      <c r="KG41" s="345">
        <v>1853676</v>
      </c>
      <c r="KH41" s="345">
        <v>2613280</v>
      </c>
      <c r="KI41" s="345">
        <v>2062264</v>
      </c>
      <c r="KJ41" s="345">
        <v>584283</v>
      </c>
      <c r="KK41" s="345">
        <v>622889</v>
      </c>
      <c r="KL41" s="349">
        <v>7736392</v>
      </c>
      <c r="KM41" s="354">
        <v>7736392</v>
      </c>
      <c r="KN41" s="342">
        <v>0</v>
      </c>
      <c r="KO41" s="343">
        <v>0</v>
      </c>
      <c r="KP41" s="344">
        <v>0</v>
      </c>
      <c r="KQ41" s="413">
        <v>0</v>
      </c>
      <c r="KR41" s="345">
        <v>1366072</v>
      </c>
      <c r="KS41" s="345">
        <v>5531346</v>
      </c>
      <c r="KT41" s="345">
        <v>3451334</v>
      </c>
      <c r="KU41" s="345">
        <v>2083994</v>
      </c>
      <c r="KV41" s="345">
        <v>1269018</v>
      </c>
      <c r="KW41" s="349">
        <v>13701764</v>
      </c>
      <c r="KX41" s="347">
        <v>13701764</v>
      </c>
      <c r="KY41" s="348">
        <v>0</v>
      </c>
      <c r="KZ41" s="345">
        <v>0</v>
      </c>
      <c r="LA41" s="349">
        <v>0</v>
      </c>
      <c r="LB41" s="413">
        <v>0</v>
      </c>
      <c r="LC41" s="345">
        <v>0</v>
      </c>
      <c r="LD41" s="345">
        <v>0</v>
      </c>
      <c r="LE41" s="345">
        <v>0</v>
      </c>
      <c r="LF41" s="345">
        <v>0</v>
      </c>
      <c r="LG41" s="345">
        <v>0</v>
      </c>
      <c r="LH41" s="349">
        <v>0</v>
      </c>
      <c r="LI41" s="350">
        <v>0</v>
      </c>
      <c r="LJ41" s="348">
        <v>0</v>
      </c>
      <c r="LK41" s="345">
        <v>0</v>
      </c>
      <c r="LL41" s="349">
        <v>0</v>
      </c>
      <c r="LM41" s="413">
        <v>0</v>
      </c>
      <c r="LN41" s="345">
        <v>0</v>
      </c>
      <c r="LO41" s="345">
        <v>0</v>
      </c>
      <c r="LP41" s="345">
        <v>0</v>
      </c>
      <c r="LQ41" s="345">
        <v>0</v>
      </c>
      <c r="LR41" s="345">
        <v>0</v>
      </c>
      <c r="LS41" s="349">
        <v>0</v>
      </c>
      <c r="LT41" s="347">
        <v>0</v>
      </c>
      <c r="LU41" s="348">
        <v>0</v>
      </c>
      <c r="LV41" s="345">
        <v>0</v>
      </c>
      <c r="LW41" s="349">
        <v>0</v>
      </c>
      <c r="LX41" s="413">
        <v>0</v>
      </c>
      <c r="LY41" s="345">
        <v>0</v>
      </c>
      <c r="LZ41" s="345">
        <v>0</v>
      </c>
      <c r="MA41" s="345">
        <v>0</v>
      </c>
      <c r="MB41" s="345">
        <v>0</v>
      </c>
      <c r="MC41" s="345">
        <v>0</v>
      </c>
      <c r="MD41" s="349">
        <v>0</v>
      </c>
      <c r="ME41" s="350">
        <v>0</v>
      </c>
      <c r="MF41" s="348">
        <v>0</v>
      </c>
      <c r="MG41" s="345">
        <v>0</v>
      </c>
      <c r="MH41" s="349">
        <v>0</v>
      </c>
      <c r="MI41" s="413">
        <v>0</v>
      </c>
      <c r="MJ41" s="345">
        <v>3834784</v>
      </c>
      <c r="MK41" s="345">
        <v>5253374</v>
      </c>
      <c r="ML41" s="345">
        <v>28694024</v>
      </c>
      <c r="MM41" s="345">
        <v>46126446</v>
      </c>
      <c r="MN41" s="345">
        <v>26865134</v>
      </c>
      <c r="MO41" s="349">
        <v>110773762</v>
      </c>
      <c r="MP41" s="354">
        <v>110773762</v>
      </c>
      <c r="MQ41" s="348">
        <v>0</v>
      </c>
      <c r="MR41" s="345">
        <v>0</v>
      </c>
      <c r="MS41" s="349">
        <v>0</v>
      </c>
      <c r="MT41" s="413">
        <v>0</v>
      </c>
      <c r="MU41" s="345">
        <v>0</v>
      </c>
      <c r="MV41" s="345">
        <v>959331</v>
      </c>
      <c r="MW41" s="345">
        <v>18173594</v>
      </c>
      <c r="MX41" s="345">
        <v>25373551</v>
      </c>
      <c r="MY41" s="345">
        <v>19201918</v>
      </c>
      <c r="MZ41" s="349">
        <v>63708394</v>
      </c>
      <c r="NA41" s="354">
        <v>63708394</v>
      </c>
      <c r="NB41" s="348">
        <v>0</v>
      </c>
      <c r="NC41" s="345">
        <v>0</v>
      </c>
      <c r="ND41" s="349">
        <v>0</v>
      </c>
      <c r="NE41" s="413">
        <v>0</v>
      </c>
      <c r="NF41" s="345">
        <v>3834784</v>
      </c>
      <c r="NG41" s="345">
        <v>4294043</v>
      </c>
      <c r="NH41" s="345">
        <v>10520430</v>
      </c>
      <c r="NI41" s="345">
        <v>17834409</v>
      </c>
      <c r="NJ41" s="345">
        <v>5984192</v>
      </c>
      <c r="NK41" s="349">
        <v>42467858</v>
      </c>
      <c r="NL41" s="347">
        <v>42467858</v>
      </c>
      <c r="NM41" s="348">
        <v>0</v>
      </c>
      <c r="NN41" s="345">
        <v>0</v>
      </c>
      <c r="NO41" s="349">
        <v>0</v>
      </c>
      <c r="NP41" s="413">
        <v>0</v>
      </c>
      <c r="NQ41" s="345">
        <v>0</v>
      </c>
      <c r="NR41" s="345">
        <v>0</v>
      </c>
      <c r="NS41" s="345">
        <v>0</v>
      </c>
      <c r="NT41" s="345">
        <v>0</v>
      </c>
      <c r="NU41" s="345">
        <v>0</v>
      </c>
      <c r="NV41" s="349">
        <v>0</v>
      </c>
      <c r="NW41" s="350">
        <v>0</v>
      </c>
      <c r="NX41" s="348">
        <v>0</v>
      </c>
      <c r="NY41" s="345">
        <v>0</v>
      </c>
      <c r="NZ41" s="349">
        <v>0</v>
      </c>
      <c r="OA41" s="413">
        <v>0</v>
      </c>
      <c r="OB41" s="345">
        <v>0</v>
      </c>
      <c r="OC41" s="345">
        <v>0</v>
      </c>
      <c r="OD41" s="345">
        <v>0</v>
      </c>
      <c r="OE41" s="345">
        <v>2918486</v>
      </c>
      <c r="OF41" s="345">
        <v>1679024</v>
      </c>
      <c r="OG41" s="349">
        <v>4597510</v>
      </c>
      <c r="OH41" s="350">
        <v>4597510</v>
      </c>
      <c r="OI41" s="348">
        <v>1104052</v>
      </c>
      <c r="OJ41" s="345">
        <v>3615043</v>
      </c>
      <c r="OK41" s="346">
        <v>4719095</v>
      </c>
      <c r="OL41" s="351">
        <v>0</v>
      </c>
      <c r="OM41" s="345">
        <v>32561531</v>
      </c>
      <c r="ON41" s="345">
        <v>52279316</v>
      </c>
      <c r="OO41" s="345">
        <v>64678999</v>
      </c>
      <c r="OP41" s="345">
        <v>70530848</v>
      </c>
      <c r="OQ41" s="345">
        <v>53787308</v>
      </c>
      <c r="OR41" s="349">
        <v>273838002</v>
      </c>
      <c r="OS41" s="354">
        <v>278557097</v>
      </c>
    </row>
    <row r="42" spans="2:409" s="70" customFormat="1" ht="21" customHeight="1" thickBot="1" x14ac:dyDescent="0.25">
      <c r="B42" s="411" t="s">
        <v>37</v>
      </c>
      <c r="C42" s="371">
        <v>165749</v>
      </c>
      <c r="D42" s="372">
        <v>89275</v>
      </c>
      <c r="E42" s="373">
        <v>255024</v>
      </c>
      <c r="F42" s="374">
        <v>0</v>
      </c>
      <c r="G42" s="372">
        <v>1508625</v>
      </c>
      <c r="H42" s="372">
        <v>2498350</v>
      </c>
      <c r="I42" s="372">
        <v>2358318</v>
      </c>
      <c r="J42" s="372">
        <v>1784506</v>
      </c>
      <c r="K42" s="372">
        <v>1665540</v>
      </c>
      <c r="L42" s="374">
        <v>9815339</v>
      </c>
      <c r="M42" s="375">
        <v>10070363</v>
      </c>
      <c r="N42" s="371">
        <v>9810</v>
      </c>
      <c r="O42" s="372">
        <v>25029</v>
      </c>
      <c r="P42" s="373">
        <v>34839</v>
      </c>
      <c r="Q42" s="371">
        <v>0</v>
      </c>
      <c r="R42" s="372">
        <v>379584</v>
      </c>
      <c r="S42" s="372">
        <v>507351</v>
      </c>
      <c r="T42" s="372">
        <v>686129</v>
      </c>
      <c r="U42" s="372">
        <v>539539</v>
      </c>
      <c r="V42" s="372">
        <v>1048360</v>
      </c>
      <c r="W42" s="373">
        <v>3160963</v>
      </c>
      <c r="X42" s="375">
        <v>3195802</v>
      </c>
      <c r="Y42" s="371">
        <v>0</v>
      </c>
      <c r="Z42" s="372">
        <v>0</v>
      </c>
      <c r="AA42" s="373">
        <v>0</v>
      </c>
      <c r="AB42" s="371">
        <v>0</v>
      </c>
      <c r="AC42" s="372">
        <v>170451</v>
      </c>
      <c r="AD42" s="372">
        <v>261849</v>
      </c>
      <c r="AE42" s="372">
        <v>374290</v>
      </c>
      <c r="AF42" s="372">
        <v>202399</v>
      </c>
      <c r="AG42" s="372">
        <v>309364</v>
      </c>
      <c r="AH42" s="373">
        <v>1318353</v>
      </c>
      <c r="AI42" s="375">
        <v>1318353</v>
      </c>
      <c r="AJ42" s="371">
        <v>0</v>
      </c>
      <c r="AK42" s="372">
        <v>0</v>
      </c>
      <c r="AL42" s="373">
        <v>0</v>
      </c>
      <c r="AM42" s="371">
        <v>0</v>
      </c>
      <c r="AN42" s="372">
        <v>0</v>
      </c>
      <c r="AO42" s="372">
        <v>0</v>
      </c>
      <c r="AP42" s="372">
        <v>0</v>
      </c>
      <c r="AQ42" s="372">
        <v>0</v>
      </c>
      <c r="AR42" s="372">
        <v>13773</v>
      </c>
      <c r="AS42" s="373">
        <v>13773</v>
      </c>
      <c r="AT42" s="375">
        <v>13773</v>
      </c>
      <c r="AU42" s="371">
        <v>0</v>
      </c>
      <c r="AV42" s="372">
        <v>25029</v>
      </c>
      <c r="AW42" s="373">
        <v>25029</v>
      </c>
      <c r="AX42" s="371">
        <v>0</v>
      </c>
      <c r="AY42" s="372">
        <v>132941</v>
      </c>
      <c r="AZ42" s="372">
        <v>206546</v>
      </c>
      <c r="BA42" s="372">
        <v>213613</v>
      </c>
      <c r="BB42" s="372">
        <v>101379</v>
      </c>
      <c r="BC42" s="372">
        <v>574355</v>
      </c>
      <c r="BD42" s="373">
        <v>1228834</v>
      </c>
      <c r="BE42" s="375">
        <v>1253863</v>
      </c>
      <c r="BF42" s="371">
        <v>0</v>
      </c>
      <c r="BG42" s="372">
        <v>0</v>
      </c>
      <c r="BH42" s="376">
        <v>0</v>
      </c>
      <c r="BI42" s="377">
        <v>0</v>
      </c>
      <c r="BJ42" s="372">
        <v>27223</v>
      </c>
      <c r="BK42" s="372">
        <v>24250</v>
      </c>
      <c r="BL42" s="372">
        <v>0</v>
      </c>
      <c r="BM42" s="372">
        <v>17115</v>
      </c>
      <c r="BN42" s="372">
        <v>33509</v>
      </c>
      <c r="BO42" s="373">
        <v>102097</v>
      </c>
      <c r="BP42" s="375">
        <v>102097</v>
      </c>
      <c r="BQ42" s="371">
        <v>9810</v>
      </c>
      <c r="BR42" s="372">
        <v>0</v>
      </c>
      <c r="BS42" s="373">
        <v>9810</v>
      </c>
      <c r="BT42" s="371">
        <v>0</v>
      </c>
      <c r="BU42" s="372">
        <v>48969</v>
      </c>
      <c r="BV42" s="372">
        <v>14706</v>
      </c>
      <c r="BW42" s="372">
        <v>98226</v>
      </c>
      <c r="BX42" s="372">
        <v>218646</v>
      </c>
      <c r="BY42" s="372">
        <v>117359</v>
      </c>
      <c r="BZ42" s="373">
        <v>497906</v>
      </c>
      <c r="CA42" s="375">
        <v>507716</v>
      </c>
      <c r="CB42" s="371">
        <v>24620</v>
      </c>
      <c r="CC42" s="372">
        <v>47038</v>
      </c>
      <c r="CD42" s="373">
        <v>71658</v>
      </c>
      <c r="CE42" s="371">
        <v>0</v>
      </c>
      <c r="CF42" s="372">
        <v>576801</v>
      </c>
      <c r="CG42" s="372">
        <v>1015437</v>
      </c>
      <c r="CH42" s="372">
        <v>874706</v>
      </c>
      <c r="CI42" s="372">
        <v>600191</v>
      </c>
      <c r="CJ42" s="372">
        <v>278163</v>
      </c>
      <c r="CK42" s="373">
        <v>3345298</v>
      </c>
      <c r="CL42" s="375">
        <v>3416956</v>
      </c>
      <c r="CM42" s="371">
        <v>0</v>
      </c>
      <c r="CN42" s="372">
        <v>0</v>
      </c>
      <c r="CO42" s="373">
        <v>0</v>
      </c>
      <c r="CP42" s="377">
        <v>0</v>
      </c>
      <c r="CQ42" s="372">
        <v>256975</v>
      </c>
      <c r="CR42" s="372">
        <v>500230</v>
      </c>
      <c r="CS42" s="372">
        <v>725374</v>
      </c>
      <c r="CT42" s="372">
        <v>182076</v>
      </c>
      <c r="CU42" s="372">
        <v>179944</v>
      </c>
      <c r="CV42" s="373">
        <v>1844599</v>
      </c>
      <c r="CW42" s="375">
        <v>1844599</v>
      </c>
      <c r="CX42" s="371">
        <v>24620</v>
      </c>
      <c r="CY42" s="372">
        <v>47038</v>
      </c>
      <c r="CZ42" s="373">
        <v>71658</v>
      </c>
      <c r="DA42" s="371">
        <v>0</v>
      </c>
      <c r="DB42" s="372">
        <v>319826</v>
      </c>
      <c r="DC42" s="372">
        <v>515207</v>
      </c>
      <c r="DD42" s="372">
        <v>149332</v>
      </c>
      <c r="DE42" s="372">
        <v>418115</v>
      </c>
      <c r="DF42" s="372">
        <v>98219</v>
      </c>
      <c r="DG42" s="373">
        <v>1500699</v>
      </c>
      <c r="DH42" s="375">
        <v>1572357</v>
      </c>
      <c r="DI42" s="371">
        <v>0</v>
      </c>
      <c r="DJ42" s="372">
        <v>0</v>
      </c>
      <c r="DK42" s="376">
        <v>0</v>
      </c>
      <c r="DL42" s="377">
        <v>0</v>
      </c>
      <c r="DM42" s="372">
        <v>29241</v>
      </c>
      <c r="DN42" s="372">
        <v>148384</v>
      </c>
      <c r="DO42" s="372">
        <v>248799</v>
      </c>
      <c r="DP42" s="372">
        <v>236777</v>
      </c>
      <c r="DQ42" s="372">
        <v>23422</v>
      </c>
      <c r="DR42" s="373">
        <v>686623</v>
      </c>
      <c r="DS42" s="375">
        <v>686623</v>
      </c>
      <c r="DT42" s="371">
        <v>0</v>
      </c>
      <c r="DU42" s="372">
        <v>0</v>
      </c>
      <c r="DV42" s="373">
        <v>0</v>
      </c>
      <c r="DW42" s="371">
        <v>0</v>
      </c>
      <c r="DX42" s="372">
        <v>29241</v>
      </c>
      <c r="DY42" s="372">
        <v>148384</v>
      </c>
      <c r="DZ42" s="372">
        <v>248799</v>
      </c>
      <c r="EA42" s="372">
        <v>199695</v>
      </c>
      <c r="EB42" s="372">
        <v>0</v>
      </c>
      <c r="EC42" s="373">
        <v>626119</v>
      </c>
      <c r="ED42" s="375">
        <v>626119</v>
      </c>
      <c r="EE42" s="371">
        <v>0</v>
      </c>
      <c r="EF42" s="376">
        <v>0</v>
      </c>
      <c r="EG42" s="373">
        <v>0</v>
      </c>
      <c r="EH42" s="371">
        <v>0</v>
      </c>
      <c r="EI42" s="372">
        <v>0</v>
      </c>
      <c r="EJ42" s="372">
        <v>0</v>
      </c>
      <c r="EK42" s="372">
        <v>0</v>
      </c>
      <c r="EL42" s="372">
        <v>37082</v>
      </c>
      <c r="EM42" s="372">
        <v>23422</v>
      </c>
      <c r="EN42" s="376">
        <v>60504</v>
      </c>
      <c r="EO42" s="375">
        <v>60504</v>
      </c>
      <c r="EP42" s="371">
        <v>0</v>
      </c>
      <c r="EQ42" s="372">
        <v>0</v>
      </c>
      <c r="ER42" s="376">
        <v>0</v>
      </c>
      <c r="ES42" s="377">
        <v>0</v>
      </c>
      <c r="ET42" s="372">
        <v>0</v>
      </c>
      <c r="EU42" s="372">
        <v>0</v>
      </c>
      <c r="EV42" s="372">
        <v>0</v>
      </c>
      <c r="EW42" s="372">
        <v>0</v>
      </c>
      <c r="EX42" s="372">
        <v>0</v>
      </c>
      <c r="EY42" s="373">
        <v>0</v>
      </c>
      <c r="EZ42" s="375">
        <v>0</v>
      </c>
      <c r="FA42" s="371">
        <v>0</v>
      </c>
      <c r="FB42" s="372">
        <v>0</v>
      </c>
      <c r="FC42" s="376">
        <v>0</v>
      </c>
      <c r="FD42" s="377">
        <v>0</v>
      </c>
      <c r="FE42" s="372">
        <v>0</v>
      </c>
      <c r="FF42" s="372">
        <v>0</v>
      </c>
      <c r="FG42" s="372">
        <v>0</v>
      </c>
      <c r="FH42" s="372">
        <v>0</v>
      </c>
      <c r="FI42" s="372">
        <v>0</v>
      </c>
      <c r="FJ42" s="373">
        <v>0</v>
      </c>
      <c r="FK42" s="375">
        <v>0</v>
      </c>
      <c r="FL42" s="371">
        <v>72000</v>
      </c>
      <c r="FM42" s="372">
        <v>8082</v>
      </c>
      <c r="FN42" s="373">
        <v>80082</v>
      </c>
      <c r="FO42" s="371">
        <v>0</v>
      </c>
      <c r="FP42" s="372">
        <v>142302</v>
      </c>
      <c r="FQ42" s="372">
        <v>394873</v>
      </c>
      <c r="FR42" s="372">
        <v>215046</v>
      </c>
      <c r="FS42" s="372">
        <v>231840</v>
      </c>
      <c r="FT42" s="372">
        <v>177209</v>
      </c>
      <c r="FU42" s="373">
        <v>1161270</v>
      </c>
      <c r="FV42" s="375">
        <v>1241352</v>
      </c>
      <c r="FW42" s="378">
        <v>72000</v>
      </c>
      <c r="FX42" s="372">
        <v>8082</v>
      </c>
      <c r="FY42" s="376">
        <v>80082</v>
      </c>
      <c r="FZ42" s="377">
        <v>0</v>
      </c>
      <c r="GA42" s="372">
        <v>142302</v>
      </c>
      <c r="GB42" s="372">
        <v>394873</v>
      </c>
      <c r="GC42" s="372">
        <v>215046</v>
      </c>
      <c r="GD42" s="372">
        <v>231840</v>
      </c>
      <c r="GE42" s="372">
        <v>177209</v>
      </c>
      <c r="GF42" s="373">
        <v>1161270</v>
      </c>
      <c r="GG42" s="379">
        <v>1241352</v>
      </c>
      <c r="GH42" s="378">
        <v>0</v>
      </c>
      <c r="GI42" s="372">
        <v>0</v>
      </c>
      <c r="GJ42" s="376">
        <v>0</v>
      </c>
      <c r="GK42" s="377">
        <v>0</v>
      </c>
      <c r="GL42" s="372">
        <v>0</v>
      </c>
      <c r="GM42" s="372">
        <v>0</v>
      </c>
      <c r="GN42" s="372">
        <v>0</v>
      </c>
      <c r="GO42" s="372">
        <v>0</v>
      </c>
      <c r="GP42" s="372">
        <v>0</v>
      </c>
      <c r="GQ42" s="373">
        <v>0</v>
      </c>
      <c r="GR42" s="375">
        <v>0</v>
      </c>
      <c r="GS42" s="371">
        <v>0</v>
      </c>
      <c r="GT42" s="372">
        <v>0</v>
      </c>
      <c r="GU42" s="373">
        <v>0</v>
      </c>
      <c r="GV42" s="371">
        <v>0</v>
      </c>
      <c r="GW42" s="372">
        <v>0</v>
      </c>
      <c r="GX42" s="372">
        <v>0</v>
      </c>
      <c r="GY42" s="372">
        <v>0</v>
      </c>
      <c r="GZ42" s="372">
        <v>0</v>
      </c>
      <c r="HA42" s="372">
        <v>0</v>
      </c>
      <c r="HB42" s="376">
        <v>0</v>
      </c>
      <c r="HC42" s="375">
        <v>0</v>
      </c>
      <c r="HD42" s="371">
        <v>0</v>
      </c>
      <c r="HE42" s="372">
        <v>0</v>
      </c>
      <c r="HF42" s="376">
        <v>0</v>
      </c>
      <c r="HG42" s="377">
        <v>0</v>
      </c>
      <c r="HH42" s="372">
        <v>0</v>
      </c>
      <c r="HI42" s="372">
        <v>0</v>
      </c>
      <c r="HJ42" s="372">
        <v>0</v>
      </c>
      <c r="HK42" s="372">
        <v>0</v>
      </c>
      <c r="HL42" s="372">
        <v>0</v>
      </c>
      <c r="HM42" s="373">
        <v>0</v>
      </c>
      <c r="HN42" s="374">
        <v>0</v>
      </c>
      <c r="HO42" s="378">
        <v>59319</v>
      </c>
      <c r="HP42" s="372">
        <v>9126</v>
      </c>
      <c r="HQ42" s="373">
        <v>68445</v>
      </c>
      <c r="HR42" s="371">
        <v>0</v>
      </c>
      <c r="HS42" s="372">
        <v>380697</v>
      </c>
      <c r="HT42" s="372">
        <v>432305</v>
      </c>
      <c r="HU42" s="372">
        <v>333638</v>
      </c>
      <c r="HV42" s="372">
        <v>176159</v>
      </c>
      <c r="HW42" s="372">
        <v>138386</v>
      </c>
      <c r="HX42" s="376">
        <v>1461185</v>
      </c>
      <c r="HY42" s="375">
        <v>1529630</v>
      </c>
      <c r="HZ42" s="380">
        <v>0</v>
      </c>
      <c r="IA42" s="381">
        <v>0</v>
      </c>
      <c r="IB42" s="382">
        <v>0</v>
      </c>
      <c r="IC42" s="383">
        <v>0</v>
      </c>
      <c r="ID42" s="384">
        <v>1964900</v>
      </c>
      <c r="IE42" s="385">
        <v>841324</v>
      </c>
      <c r="IF42" s="386">
        <v>1360579</v>
      </c>
      <c r="IG42" s="384">
        <v>2723669</v>
      </c>
      <c r="IH42" s="386">
        <v>468514</v>
      </c>
      <c r="II42" s="387">
        <v>7358986</v>
      </c>
      <c r="IJ42" s="388">
        <v>7358986</v>
      </c>
      <c r="IK42" s="389">
        <v>0</v>
      </c>
      <c r="IL42" s="390">
        <v>0</v>
      </c>
      <c r="IM42" s="391">
        <v>0</v>
      </c>
      <c r="IN42" s="405">
        <v>0</v>
      </c>
      <c r="IO42" s="392">
        <v>0</v>
      </c>
      <c r="IP42" s="392">
        <v>0</v>
      </c>
      <c r="IQ42" s="392">
        <v>0</v>
      </c>
      <c r="IR42" s="392">
        <v>215942</v>
      </c>
      <c r="IS42" s="392">
        <v>0</v>
      </c>
      <c r="IT42" s="393">
        <v>215942</v>
      </c>
      <c r="IU42" s="394">
        <v>215942</v>
      </c>
      <c r="IV42" s="395">
        <v>0</v>
      </c>
      <c r="IW42" s="392">
        <v>0</v>
      </c>
      <c r="IX42" s="396">
        <v>0</v>
      </c>
      <c r="IY42" s="414">
        <v>0</v>
      </c>
      <c r="IZ42" s="392">
        <v>0</v>
      </c>
      <c r="JA42" s="392">
        <v>0</v>
      </c>
      <c r="JB42" s="392">
        <v>0</v>
      </c>
      <c r="JC42" s="392">
        <v>0</v>
      </c>
      <c r="JD42" s="392">
        <v>0</v>
      </c>
      <c r="JE42" s="396">
        <v>0</v>
      </c>
      <c r="JF42" s="397">
        <v>0</v>
      </c>
      <c r="JG42" s="395">
        <v>0</v>
      </c>
      <c r="JH42" s="392">
        <v>0</v>
      </c>
      <c r="JI42" s="393">
        <v>0</v>
      </c>
      <c r="JJ42" s="398">
        <v>0</v>
      </c>
      <c r="JK42" s="392">
        <v>1120989</v>
      </c>
      <c r="JL42" s="392">
        <v>841324</v>
      </c>
      <c r="JM42" s="392">
        <v>781711</v>
      </c>
      <c r="JN42" s="392">
        <v>158526</v>
      </c>
      <c r="JO42" s="392">
        <v>167941</v>
      </c>
      <c r="JP42" s="396">
        <v>3070491</v>
      </c>
      <c r="JQ42" s="394">
        <v>3070491</v>
      </c>
      <c r="JR42" s="395">
        <v>0</v>
      </c>
      <c r="JS42" s="392">
        <v>0</v>
      </c>
      <c r="JT42" s="393">
        <v>0</v>
      </c>
      <c r="JU42" s="398">
        <v>0</v>
      </c>
      <c r="JV42" s="392">
        <v>38414</v>
      </c>
      <c r="JW42" s="392">
        <v>0</v>
      </c>
      <c r="JX42" s="392">
        <v>0</v>
      </c>
      <c r="JY42" s="392">
        <v>0</v>
      </c>
      <c r="JZ42" s="392">
        <v>0</v>
      </c>
      <c r="KA42" s="396">
        <v>38414</v>
      </c>
      <c r="KB42" s="394">
        <v>38414</v>
      </c>
      <c r="KC42" s="399">
        <v>0</v>
      </c>
      <c r="KD42" s="400">
        <v>0</v>
      </c>
      <c r="KE42" s="396">
        <v>0</v>
      </c>
      <c r="KF42" s="398">
        <v>0</v>
      </c>
      <c r="KG42" s="392">
        <v>0</v>
      </c>
      <c r="KH42" s="392">
        <v>0</v>
      </c>
      <c r="KI42" s="392">
        <v>0</v>
      </c>
      <c r="KJ42" s="392">
        <v>0</v>
      </c>
      <c r="KK42" s="392">
        <v>0</v>
      </c>
      <c r="KL42" s="396">
        <v>0</v>
      </c>
      <c r="KM42" s="401">
        <v>0</v>
      </c>
      <c r="KN42" s="389">
        <v>0</v>
      </c>
      <c r="KO42" s="390">
        <v>0</v>
      </c>
      <c r="KP42" s="391">
        <v>0</v>
      </c>
      <c r="KQ42" s="414">
        <v>0</v>
      </c>
      <c r="KR42" s="392">
        <v>805497</v>
      </c>
      <c r="KS42" s="392">
        <v>0</v>
      </c>
      <c r="KT42" s="392">
        <v>578868</v>
      </c>
      <c r="KU42" s="392">
        <v>2349201</v>
      </c>
      <c r="KV42" s="392">
        <v>300573</v>
      </c>
      <c r="KW42" s="396">
        <v>4034139</v>
      </c>
      <c r="KX42" s="394">
        <v>4034139</v>
      </c>
      <c r="KY42" s="395">
        <v>0</v>
      </c>
      <c r="KZ42" s="392">
        <v>0</v>
      </c>
      <c r="LA42" s="396">
        <v>0</v>
      </c>
      <c r="LB42" s="414">
        <v>0</v>
      </c>
      <c r="LC42" s="392">
        <v>0</v>
      </c>
      <c r="LD42" s="392">
        <v>0</v>
      </c>
      <c r="LE42" s="392">
        <v>0</v>
      </c>
      <c r="LF42" s="392">
        <v>0</v>
      </c>
      <c r="LG42" s="392">
        <v>0</v>
      </c>
      <c r="LH42" s="396">
        <v>0</v>
      </c>
      <c r="LI42" s="397">
        <v>0</v>
      </c>
      <c r="LJ42" s="395">
        <v>0</v>
      </c>
      <c r="LK42" s="392">
        <v>0</v>
      </c>
      <c r="LL42" s="396">
        <v>0</v>
      </c>
      <c r="LM42" s="414">
        <v>0</v>
      </c>
      <c r="LN42" s="392">
        <v>0</v>
      </c>
      <c r="LO42" s="392">
        <v>0</v>
      </c>
      <c r="LP42" s="392">
        <v>0</v>
      </c>
      <c r="LQ42" s="392">
        <v>0</v>
      </c>
      <c r="LR42" s="392">
        <v>0</v>
      </c>
      <c r="LS42" s="396">
        <v>0</v>
      </c>
      <c r="LT42" s="394">
        <v>0</v>
      </c>
      <c r="LU42" s="395">
        <v>0</v>
      </c>
      <c r="LV42" s="392">
        <v>0</v>
      </c>
      <c r="LW42" s="396">
        <v>0</v>
      </c>
      <c r="LX42" s="414">
        <v>0</v>
      </c>
      <c r="LY42" s="392">
        <v>0</v>
      </c>
      <c r="LZ42" s="392">
        <v>0</v>
      </c>
      <c r="MA42" s="392">
        <v>0</v>
      </c>
      <c r="MB42" s="392">
        <v>0</v>
      </c>
      <c r="MC42" s="392">
        <v>0</v>
      </c>
      <c r="MD42" s="396">
        <v>0</v>
      </c>
      <c r="ME42" s="397">
        <v>0</v>
      </c>
      <c r="MF42" s="395">
        <v>0</v>
      </c>
      <c r="MG42" s="392">
        <v>0</v>
      </c>
      <c r="MH42" s="396">
        <v>0</v>
      </c>
      <c r="MI42" s="414">
        <v>0</v>
      </c>
      <c r="MJ42" s="392">
        <v>258177</v>
      </c>
      <c r="MK42" s="392">
        <v>553202</v>
      </c>
      <c r="ML42" s="392">
        <v>3339849</v>
      </c>
      <c r="MM42" s="392">
        <v>3068835</v>
      </c>
      <c r="MN42" s="392">
        <v>3878123</v>
      </c>
      <c r="MO42" s="396">
        <v>11098186</v>
      </c>
      <c r="MP42" s="401">
        <v>11098186</v>
      </c>
      <c r="MQ42" s="395">
        <v>0</v>
      </c>
      <c r="MR42" s="392">
        <v>0</v>
      </c>
      <c r="MS42" s="396">
        <v>0</v>
      </c>
      <c r="MT42" s="414">
        <v>0</v>
      </c>
      <c r="MU42" s="392">
        <v>0</v>
      </c>
      <c r="MV42" s="392">
        <v>0</v>
      </c>
      <c r="MW42" s="392">
        <v>1666119</v>
      </c>
      <c r="MX42" s="392">
        <v>2038441</v>
      </c>
      <c r="MY42" s="392">
        <v>2370318</v>
      </c>
      <c r="MZ42" s="396">
        <v>6074878</v>
      </c>
      <c r="NA42" s="401">
        <v>6074878</v>
      </c>
      <c r="NB42" s="395">
        <v>0</v>
      </c>
      <c r="NC42" s="392">
        <v>0</v>
      </c>
      <c r="ND42" s="396">
        <v>0</v>
      </c>
      <c r="NE42" s="414">
        <v>0</v>
      </c>
      <c r="NF42" s="392">
        <v>258177</v>
      </c>
      <c r="NG42" s="392">
        <v>553202</v>
      </c>
      <c r="NH42" s="392">
        <v>1673730</v>
      </c>
      <c r="NI42" s="392">
        <v>1030394</v>
      </c>
      <c r="NJ42" s="392">
        <v>1081695</v>
      </c>
      <c r="NK42" s="396">
        <v>4597198</v>
      </c>
      <c r="NL42" s="394">
        <v>4597198</v>
      </c>
      <c r="NM42" s="395">
        <v>0</v>
      </c>
      <c r="NN42" s="392">
        <v>0</v>
      </c>
      <c r="NO42" s="396">
        <v>0</v>
      </c>
      <c r="NP42" s="414">
        <v>0</v>
      </c>
      <c r="NQ42" s="392">
        <v>0</v>
      </c>
      <c r="NR42" s="392">
        <v>0</v>
      </c>
      <c r="NS42" s="392">
        <v>0</v>
      </c>
      <c r="NT42" s="392">
        <v>0</v>
      </c>
      <c r="NU42" s="392">
        <v>0</v>
      </c>
      <c r="NV42" s="396">
        <v>0</v>
      </c>
      <c r="NW42" s="397">
        <v>0</v>
      </c>
      <c r="NX42" s="395">
        <v>0</v>
      </c>
      <c r="NY42" s="392">
        <v>0</v>
      </c>
      <c r="NZ42" s="396">
        <v>0</v>
      </c>
      <c r="OA42" s="414">
        <v>0</v>
      </c>
      <c r="OB42" s="392">
        <v>0</v>
      </c>
      <c r="OC42" s="392">
        <v>0</v>
      </c>
      <c r="OD42" s="392">
        <v>0</v>
      </c>
      <c r="OE42" s="392">
        <v>0</v>
      </c>
      <c r="OF42" s="392">
        <v>426110</v>
      </c>
      <c r="OG42" s="396">
        <v>426110</v>
      </c>
      <c r="OH42" s="397">
        <v>426110</v>
      </c>
      <c r="OI42" s="395">
        <v>165749</v>
      </c>
      <c r="OJ42" s="392">
        <v>89275</v>
      </c>
      <c r="OK42" s="393">
        <v>255024</v>
      </c>
      <c r="OL42" s="398">
        <v>0</v>
      </c>
      <c r="OM42" s="392">
        <v>3731702</v>
      </c>
      <c r="ON42" s="392">
        <v>3892876</v>
      </c>
      <c r="OO42" s="392">
        <v>7058746</v>
      </c>
      <c r="OP42" s="392">
        <v>7577010</v>
      </c>
      <c r="OQ42" s="392">
        <v>6012177</v>
      </c>
      <c r="OR42" s="396">
        <v>28272511</v>
      </c>
      <c r="OS42" s="401">
        <v>28527535</v>
      </c>
    </row>
    <row r="43" spans="2:409" x14ac:dyDescent="0.2">
      <c r="B43" s="71" t="s">
        <v>84</v>
      </c>
    </row>
  </sheetData>
  <mergeCells count="159">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DT7:DV7"/>
    <mergeCell ref="DW7:EC7"/>
    <mergeCell ref="ED7:ED8"/>
    <mergeCell ref="DL7:DR7"/>
    <mergeCell ref="CM7:CO7"/>
    <mergeCell ref="CP7:CV7"/>
    <mergeCell ref="CW7:CW8"/>
    <mergeCell ref="CX7:CZ7"/>
    <mergeCell ref="DA7:DG7"/>
    <mergeCell ref="DH7:DH8"/>
    <mergeCell ref="DI7:DK7"/>
    <mergeCell ref="CL7:CL8"/>
    <mergeCell ref="BI7:BO7"/>
    <mergeCell ref="BP7:BP8"/>
    <mergeCell ref="BQ7:BS7"/>
    <mergeCell ref="BT7:BZ7"/>
    <mergeCell ref="BF7:BH7"/>
    <mergeCell ref="CA7:CA8"/>
    <mergeCell ref="CB7:CD7"/>
    <mergeCell ref="CE7:CK7"/>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LI7:LI8"/>
    <mergeCell ref="LJ7:LL7"/>
    <mergeCell ref="KC7:KE7"/>
    <mergeCell ref="KF7:KL7"/>
    <mergeCell ref="KM7:KM8"/>
    <mergeCell ref="KN7:KP7"/>
    <mergeCell ref="KQ7:KW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21875" style="71" customWidth="1"/>
    <col min="7" max="8" width="10" style="71" customWidth="1"/>
    <col min="9" max="9" width="9.88671875" style="71" customWidth="1"/>
    <col min="10" max="10" width="9.77734375" style="71" customWidth="1"/>
    <col min="11" max="11" width="9.88671875" style="71" customWidth="1"/>
    <col min="12" max="12" width="10.88671875" style="71" customWidth="1"/>
    <col min="13" max="13" width="11.109375" style="71" customWidth="1"/>
    <col min="14" max="16" width="8.21875" style="71" customWidth="1"/>
    <col min="17" max="17" width="7.21875" style="71" customWidth="1"/>
    <col min="18" max="18" width="10" style="71" customWidth="1"/>
    <col min="19" max="19" width="10.109375" style="71" customWidth="1"/>
    <col min="20" max="20" width="9.109375" style="71" customWidth="1"/>
    <col min="21" max="21" width="9.77734375" style="71" customWidth="1"/>
    <col min="22" max="22" width="10.33203125" style="71" customWidth="1"/>
    <col min="23" max="23" width="10.44140625" style="71" customWidth="1"/>
    <col min="24" max="24" width="11" style="71" customWidth="1"/>
    <col min="25" max="27" width="8.21875" style="71" customWidth="1"/>
    <col min="28" max="28" width="7" style="71" customWidth="1"/>
    <col min="29" max="33" width="8.21875" style="71" customWidth="1"/>
    <col min="34" max="34" width="10.6640625" style="71" customWidth="1"/>
    <col min="35" max="35" width="10" style="71" customWidth="1"/>
    <col min="36" max="38" width="8.21875" style="71" customWidth="1"/>
    <col min="39" max="39" width="7" style="71" customWidth="1"/>
    <col min="40" max="49" width="8.21875" style="71" customWidth="1"/>
    <col min="50" max="50" width="7.21875" style="71" customWidth="1"/>
    <col min="51" max="55" width="8.21875" style="71" customWidth="1"/>
    <col min="56" max="57" width="9.33203125" style="71" customWidth="1"/>
    <col min="58" max="60" width="8.21875" style="71" customWidth="1"/>
    <col min="61" max="61" width="6.88671875" style="71" customWidth="1"/>
    <col min="62" max="71" width="8.21875" style="71" customWidth="1"/>
    <col min="72" max="72" width="7.21875" style="71" customWidth="1"/>
    <col min="73" max="79" width="8.21875" style="71" customWidth="1"/>
    <col min="80" max="82" width="8.21875" style="247" customWidth="1"/>
    <col min="83" max="83" width="7.6640625" style="247" customWidth="1"/>
    <col min="84" max="84" width="9.88671875" style="247" customWidth="1"/>
    <col min="85" max="85" width="10" style="247" customWidth="1"/>
    <col min="86" max="86" width="9.77734375" style="247" customWidth="1"/>
    <col min="87" max="87" width="9.21875" style="247" customWidth="1"/>
    <col min="88" max="88" width="8.77734375" style="247" customWidth="1"/>
    <col min="89" max="89" width="9.88671875" style="247" customWidth="1"/>
    <col min="90" max="90" width="9.77734375" style="247" customWidth="1"/>
    <col min="91" max="93" width="8.21875" style="71" customWidth="1"/>
    <col min="94" max="94" width="7.33203125" style="71" customWidth="1"/>
    <col min="95" max="95" width="9.88671875" style="71" bestFit="1" customWidth="1"/>
    <col min="96" max="96" width="10" style="71" customWidth="1"/>
    <col min="97" max="97" width="9.6640625" style="71" customWidth="1"/>
    <col min="98" max="99" width="8.21875" style="71" customWidth="1"/>
    <col min="100" max="101" width="9.88671875" style="71" customWidth="1"/>
    <col min="102" max="104" width="8.21875" style="71" customWidth="1"/>
    <col min="105" max="105" width="7.44140625" style="71" customWidth="1"/>
    <col min="106" max="110" width="8.21875" style="71" customWidth="1"/>
    <col min="111" max="111" width="10" style="71" customWidth="1"/>
    <col min="112" max="112" width="9.88671875" style="71" customWidth="1"/>
    <col min="113" max="115" width="8.21875" style="247" customWidth="1"/>
    <col min="116" max="116" width="7.21875" style="247" customWidth="1"/>
    <col min="117" max="121" width="8.21875" style="247" customWidth="1"/>
    <col min="122" max="122" width="10.109375" style="247" customWidth="1"/>
    <col min="123" max="123" width="9.77734375" style="247" customWidth="1"/>
    <col min="124" max="126" width="8.21875" style="71" customWidth="1"/>
    <col min="127" max="127" width="7.33203125" style="71" customWidth="1"/>
    <col min="128" max="132" width="8.21875" style="71" customWidth="1"/>
    <col min="133" max="133" width="10.33203125" style="71" customWidth="1"/>
    <col min="134" max="134" width="10.109375" style="71" customWidth="1"/>
    <col min="135" max="137" width="8.21875" style="71" customWidth="1"/>
    <col min="138" max="138" width="7.109375" style="71" customWidth="1"/>
    <col min="139" max="148" width="8.21875" style="71" customWidth="1"/>
    <col min="149" max="149" width="7.21875" style="71" customWidth="1"/>
    <col min="150" max="159" width="8.21875" style="71" customWidth="1"/>
    <col min="160" max="160" width="7.21875" style="71" customWidth="1"/>
    <col min="161" max="167" width="8.21875" style="71" customWidth="1"/>
    <col min="168" max="170" width="8.21875" style="247" customWidth="1"/>
    <col min="171" max="171" width="6.6640625" style="247" customWidth="1"/>
    <col min="172" max="176" width="8.21875" style="247" customWidth="1"/>
    <col min="177" max="177" width="10.109375" style="247" customWidth="1"/>
    <col min="178" max="178" width="9.88671875" style="247" customWidth="1"/>
    <col min="179" max="181" width="8.21875" style="71" customWidth="1"/>
    <col min="182" max="182" width="7.33203125" style="71" customWidth="1"/>
    <col min="183" max="187" width="8.21875" style="71" customWidth="1"/>
    <col min="188" max="188" width="10" style="71" customWidth="1"/>
    <col min="189" max="189" width="10.6640625" style="71" customWidth="1"/>
    <col min="190" max="192" width="8.21875" style="71" customWidth="1"/>
    <col min="193" max="193" width="7.21875" style="71" customWidth="1"/>
    <col min="194" max="203" width="8.21875" style="71" customWidth="1"/>
    <col min="204" max="204" width="7.109375" style="71" customWidth="1"/>
    <col min="205" max="214" width="8.21875" style="71" customWidth="1"/>
    <col min="215" max="215" width="7.109375" style="71" customWidth="1"/>
    <col min="216" max="220" width="8.21875" style="71" customWidth="1"/>
    <col min="221" max="222" width="9.77734375" style="71" customWidth="1"/>
    <col min="223" max="225" width="8.21875" style="71" customWidth="1"/>
    <col min="226" max="226" width="7.21875" style="71" customWidth="1"/>
    <col min="227" max="231" width="8.2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1:409" ht="24" customHeight="1" x14ac:dyDescent="0.2">
      <c r="B1" s="10" t="s">
        <v>133</v>
      </c>
      <c r="E1" s="63">
        <f>第１表!F2</f>
        <v>6</v>
      </c>
      <c r="F1" s="16">
        <f>第１表!G2</f>
        <v>9</v>
      </c>
      <c r="G1" s="572">
        <f>IF(F1&lt;3,F1-2+12,F1-2)</f>
        <v>7</v>
      </c>
      <c r="H1" s="572"/>
      <c r="IB1" s="42"/>
      <c r="IC1" s="22"/>
      <c r="ID1" s="547"/>
      <c r="IE1" s="547"/>
    </row>
    <row r="2" spans="1:409" ht="24" customHeight="1" x14ac:dyDescent="0.2">
      <c r="B2" s="10" t="s">
        <v>144</v>
      </c>
      <c r="E2" s="19"/>
      <c r="F2" s="20"/>
      <c r="G2" s="248"/>
      <c r="H2" s="248"/>
      <c r="IB2" s="21"/>
      <c r="IC2" s="22"/>
      <c r="ID2" s="248"/>
      <c r="IE2" s="248"/>
    </row>
    <row r="3" spans="1:409" ht="24" customHeight="1" thickBot="1" x14ac:dyDescent="0.25">
      <c r="B3" s="10" t="s">
        <v>134</v>
      </c>
    </row>
    <row r="4" spans="1:409" ht="21" customHeight="1" thickBot="1" x14ac:dyDescent="0.25">
      <c r="B4" s="554" t="s">
        <v>42</v>
      </c>
      <c r="C4" s="557" t="s">
        <v>63</v>
      </c>
      <c r="D4" s="557"/>
      <c r="E4" s="557"/>
      <c r="F4" s="557"/>
      <c r="G4" s="557"/>
      <c r="H4" s="557"/>
      <c r="I4" s="557"/>
      <c r="J4" s="557"/>
      <c r="K4" s="557"/>
      <c r="L4" s="557"/>
      <c r="M4" s="557"/>
      <c r="N4" s="520"/>
      <c r="O4" s="520"/>
      <c r="P4" s="520"/>
      <c r="Q4" s="520"/>
      <c r="R4" s="520"/>
      <c r="S4" s="520"/>
      <c r="T4" s="520"/>
      <c r="U4" s="520"/>
      <c r="V4" s="520"/>
      <c r="W4" s="520"/>
      <c r="X4" s="520"/>
      <c r="Y4" s="520"/>
      <c r="Z4" s="520"/>
      <c r="AA4" s="520"/>
      <c r="AB4" s="520"/>
      <c r="AC4" s="520"/>
      <c r="AD4" s="520"/>
      <c r="AE4" s="520"/>
      <c r="AF4" s="520"/>
      <c r="AG4" s="520"/>
      <c r="AH4" s="520"/>
      <c r="AI4" s="520"/>
      <c r="AJ4" s="520"/>
      <c r="AK4" s="520"/>
      <c r="AL4" s="520"/>
      <c r="AM4" s="520"/>
      <c r="AN4" s="520"/>
      <c r="AO4" s="520"/>
      <c r="AP4" s="520"/>
      <c r="AQ4" s="520"/>
      <c r="AR4" s="520"/>
      <c r="AS4" s="520"/>
      <c r="AT4" s="520"/>
      <c r="AU4" s="520"/>
      <c r="AV4" s="520"/>
      <c r="AW4" s="520"/>
      <c r="AX4" s="520"/>
      <c r="AY4" s="520"/>
      <c r="AZ4" s="520"/>
      <c r="BA4" s="520"/>
      <c r="BB4" s="520"/>
      <c r="BC4" s="520"/>
      <c r="BD4" s="520"/>
      <c r="BE4" s="520"/>
      <c r="BF4" s="520"/>
      <c r="BG4" s="520"/>
      <c r="BH4" s="520"/>
      <c r="BI4" s="520"/>
      <c r="BJ4" s="520"/>
      <c r="BK4" s="520"/>
      <c r="BL4" s="520"/>
      <c r="BM4" s="520"/>
      <c r="BN4" s="520"/>
      <c r="BO4" s="520"/>
      <c r="BP4" s="520"/>
      <c r="BQ4" s="520"/>
      <c r="BR4" s="520"/>
      <c r="BS4" s="520"/>
      <c r="BT4" s="520"/>
      <c r="BU4" s="520"/>
      <c r="BV4" s="520"/>
      <c r="BW4" s="520"/>
      <c r="BX4" s="520"/>
      <c r="BY4" s="520"/>
      <c r="BZ4" s="520"/>
      <c r="CA4" s="520"/>
      <c r="CB4" s="520"/>
      <c r="CC4" s="520"/>
      <c r="CD4" s="520"/>
      <c r="CE4" s="520"/>
      <c r="CF4" s="520"/>
      <c r="CG4" s="520"/>
      <c r="CH4" s="520"/>
      <c r="CI4" s="520"/>
      <c r="CJ4" s="520"/>
      <c r="CK4" s="520"/>
      <c r="CL4" s="520"/>
      <c r="CM4" s="520"/>
      <c r="CN4" s="520"/>
      <c r="CO4" s="520"/>
      <c r="CP4" s="520"/>
      <c r="CQ4" s="520"/>
      <c r="CR4" s="520"/>
      <c r="CS4" s="520"/>
      <c r="CT4" s="520"/>
      <c r="CU4" s="520"/>
      <c r="CV4" s="520"/>
      <c r="CW4" s="520"/>
      <c r="CX4" s="520"/>
      <c r="CY4" s="520"/>
      <c r="CZ4" s="520"/>
      <c r="DA4" s="520"/>
      <c r="DB4" s="520"/>
      <c r="DC4" s="520"/>
      <c r="DD4" s="520"/>
      <c r="DE4" s="520"/>
      <c r="DF4" s="520"/>
      <c r="DG4" s="520"/>
      <c r="DH4" s="520"/>
      <c r="DI4" s="520"/>
      <c r="DJ4" s="520"/>
      <c r="DK4" s="520"/>
      <c r="DL4" s="520"/>
      <c r="DM4" s="520"/>
      <c r="DN4" s="520"/>
      <c r="DO4" s="520"/>
      <c r="DP4" s="520"/>
      <c r="DQ4" s="520"/>
      <c r="DR4" s="520"/>
      <c r="DS4" s="520"/>
      <c r="DT4" s="520"/>
      <c r="DU4" s="520"/>
      <c r="DV4" s="520"/>
      <c r="DW4" s="520"/>
      <c r="DX4" s="520"/>
      <c r="DY4" s="520"/>
      <c r="DZ4" s="520"/>
      <c r="EA4" s="520"/>
      <c r="EB4" s="520"/>
      <c r="EC4" s="520"/>
      <c r="ED4" s="520"/>
      <c r="EE4" s="520"/>
      <c r="EF4" s="520"/>
      <c r="EG4" s="520"/>
      <c r="EH4" s="520"/>
      <c r="EI4" s="520"/>
      <c r="EJ4" s="520"/>
      <c r="EK4" s="520"/>
      <c r="EL4" s="520"/>
      <c r="EM4" s="520"/>
      <c r="EN4" s="520"/>
      <c r="EO4" s="520"/>
      <c r="EP4" s="520"/>
      <c r="EQ4" s="520"/>
      <c r="ER4" s="520"/>
      <c r="ES4" s="520"/>
      <c r="ET4" s="520"/>
      <c r="EU4" s="520"/>
      <c r="EV4" s="520"/>
      <c r="EW4" s="520"/>
      <c r="EX4" s="520"/>
      <c r="EY4" s="520"/>
      <c r="EZ4" s="520"/>
      <c r="FA4" s="520"/>
      <c r="FB4" s="520"/>
      <c r="FC4" s="520"/>
      <c r="FD4" s="520"/>
      <c r="FE4" s="520"/>
      <c r="FF4" s="520"/>
      <c r="FG4" s="520"/>
      <c r="FH4" s="520"/>
      <c r="FI4" s="520"/>
      <c r="FJ4" s="520"/>
      <c r="FK4" s="520"/>
      <c r="FL4" s="520"/>
      <c r="FM4" s="520"/>
      <c r="FN4" s="520"/>
      <c r="FO4" s="520"/>
      <c r="FP4" s="520"/>
      <c r="FQ4" s="520"/>
      <c r="FR4" s="520"/>
      <c r="FS4" s="520"/>
      <c r="FT4" s="520"/>
      <c r="FU4" s="520"/>
      <c r="FV4" s="520"/>
      <c r="FW4" s="520"/>
      <c r="FX4" s="520"/>
      <c r="FY4" s="520"/>
      <c r="FZ4" s="520"/>
      <c r="GA4" s="520"/>
      <c r="GB4" s="520"/>
      <c r="GC4" s="520"/>
      <c r="GD4" s="520"/>
      <c r="GE4" s="520"/>
      <c r="GF4" s="520"/>
      <c r="GG4" s="520"/>
      <c r="GH4" s="520"/>
      <c r="GI4" s="520"/>
      <c r="GJ4" s="520"/>
      <c r="GK4" s="520"/>
      <c r="GL4" s="520"/>
      <c r="GM4" s="520"/>
      <c r="GN4" s="520"/>
      <c r="GO4" s="520"/>
      <c r="GP4" s="520"/>
      <c r="GQ4" s="520"/>
      <c r="GR4" s="520"/>
      <c r="GS4" s="520"/>
      <c r="GT4" s="520"/>
      <c r="GU4" s="520"/>
      <c r="GV4" s="520"/>
      <c r="GW4" s="520"/>
      <c r="GX4" s="520"/>
      <c r="GY4" s="520"/>
      <c r="GZ4" s="520"/>
      <c r="HA4" s="520"/>
      <c r="HB4" s="520"/>
      <c r="HC4" s="520"/>
      <c r="HD4" s="520"/>
      <c r="HE4" s="520"/>
      <c r="HF4" s="520"/>
      <c r="HG4" s="520"/>
      <c r="HH4" s="520"/>
      <c r="HI4" s="520"/>
      <c r="HJ4" s="520"/>
      <c r="HK4" s="520"/>
      <c r="HL4" s="520"/>
      <c r="HM4" s="520"/>
      <c r="HN4" s="520"/>
      <c r="HO4" s="520"/>
      <c r="HP4" s="520"/>
      <c r="HQ4" s="520"/>
      <c r="HR4" s="520"/>
      <c r="HS4" s="520"/>
      <c r="HT4" s="520"/>
      <c r="HU4" s="520"/>
      <c r="HV4" s="520"/>
      <c r="HW4" s="520"/>
      <c r="HX4" s="520"/>
      <c r="HY4" s="521"/>
      <c r="HZ4" s="424" t="s">
        <v>85</v>
      </c>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5"/>
      <c r="JR4" s="425"/>
      <c r="JS4" s="425"/>
      <c r="JT4" s="425"/>
      <c r="JU4" s="425"/>
      <c r="JV4" s="425"/>
      <c r="JW4" s="425"/>
      <c r="JX4" s="425"/>
      <c r="JY4" s="425"/>
      <c r="JZ4" s="425"/>
      <c r="KA4" s="425"/>
      <c r="KB4" s="425"/>
      <c r="KC4" s="425"/>
      <c r="KD4" s="425"/>
      <c r="KE4" s="425"/>
      <c r="KF4" s="425"/>
      <c r="KG4" s="425"/>
      <c r="KH4" s="425"/>
      <c r="KI4" s="425"/>
      <c r="KJ4" s="425"/>
      <c r="KK4" s="425"/>
      <c r="KL4" s="425"/>
      <c r="KM4" s="425"/>
      <c r="KN4" s="425"/>
      <c r="KO4" s="425"/>
      <c r="KP4" s="425"/>
      <c r="KQ4" s="425"/>
      <c r="KR4" s="425"/>
      <c r="KS4" s="425"/>
      <c r="KT4" s="425"/>
      <c r="KU4" s="425"/>
      <c r="KV4" s="425"/>
      <c r="KW4" s="425"/>
      <c r="KX4" s="425"/>
      <c r="KY4" s="425"/>
      <c r="KZ4" s="425"/>
      <c r="LA4" s="425"/>
      <c r="LB4" s="425"/>
      <c r="LC4" s="425"/>
      <c r="LD4" s="425"/>
      <c r="LE4" s="425"/>
      <c r="LF4" s="425"/>
      <c r="LG4" s="425"/>
      <c r="LH4" s="425"/>
      <c r="LI4" s="425"/>
      <c r="LJ4" s="425"/>
      <c r="LK4" s="425"/>
      <c r="LL4" s="425"/>
      <c r="LM4" s="425"/>
      <c r="LN4" s="425"/>
      <c r="LO4" s="425"/>
      <c r="LP4" s="425"/>
      <c r="LQ4" s="425"/>
      <c r="LR4" s="425"/>
      <c r="LS4" s="425"/>
      <c r="LT4" s="425"/>
      <c r="LU4" s="425"/>
      <c r="LV4" s="425"/>
      <c r="LW4" s="425"/>
      <c r="LX4" s="425"/>
      <c r="LY4" s="425"/>
      <c r="LZ4" s="425"/>
      <c r="MA4" s="425"/>
      <c r="MB4" s="425"/>
      <c r="MC4" s="425"/>
      <c r="MD4" s="425"/>
      <c r="ME4" s="426"/>
      <c r="MF4" s="424" t="s">
        <v>86</v>
      </c>
      <c r="MG4" s="425"/>
      <c r="MH4" s="425"/>
      <c r="MI4" s="425"/>
      <c r="MJ4" s="425"/>
      <c r="MK4" s="425"/>
      <c r="ML4" s="425"/>
      <c r="MM4" s="425"/>
      <c r="MN4" s="425"/>
      <c r="MO4" s="425"/>
      <c r="MP4" s="425"/>
      <c r="MQ4" s="425"/>
      <c r="MR4" s="425"/>
      <c r="MS4" s="425"/>
      <c r="MT4" s="425"/>
      <c r="MU4" s="425"/>
      <c r="MV4" s="425"/>
      <c r="MW4" s="425"/>
      <c r="MX4" s="425"/>
      <c r="MY4" s="425"/>
      <c r="MZ4" s="425"/>
      <c r="NA4" s="425"/>
      <c r="NB4" s="425"/>
      <c r="NC4" s="425"/>
      <c r="ND4" s="425"/>
      <c r="NE4" s="425"/>
      <c r="NF4" s="425"/>
      <c r="NG4" s="425"/>
      <c r="NH4" s="425"/>
      <c r="NI4" s="425"/>
      <c r="NJ4" s="425"/>
      <c r="NK4" s="425"/>
      <c r="NL4" s="425"/>
      <c r="NM4" s="425"/>
      <c r="NN4" s="425"/>
      <c r="NO4" s="425"/>
      <c r="NP4" s="425"/>
      <c r="NQ4" s="425"/>
      <c r="NR4" s="425"/>
      <c r="NS4" s="425"/>
      <c r="NT4" s="425"/>
      <c r="NU4" s="425"/>
      <c r="NV4" s="425"/>
      <c r="NW4" s="425"/>
      <c r="NX4" s="425"/>
      <c r="NY4" s="425"/>
      <c r="NZ4" s="425"/>
      <c r="OA4" s="425"/>
      <c r="OB4" s="425"/>
      <c r="OC4" s="425"/>
      <c r="OD4" s="425"/>
      <c r="OE4" s="425"/>
      <c r="OF4" s="425"/>
      <c r="OG4" s="425"/>
      <c r="OH4" s="426"/>
      <c r="OI4" s="427" t="s">
        <v>60</v>
      </c>
      <c r="OJ4" s="428"/>
      <c r="OK4" s="428"/>
      <c r="OL4" s="428"/>
      <c r="OM4" s="428"/>
      <c r="ON4" s="428"/>
      <c r="OO4" s="428"/>
      <c r="OP4" s="428"/>
      <c r="OQ4" s="428"/>
      <c r="OR4" s="428"/>
      <c r="OS4" s="429"/>
    </row>
    <row r="5" spans="1:409" ht="21" customHeight="1" thickBot="1" x14ac:dyDescent="0.25">
      <c r="B5" s="555"/>
      <c r="C5" s="558"/>
      <c r="D5" s="558"/>
      <c r="E5" s="558"/>
      <c r="F5" s="558"/>
      <c r="G5" s="558"/>
      <c r="H5" s="558"/>
      <c r="I5" s="558"/>
      <c r="J5" s="558"/>
      <c r="K5" s="558"/>
      <c r="L5" s="558"/>
      <c r="M5" s="558"/>
      <c r="N5" s="560" t="s">
        <v>64</v>
      </c>
      <c r="O5" s="561"/>
      <c r="P5" s="561"/>
      <c r="Q5" s="561"/>
      <c r="R5" s="561"/>
      <c r="S5" s="561"/>
      <c r="T5" s="561"/>
      <c r="U5" s="561"/>
      <c r="V5" s="561"/>
      <c r="W5" s="561"/>
      <c r="X5" s="561"/>
      <c r="Y5" s="561"/>
      <c r="Z5" s="561"/>
      <c r="AA5" s="561"/>
      <c r="AB5" s="561"/>
      <c r="AC5" s="561"/>
      <c r="AD5" s="561"/>
      <c r="AE5" s="561"/>
      <c r="AF5" s="561"/>
      <c r="AG5" s="561"/>
      <c r="AH5" s="561"/>
      <c r="AI5" s="561"/>
      <c r="AJ5" s="561"/>
      <c r="AK5" s="561"/>
      <c r="AL5" s="561"/>
      <c r="AM5" s="561"/>
      <c r="AN5" s="561"/>
      <c r="AO5" s="561"/>
      <c r="AP5" s="561"/>
      <c r="AQ5" s="561"/>
      <c r="AR5" s="561"/>
      <c r="AS5" s="561"/>
      <c r="AT5" s="561"/>
      <c r="AU5" s="561"/>
      <c r="AV5" s="561"/>
      <c r="AW5" s="561"/>
      <c r="AX5" s="561"/>
      <c r="AY5" s="561"/>
      <c r="AZ5" s="561"/>
      <c r="BA5" s="561"/>
      <c r="BB5" s="561"/>
      <c r="BC5" s="561"/>
      <c r="BD5" s="561"/>
      <c r="BE5" s="561"/>
      <c r="BF5" s="561"/>
      <c r="BG5" s="561"/>
      <c r="BH5" s="561"/>
      <c r="BI5" s="561"/>
      <c r="BJ5" s="561"/>
      <c r="BK5" s="561"/>
      <c r="BL5" s="561"/>
      <c r="BM5" s="561"/>
      <c r="BN5" s="561"/>
      <c r="BO5" s="561"/>
      <c r="BP5" s="561"/>
      <c r="BQ5" s="561"/>
      <c r="BR5" s="561"/>
      <c r="BS5" s="561"/>
      <c r="BT5" s="561"/>
      <c r="BU5" s="561"/>
      <c r="BV5" s="561"/>
      <c r="BW5" s="561"/>
      <c r="BX5" s="561"/>
      <c r="BY5" s="561"/>
      <c r="BZ5" s="561"/>
      <c r="CA5" s="562"/>
      <c r="CB5" s="560" t="s">
        <v>65</v>
      </c>
      <c r="CC5" s="561"/>
      <c r="CD5" s="561"/>
      <c r="CE5" s="561"/>
      <c r="CF5" s="561"/>
      <c r="CG5" s="561"/>
      <c r="CH5" s="561"/>
      <c r="CI5" s="561"/>
      <c r="CJ5" s="561"/>
      <c r="CK5" s="561"/>
      <c r="CL5" s="561"/>
      <c r="CM5" s="561"/>
      <c r="CN5" s="561"/>
      <c r="CO5" s="561"/>
      <c r="CP5" s="561"/>
      <c r="CQ5" s="561"/>
      <c r="CR5" s="561"/>
      <c r="CS5" s="561"/>
      <c r="CT5" s="561"/>
      <c r="CU5" s="561"/>
      <c r="CV5" s="561"/>
      <c r="CW5" s="561"/>
      <c r="CX5" s="561"/>
      <c r="CY5" s="561"/>
      <c r="CZ5" s="561"/>
      <c r="DA5" s="561"/>
      <c r="DB5" s="561"/>
      <c r="DC5" s="561"/>
      <c r="DD5" s="561"/>
      <c r="DE5" s="561"/>
      <c r="DF5" s="561"/>
      <c r="DG5" s="561"/>
      <c r="DH5" s="562"/>
      <c r="DI5" s="424" t="s">
        <v>66</v>
      </c>
      <c r="DJ5" s="425"/>
      <c r="DK5" s="425"/>
      <c r="DL5" s="425"/>
      <c r="DM5" s="425"/>
      <c r="DN5" s="425"/>
      <c r="DO5" s="425"/>
      <c r="DP5" s="425"/>
      <c r="DQ5" s="425"/>
      <c r="DR5" s="425"/>
      <c r="DS5" s="425"/>
      <c r="DT5" s="425"/>
      <c r="DU5" s="425"/>
      <c r="DV5" s="425"/>
      <c r="DW5" s="425"/>
      <c r="DX5" s="425"/>
      <c r="DY5" s="425"/>
      <c r="DZ5" s="425"/>
      <c r="EA5" s="425"/>
      <c r="EB5" s="425"/>
      <c r="EC5" s="425"/>
      <c r="ED5" s="425"/>
      <c r="EE5" s="425"/>
      <c r="EF5" s="425"/>
      <c r="EG5" s="425"/>
      <c r="EH5" s="425"/>
      <c r="EI5" s="425"/>
      <c r="EJ5" s="425"/>
      <c r="EK5" s="425"/>
      <c r="EL5" s="425"/>
      <c r="EM5" s="425"/>
      <c r="EN5" s="425"/>
      <c r="EO5" s="425"/>
      <c r="EP5" s="425"/>
      <c r="EQ5" s="425"/>
      <c r="ER5" s="425"/>
      <c r="ES5" s="425"/>
      <c r="ET5" s="425"/>
      <c r="EU5" s="425"/>
      <c r="EV5" s="425"/>
      <c r="EW5" s="425"/>
      <c r="EX5" s="425"/>
      <c r="EY5" s="425"/>
      <c r="EZ5" s="425"/>
      <c r="FA5" s="425"/>
      <c r="FB5" s="425"/>
      <c r="FC5" s="425"/>
      <c r="FD5" s="425"/>
      <c r="FE5" s="425"/>
      <c r="FF5" s="425"/>
      <c r="FG5" s="425"/>
      <c r="FH5" s="425"/>
      <c r="FI5" s="425"/>
      <c r="FJ5" s="425"/>
      <c r="FK5" s="426"/>
      <c r="FL5" s="560" t="s">
        <v>67</v>
      </c>
      <c r="FM5" s="561"/>
      <c r="FN5" s="561"/>
      <c r="FO5" s="561"/>
      <c r="FP5" s="561"/>
      <c r="FQ5" s="561"/>
      <c r="FR5" s="561"/>
      <c r="FS5" s="561"/>
      <c r="FT5" s="561"/>
      <c r="FU5" s="561"/>
      <c r="FV5" s="561"/>
      <c r="FW5" s="561"/>
      <c r="FX5" s="561"/>
      <c r="FY5" s="561"/>
      <c r="FZ5" s="561"/>
      <c r="GA5" s="561"/>
      <c r="GB5" s="561"/>
      <c r="GC5" s="561"/>
      <c r="GD5" s="561"/>
      <c r="GE5" s="561"/>
      <c r="GF5" s="561"/>
      <c r="GG5" s="561"/>
      <c r="GH5" s="561"/>
      <c r="GI5" s="561"/>
      <c r="GJ5" s="561"/>
      <c r="GK5" s="561"/>
      <c r="GL5" s="561"/>
      <c r="GM5" s="561"/>
      <c r="GN5" s="561"/>
      <c r="GO5" s="561"/>
      <c r="GP5" s="561"/>
      <c r="GQ5" s="561"/>
      <c r="GR5" s="561"/>
      <c r="GS5" s="561"/>
      <c r="GT5" s="561"/>
      <c r="GU5" s="561"/>
      <c r="GV5" s="561"/>
      <c r="GW5" s="561"/>
      <c r="GX5" s="561"/>
      <c r="GY5" s="561"/>
      <c r="GZ5" s="561"/>
      <c r="HA5" s="561"/>
      <c r="HB5" s="561"/>
      <c r="HC5" s="562"/>
      <c r="HD5" s="563" t="s">
        <v>68</v>
      </c>
      <c r="HE5" s="564"/>
      <c r="HF5" s="564"/>
      <c r="HG5" s="564"/>
      <c r="HH5" s="564"/>
      <c r="HI5" s="564"/>
      <c r="HJ5" s="564"/>
      <c r="HK5" s="564"/>
      <c r="HL5" s="564"/>
      <c r="HM5" s="564"/>
      <c r="HN5" s="565"/>
      <c r="HO5" s="563" t="s">
        <v>69</v>
      </c>
      <c r="HP5" s="564"/>
      <c r="HQ5" s="564"/>
      <c r="HR5" s="564"/>
      <c r="HS5" s="564"/>
      <c r="HT5" s="564"/>
      <c r="HU5" s="564"/>
      <c r="HV5" s="564"/>
      <c r="HW5" s="564"/>
      <c r="HX5" s="564"/>
      <c r="HY5" s="565"/>
      <c r="HZ5" s="538"/>
      <c r="IA5" s="539"/>
      <c r="IB5" s="539"/>
      <c r="IC5" s="539"/>
      <c r="ID5" s="539"/>
      <c r="IE5" s="539"/>
      <c r="IF5" s="539"/>
      <c r="IG5" s="539"/>
      <c r="IH5" s="539"/>
      <c r="II5" s="539"/>
      <c r="IJ5" s="540"/>
      <c r="IK5" s="427" t="s">
        <v>94</v>
      </c>
      <c r="IL5" s="428"/>
      <c r="IM5" s="428"/>
      <c r="IN5" s="428"/>
      <c r="IO5" s="428"/>
      <c r="IP5" s="428"/>
      <c r="IQ5" s="428"/>
      <c r="IR5" s="428"/>
      <c r="IS5" s="428"/>
      <c r="IT5" s="428"/>
      <c r="IU5" s="429"/>
      <c r="IV5" s="427" t="s">
        <v>88</v>
      </c>
      <c r="IW5" s="428"/>
      <c r="IX5" s="428"/>
      <c r="IY5" s="428"/>
      <c r="IZ5" s="428"/>
      <c r="JA5" s="428"/>
      <c r="JB5" s="428"/>
      <c r="JC5" s="428"/>
      <c r="JD5" s="428"/>
      <c r="JE5" s="428"/>
      <c r="JF5" s="429"/>
      <c r="JG5" s="427" t="s">
        <v>141</v>
      </c>
      <c r="JH5" s="428"/>
      <c r="JI5" s="428"/>
      <c r="JJ5" s="428"/>
      <c r="JK5" s="428"/>
      <c r="JL5" s="428"/>
      <c r="JM5" s="428"/>
      <c r="JN5" s="428"/>
      <c r="JO5" s="428"/>
      <c r="JP5" s="428"/>
      <c r="JQ5" s="429"/>
      <c r="JR5" s="427" t="s">
        <v>90</v>
      </c>
      <c r="JS5" s="428"/>
      <c r="JT5" s="428"/>
      <c r="JU5" s="428"/>
      <c r="JV5" s="428"/>
      <c r="JW5" s="428"/>
      <c r="JX5" s="428"/>
      <c r="JY5" s="428"/>
      <c r="JZ5" s="428"/>
      <c r="KA5" s="428"/>
      <c r="KB5" s="429"/>
      <c r="KC5" s="427" t="s">
        <v>89</v>
      </c>
      <c r="KD5" s="428"/>
      <c r="KE5" s="428"/>
      <c r="KF5" s="428"/>
      <c r="KG5" s="428"/>
      <c r="KH5" s="428"/>
      <c r="KI5" s="428"/>
      <c r="KJ5" s="428"/>
      <c r="KK5" s="428"/>
      <c r="KL5" s="428"/>
      <c r="KM5" s="429"/>
      <c r="KN5" s="427" t="s">
        <v>91</v>
      </c>
      <c r="KO5" s="428"/>
      <c r="KP5" s="428"/>
      <c r="KQ5" s="428"/>
      <c r="KR5" s="428"/>
      <c r="KS5" s="428"/>
      <c r="KT5" s="428"/>
      <c r="KU5" s="428"/>
      <c r="KV5" s="428"/>
      <c r="KW5" s="428"/>
      <c r="KX5" s="429"/>
      <c r="KY5" s="427" t="s">
        <v>92</v>
      </c>
      <c r="KZ5" s="428"/>
      <c r="LA5" s="428"/>
      <c r="LB5" s="428"/>
      <c r="LC5" s="428"/>
      <c r="LD5" s="428"/>
      <c r="LE5" s="428"/>
      <c r="LF5" s="428"/>
      <c r="LG5" s="428"/>
      <c r="LH5" s="428"/>
      <c r="LI5" s="429"/>
      <c r="LJ5" s="544" t="s">
        <v>93</v>
      </c>
      <c r="LK5" s="545"/>
      <c r="LL5" s="545"/>
      <c r="LM5" s="545"/>
      <c r="LN5" s="545"/>
      <c r="LO5" s="545"/>
      <c r="LP5" s="545"/>
      <c r="LQ5" s="545"/>
      <c r="LR5" s="545"/>
      <c r="LS5" s="545"/>
      <c r="LT5" s="546"/>
      <c r="LU5" s="544" t="s">
        <v>142</v>
      </c>
      <c r="LV5" s="545"/>
      <c r="LW5" s="545"/>
      <c r="LX5" s="545"/>
      <c r="LY5" s="545"/>
      <c r="LZ5" s="545"/>
      <c r="MA5" s="545"/>
      <c r="MB5" s="545"/>
      <c r="MC5" s="545"/>
      <c r="MD5" s="545"/>
      <c r="ME5" s="546"/>
      <c r="MF5" s="538"/>
      <c r="MG5" s="539"/>
      <c r="MH5" s="539"/>
      <c r="MI5" s="539"/>
      <c r="MJ5" s="539"/>
      <c r="MK5" s="539"/>
      <c r="ML5" s="539"/>
      <c r="MM5" s="539"/>
      <c r="MN5" s="539"/>
      <c r="MO5" s="539"/>
      <c r="MP5" s="540"/>
      <c r="MQ5" s="427" t="s">
        <v>57</v>
      </c>
      <c r="MR5" s="428"/>
      <c r="MS5" s="428"/>
      <c r="MT5" s="428"/>
      <c r="MU5" s="428"/>
      <c r="MV5" s="428"/>
      <c r="MW5" s="428"/>
      <c r="MX5" s="428"/>
      <c r="MY5" s="428"/>
      <c r="MZ5" s="428"/>
      <c r="NA5" s="429"/>
      <c r="NB5" s="427" t="s">
        <v>58</v>
      </c>
      <c r="NC5" s="428"/>
      <c r="ND5" s="428"/>
      <c r="NE5" s="428"/>
      <c r="NF5" s="428"/>
      <c r="NG5" s="428"/>
      <c r="NH5" s="428"/>
      <c r="NI5" s="428"/>
      <c r="NJ5" s="428"/>
      <c r="NK5" s="428"/>
      <c r="NL5" s="429"/>
      <c r="NM5" s="427" t="s">
        <v>59</v>
      </c>
      <c r="NN5" s="428"/>
      <c r="NO5" s="428"/>
      <c r="NP5" s="428"/>
      <c r="NQ5" s="428"/>
      <c r="NR5" s="428"/>
      <c r="NS5" s="428"/>
      <c r="NT5" s="428"/>
      <c r="NU5" s="428"/>
      <c r="NV5" s="428"/>
      <c r="NW5" s="429"/>
      <c r="NX5" s="427" t="s">
        <v>148</v>
      </c>
      <c r="NY5" s="428"/>
      <c r="NZ5" s="428"/>
      <c r="OA5" s="428"/>
      <c r="OB5" s="428"/>
      <c r="OC5" s="428"/>
      <c r="OD5" s="428"/>
      <c r="OE5" s="428"/>
      <c r="OF5" s="428"/>
      <c r="OG5" s="428"/>
      <c r="OH5" s="429"/>
      <c r="OI5" s="439"/>
      <c r="OJ5" s="536"/>
      <c r="OK5" s="536"/>
      <c r="OL5" s="536"/>
      <c r="OM5" s="536"/>
      <c r="ON5" s="536"/>
      <c r="OO5" s="536"/>
      <c r="OP5" s="536"/>
      <c r="OQ5" s="536"/>
      <c r="OR5" s="536"/>
      <c r="OS5" s="537"/>
    </row>
    <row r="6" spans="1:409" ht="21" customHeight="1" thickBot="1" x14ac:dyDescent="0.25">
      <c r="B6" s="555"/>
      <c r="C6" s="559"/>
      <c r="D6" s="559"/>
      <c r="E6" s="559"/>
      <c r="F6" s="559"/>
      <c r="G6" s="559"/>
      <c r="H6" s="559"/>
      <c r="I6" s="559"/>
      <c r="J6" s="559"/>
      <c r="K6" s="559"/>
      <c r="L6" s="559"/>
      <c r="M6" s="559"/>
      <c r="N6" s="433"/>
      <c r="O6" s="434"/>
      <c r="P6" s="434"/>
      <c r="Q6" s="434"/>
      <c r="R6" s="434"/>
      <c r="S6" s="434"/>
      <c r="T6" s="434"/>
      <c r="U6" s="434"/>
      <c r="V6" s="434"/>
      <c r="W6" s="434"/>
      <c r="X6" s="435"/>
      <c r="Y6" s="436" t="s">
        <v>70</v>
      </c>
      <c r="Z6" s="437"/>
      <c r="AA6" s="437"/>
      <c r="AB6" s="437"/>
      <c r="AC6" s="437"/>
      <c r="AD6" s="437"/>
      <c r="AE6" s="437"/>
      <c r="AF6" s="437"/>
      <c r="AG6" s="437"/>
      <c r="AH6" s="437"/>
      <c r="AI6" s="438"/>
      <c r="AJ6" s="573" t="s">
        <v>71</v>
      </c>
      <c r="AK6" s="574"/>
      <c r="AL6" s="574"/>
      <c r="AM6" s="574"/>
      <c r="AN6" s="574"/>
      <c r="AO6" s="574"/>
      <c r="AP6" s="574"/>
      <c r="AQ6" s="574"/>
      <c r="AR6" s="574"/>
      <c r="AS6" s="574"/>
      <c r="AT6" s="575"/>
      <c r="AU6" s="573" t="s">
        <v>72</v>
      </c>
      <c r="AV6" s="574"/>
      <c r="AW6" s="574"/>
      <c r="AX6" s="574"/>
      <c r="AY6" s="574"/>
      <c r="AZ6" s="574"/>
      <c r="BA6" s="574"/>
      <c r="BB6" s="574"/>
      <c r="BC6" s="574"/>
      <c r="BD6" s="574"/>
      <c r="BE6" s="575"/>
      <c r="BF6" s="573" t="s">
        <v>73</v>
      </c>
      <c r="BG6" s="574"/>
      <c r="BH6" s="574"/>
      <c r="BI6" s="574"/>
      <c r="BJ6" s="574"/>
      <c r="BK6" s="574"/>
      <c r="BL6" s="574"/>
      <c r="BM6" s="574"/>
      <c r="BN6" s="574"/>
      <c r="BO6" s="574"/>
      <c r="BP6" s="575"/>
      <c r="BQ6" s="573" t="s">
        <v>74</v>
      </c>
      <c r="BR6" s="574"/>
      <c r="BS6" s="574"/>
      <c r="BT6" s="574"/>
      <c r="BU6" s="574"/>
      <c r="BV6" s="574"/>
      <c r="BW6" s="574"/>
      <c r="BX6" s="574"/>
      <c r="BY6" s="574"/>
      <c r="BZ6" s="574"/>
      <c r="CA6" s="575"/>
      <c r="CB6" s="541"/>
      <c r="CC6" s="542"/>
      <c r="CD6" s="542"/>
      <c r="CE6" s="542"/>
      <c r="CF6" s="542"/>
      <c r="CG6" s="542"/>
      <c r="CH6" s="542"/>
      <c r="CI6" s="542"/>
      <c r="CJ6" s="542"/>
      <c r="CK6" s="542"/>
      <c r="CL6" s="543"/>
      <c r="CM6" s="573" t="s">
        <v>75</v>
      </c>
      <c r="CN6" s="574"/>
      <c r="CO6" s="574"/>
      <c r="CP6" s="574"/>
      <c r="CQ6" s="574"/>
      <c r="CR6" s="574"/>
      <c r="CS6" s="574"/>
      <c r="CT6" s="574"/>
      <c r="CU6" s="574"/>
      <c r="CV6" s="574"/>
      <c r="CW6" s="575"/>
      <c r="CX6" s="573" t="s">
        <v>76</v>
      </c>
      <c r="CY6" s="574"/>
      <c r="CZ6" s="574"/>
      <c r="DA6" s="574"/>
      <c r="DB6" s="574"/>
      <c r="DC6" s="574"/>
      <c r="DD6" s="574"/>
      <c r="DE6" s="574"/>
      <c r="DF6" s="574"/>
      <c r="DG6" s="574"/>
      <c r="DH6" s="575"/>
      <c r="DI6" s="541"/>
      <c r="DJ6" s="542"/>
      <c r="DK6" s="542"/>
      <c r="DL6" s="542"/>
      <c r="DM6" s="542"/>
      <c r="DN6" s="542"/>
      <c r="DO6" s="542"/>
      <c r="DP6" s="542"/>
      <c r="DQ6" s="542"/>
      <c r="DR6" s="542"/>
      <c r="DS6" s="542"/>
      <c r="DT6" s="573" t="s">
        <v>77</v>
      </c>
      <c r="DU6" s="574"/>
      <c r="DV6" s="574"/>
      <c r="DW6" s="574"/>
      <c r="DX6" s="574"/>
      <c r="DY6" s="574"/>
      <c r="DZ6" s="574"/>
      <c r="EA6" s="574"/>
      <c r="EB6" s="574"/>
      <c r="EC6" s="574"/>
      <c r="ED6" s="575"/>
      <c r="EE6" s="573" t="s">
        <v>78</v>
      </c>
      <c r="EF6" s="574"/>
      <c r="EG6" s="574"/>
      <c r="EH6" s="574"/>
      <c r="EI6" s="574"/>
      <c r="EJ6" s="574"/>
      <c r="EK6" s="574"/>
      <c r="EL6" s="574"/>
      <c r="EM6" s="574"/>
      <c r="EN6" s="574"/>
      <c r="EO6" s="575"/>
      <c r="EP6" s="573" t="s">
        <v>79</v>
      </c>
      <c r="EQ6" s="574"/>
      <c r="ER6" s="574"/>
      <c r="ES6" s="574"/>
      <c r="ET6" s="574"/>
      <c r="EU6" s="574"/>
      <c r="EV6" s="574"/>
      <c r="EW6" s="574"/>
      <c r="EX6" s="574"/>
      <c r="EY6" s="574"/>
      <c r="EZ6" s="575"/>
      <c r="FA6" s="573" t="s">
        <v>149</v>
      </c>
      <c r="FB6" s="574"/>
      <c r="FC6" s="574"/>
      <c r="FD6" s="574"/>
      <c r="FE6" s="574"/>
      <c r="FF6" s="574"/>
      <c r="FG6" s="574"/>
      <c r="FH6" s="574"/>
      <c r="FI6" s="574"/>
      <c r="FJ6" s="574"/>
      <c r="FK6" s="575"/>
      <c r="FL6" s="541"/>
      <c r="FM6" s="542"/>
      <c r="FN6" s="542"/>
      <c r="FO6" s="542"/>
      <c r="FP6" s="542"/>
      <c r="FQ6" s="542"/>
      <c r="FR6" s="542"/>
      <c r="FS6" s="542"/>
      <c r="FT6" s="542"/>
      <c r="FU6" s="542"/>
      <c r="FV6" s="542"/>
      <c r="FW6" s="573" t="s">
        <v>80</v>
      </c>
      <c r="FX6" s="574"/>
      <c r="FY6" s="574"/>
      <c r="FZ6" s="574"/>
      <c r="GA6" s="574"/>
      <c r="GB6" s="574"/>
      <c r="GC6" s="574"/>
      <c r="GD6" s="574"/>
      <c r="GE6" s="574"/>
      <c r="GF6" s="574"/>
      <c r="GG6" s="575"/>
      <c r="GH6" s="436" t="s">
        <v>81</v>
      </c>
      <c r="GI6" s="437"/>
      <c r="GJ6" s="437"/>
      <c r="GK6" s="437"/>
      <c r="GL6" s="437"/>
      <c r="GM6" s="437"/>
      <c r="GN6" s="437"/>
      <c r="GO6" s="437"/>
      <c r="GP6" s="437"/>
      <c r="GQ6" s="437"/>
      <c r="GR6" s="438"/>
      <c r="GS6" s="436" t="s">
        <v>82</v>
      </c>
      <c r="GT6" s="437"/>
      <c r="GU6" s="437"/>
      <c r="GV6" s="437"/>
      <c r="GW6" s="437"/>
      <c r="GX6" s="437"/>
      <c r="GY6" s="437"/>
      <c r="GZ6" s="437"/>
      <c r="HA6" s="437"/>
      <c r="HB6" s="437"/>
      <c r="HC6" s="438"/>
      <c r="HD6" s="566"/>
      <c r="HE6" s="567"/>
      <c r="HF6" s="567"/>
      <c r="HG6" s="567"/>
      <c r="HH6" s="567"/>
      <c r="HI6" s="567"/>
      <c r="HJ6" s="567"/>
      <c r="HK6" s="567"/>
      <c r="HL6" s="567"/>
      <c r="HM6" s="567"/>
      <c r="HN6" s="568"/>
      <c r="HO6" s="566"/>
      <c r="HP6" s="567"/>
      <c r="HQ6" s="567"/>
      <c r="HR6" s="567"/>
      <c r="HS6" s="567"/>
      <c r="HT6" s="567"/>
      <c r="HU6" s="567"/>
      <c r="HV6" s="567"/>
      <c r="HW6" s="567"/>
      <c r="HX6" s="567"/>
      <c r="HY6" s="568"/>
      <c r="HZ6" s="541"/>
      <c r="IA6" s="542"/>
      <c r="IB6" s="542"/>
      <c r="IC6" s="542"/>
      <c r="ID6" s="542"/>
      <c r="IE6" s="542"/>
      <c r="IF6" s="542"/>
      <c r="IG6" s="542"/>
      <c r="IH6" s="542"/>
      <c r="II6" s="542"/>
      <c r="IJ6" s="543"/>
      <c r="IK6" s="433"/>
      <c r="IL6" s="434"/>
      <c r="IM6" s="434"/>
      <c r="IN6" s="434"/>
      <c r="IO6" s="434"/>
      <c r="IP6" s="434"/>
      <c r="IQ6" s="434"/>
      <c r="IR6" s="434"/>
      <c r="IS6" s="434"/>
      <c r="IT6" s="434"/>
      <c r="IU6" s="435"/>
      <c r="IV6" s="433"/>
      <c r="IW6" s="434"/>
      <c r="IX6" s="434"/>
      <c r="IY6" s="434"/>
      <c r="IZ6" s="434"/>
      <c r="JA6" s="434"/>
      <c r="JB6" s="434"/>
      <c r="JC6" s="434"/>
      <c r="JD6" s="434"/>
      <c r="JE6" s="434"/>
      <c r="JF6" s="435"/>
      <c r="JG6" s="433"/>
      <c r="JH6" s="434"/>
      <c r="JI6" s="434"/>
      <c r="JJ6" s="434"/>
      <c r="JK6" s="434"/>
      <c r="JL6" s="434"/>
      <c r="JM6" s="434"/>
      <c r="JN6" s="434"/>
      <c r="JO6" s="434"/>
      <c r="JP6" s="434"/>
      <c r="JQ6" s="435"/>
      <c r="JR6" s="433"/>
      <c r="JS6" s="434"/>
      <c r="JT6" s="434"/>
      <c r="JU6" s="434"/>
      <c r="JV6" s="434"/>
      <c r="JW6" s="434"/>
      <c r="JX6" s="434"/>
      <c r="JY6" s="434"/>
      <c r="JZ6" s="434"/>
      <c r="KA6" s="434"/>
      <c r="KB6" s="435"/>
      <c r="KC6" s="433"/>
      <c r="KD6" s="434"/>
      <c r="KE6" s="434"/>
      <c r="KF6" s="434"/>
      <c r="KG6" s="434"/>
      <c r="KH6" s="434"/>
      <c r="KI6" s="434"/>
      <c r="KJ6" s="434"/>
      <c r="KK6" s="434"/>
      <c r="KL6" s="434"/>
      <c r="KM6" s="435"/>
      <c r="KN6" s="433"/>
      <c r="KO6" s="434"/>
      <c r="KP6" s="434"/>
      <c r="KQ6" s="434"/>
      <c r="KR6" s="434"/>
      <c r="KS6" s="434"/>
      <c r="KT6" s="434"/>
      <c r="KU6" s="434"/>
      <c r="KV6" s="434"/>
      <c r="KW6" s="434"/>
      <c r="KX6" s="435"/>
      <c r="KY6" s="433"/>
      <c r="KZ6" s="434"/>
      <c r="LA6" s="434"/>
      <c r="LB6" s="434"/>
      <c r="LC6" s="434"/>
      <c r="LD6" s="434"/>
      <c r="LE6" s="434"/>
      <c r="LF6" s="434"/>
      <c r="LG6" s="434"/>
      <c r="LH6" s="434"/>
      <c r="LI6" s="435"/>
      <c r="LJ6" s="541"/>
      <c r="LK6" s="542"/>
      <c r="LL6" s="542"/>
      <c r="LM6" s="542"/>
      <c r="LN6" s="542"/>
      <c r="LO6" s="542"/>
      <c r="LP6" s="542"/>
      <c r="LQ6" s="542"/>
      <c r="LR6" s="542"/>
      <c r="LS6" s="542"/>
      <c r="LT6" s="543"/>
      <c r="LU6" s="541"/>
      <c r="LV6" s="542"/>
      <c r="LW6" s="542"/>
      <c r="LX6" s="542"/>
      <c r="LY6" s="542"/>
      <c r="LZ6" s="542"/>
      <c r="MA6" s="542"/>
      <c r="MB6" s="542"/>
      <c r="MC6" s="542"/>
      <c r="MD6" s="542"/>
      <c r="ME6" s="543"/>
      <c r="MF6" s="541"/>
      <c r="MG6" s="542"/>
      <c r="MH6" s="542"/>
      <c r="MI6" s="542"/>
      <c r="MJ6" s="542"/>
      <c r="MK6" s="542"/>
      <c r="ML6" s="542"/>
      <c r="MM6" s="542"/>
      <c r="MN6" s="542"/>
      <c r="MO6" s="542"/>
      <c r="MP6" s="543"/>
      <c r="MQ6" s="433"/>
      <c r="MR6" s="434"/>
      <c r="MS6" s="434"/>
      <c r="MT6" s="434"/>
      <c r="MU6" s="434"/>
      <c r="MV6" s="434"/>
      <c r="MW6" s="434"/>
      <c r="MX6" s="434"/>
      <c r="MY6" s="434"/>
      <c r="MZ6" s="434"/>
      <c r="NA6" s="435"/>
      <c r="NB6" s="433"/>
      <c r="NC6" s="434"/>
      <c r="ND6" s="434"/>
      <c r="NE6" s="434"/>
      <c r="NF6" s="434"/>
      <c r="NG6" s="434"/>
      <c r="NH6" s="434"/>
      <c r="NI6" s="434"/>
      <c r="NJ6" s="434"/>
      <c r="NK6" s="434"/>
      <c r="NL6" s="435"/>
      <c r="NM6" s="433"/>
      <c r="NN6" s="434"/>
      <c r="NO6" s="434"/>
      <c r="NP6" s="434"/>
      <c r="NQ6" s="434"/>
      <c r="NR6" s="434"/>
      <c r="NS6" s="434"/>
      <c r="NT6" s="434"/>
      <c r="NU6" s="434"/>
      <c r="NV6" s="434"/>
      <c r="NW6" s="435"/>
      <c r="NX6" s="433"/>
      <c r="NY6" s="434"/>
      <c r="NZ6" s="434"/>
      <c r="OA6" s="434"/>
      <c r="OB6" s="434"/>
      <c r="OC6" s="434"/>
      <c r="OD6" s="434"/>
      <c r="OE6" s="434"/>
      <c r="OF6" s="434"/>
      <c r="OG6" s="434"/>
      <c r="OH6" s="435"/>
      <c r="OI6" s="433"/>
      <c r="OJ6" s="434"/>
      <c r="OK6" s="434"/>
      <c r="OL6" s="434"/>
      <c r="OM6" s="434"/>
      <c r="ON6" s="434"/>
      <c r="OO6" s="434"/>
      <c r="OP6" s="434"/>
      <c r="OQ6" s="434"/>
      <c r="OR6" s="434"/>
      <c r="OS6" s="435"/>
    </row>
    <row r="7" spans="1:409" ht="21" customHeight="1" x14ac:dyDescent="0.2">
      <c r="B7" s="555"/>
      <c r="C7" s="506" t="s">
        <v>61</v>
      </c>
      <c r="D7" s="506"/>
      <c r="E7" s="506"/>
      <c r="F7" s="505" t="s">
        <v>62</v>
      </c>
      <c r="G7" s="506"/>
      <c r="H7" s="506"/>
      <c r="I7" s="506"/>
      <c r="J7" s="506"/>
      <c r="K7" s="506"/>
      <c r="L7" s="506"/>
      <c r="M7" s="505" t="s">
        <v>52</v>
      </c>
      <c r="N7" s="570" t="s">
        <v>61</v>
      </c>
      <c r="O7" s="506"/>
      <c r="P7" s="506"/>
      <c r="Q7" s="505" t="s">
        <v>62</v>
      </c>
      <c r="R7" s="506"/>
      <c r="S7" s="506"/>
      <c r="T7" s="506"/>
      <c r="U7" s="506"/>
      <c r="V7" s="506"/>
      <c r="W7" s="507"/>
      <c r="X7" s="533" t="s">
        <v>52</v>
      </c>
      <c r="Y7" s="433" t="s">
        <v>61</v>
      </c>
      <c r="Z7" s="434"/>
      <c r="AA7" s="515"/>
      <c r="AB7" s="514" t="s">
        <v>62</v>
      </c>
      <c r="AC7" s="434"/>
      <c r="AD7" s="434"/>
      <c r="AE7" s="434"/>
      <c r="AF7" s="434"/>
      <c r="AG7" s="434"/>
      <c r="AH7" s="515"/>
      <c r="AI7" s="435" t="s">
        <v>52</v>
      </c>
      <c r="AJ7" s="518" t="s">
        <v>61</v>
      </c>
      <c r="AK7" s="512"/>
      <c r="AL7" s="513"/>
      <c r="AM7" s="534" t="s">
        <v>62</v>
      </c>
      <c r="AN7" s="512"/>
      <c r="AO7" s="512"/>
      <c r="AP7" s="512"/>
      <c r="AQ7" s="512"/>
      <c r="AR7" s="512"/>
      <c r="AS7" s="535"/>
      <c r="AT7" s="435" t="s">
        <v>52</v>
      </c>
      <c r="AU7" s="518" t="s">
        <v>61</v>
      </c>
      <c r="AV7" s="512"/>
      <c r="AW7" s="513"/>
      <c r="AX7" s="534" t="s">
        <v>62</v>
      </c>
      <c r="AY7" s="512"/>
      <c r="AZ7" s="512"/>
      <c r="BA7" s="512"/>
      <c r="BB7" s="512"/>
      <c r="BC7" s="512"/>
      <c r="BD7" s="535"/>
      <c r="BE7" s="435" t="s">
        <v>52</v>
      </c>
      <c r="BF7" s="518" t="s">
        <v>61</v>
      </c>
      <c r="BG7" s="512"/>
      <c r="BH7" s="513"/>
      <c r="BI7" s="534" t="s">
        <v>62</v>
      </c>
      <c r="BJ7" s="512"/>
      <c r="BK7" s="512"/>
      <c r="BL7" s="512"/>
      <c r="BM7" s="512"/>
      <c r="BN7" s="512"/>
      <c r="BO7" s="535"/>
      <c r="BP7" s="435" t="s">
        <v>52</v>
      </c>
      <c r="BQ7" s="518" t="s">
        <v>61</v>
      </c>
      <c r="BR7" s="512"/>
      <c r="BS7" s="513"/>
      <c r="BT7" s="534" t="s">
        <v>62</v>
      </c>
      <c r="BU7" s="512"/>
      <c r="BV7" s="512"/>
      <c r="BW7" s="512"/>
      <c r="BX7" s="512"/>
      <c r="BY7" s="512"/>
      <c r="BZ7" s="535"/>
      <c r="CA7" s="435" t="s">
        <v>52</v>
      </c>
      <c r="CB7" s="502" t="s">
        <v>61</v>
      </c>
      <c r="CC7" s="503"/>
      <c r="CD7" s="504"/>
      <c r="CE7" s="531" t="s">
        <v>62</v>
      </c>
      <c r="CF7" s="503"/>
      <c r="CG7" s="503"/>
      <c r="CH7" s="503"/>
      <c r="CI7" s="503"/>
      <c r="CJ7" s="503"/>
      <c r="CK7" s="532"/>
      <c r="CL7" s="533" t="s">
        <v>52</v>
      </c>
      <c r="CM7" s="518" t="s">
        <v>61</v>
      </c>
      <c r="CN7" s="512"/>
      <c r="CO7" s="535"/>
      <c r="CP7" s="534" t="s">
        <v>62</v>
      </c>
      <c r="CQ7" s="512"/>
      <c r="CR7" s="512"/>
      <c r="CS7" s="512"/>
      <c r="CT7" s="512"/>
      <c r="CU7" s="512"/>
      <c r="CV7" s="535"/>
      <c r="CW7" s="529" t="s">
        <v>52</v>
      </c>
      <c r="CX7" s="518" t="s">
        <v>61</v>
      </c>
      <c r="CY7" s="512"/>
      <c r="CZ7" s="535"/>
      <c r="DA7" s="534" t="s">
        <v>62</v>
      </c>
      <c r="DB7" s="512"/>
      <c r="DC7" s="512"/>
      <c r="DD7" s="512"/>
      <c r="DE7" s="512"/>
      <c r="DF7" s="512"/>
      <c r="DG7" s="535"/>
      <c r="DH7" s="529" t="s">
        <v>52</v>
      </c>
      <c r="DI7" s="502" t="s">
        <v>61</v>
      </c>
      <c r="DJ7" s="503"/>
      <c r="DK7" s="532"/>
      <c r="DL7" s="531" t="s">
        <v>62</v>
      </c>
      <c r="DM7" s="503"/>
      <c r="DN7" s="503"/>
      <c r="DO7" s="503"/>
      <c r="DP7" s="503"/>
      <c r="DQ7" s="503"/>
      <c r="DR7" s="532"/>
      <c r="DS7" s="533" t="s">
        <v>52</v>
      </c>
      <c r="DT7" s="518" t="s">
        <v>61</v>
      </c>
      <c r="DU7" s="512"/>
      <c r="DV7" s="513"/>
      <c r="DW7" s="534" t="s">
        <v>62</v>
      </c>
      <c r="DX7" s="512"/>
      <c r="DY7" s="512"/>
      <c r="DZ7" s="512"/>
      <c r="EA7" s="512"/>
      <c r="EB7" s="512"/>
      <c r="EC7" s="535"/>
      <c r="ED7" s="435" t="s">
        <v>52</v>
      </c>
      <c r="EE7" s="518" t="s">
        <v>61</v>
      </c>
      <c r="EF7" s="512"/>
      <c r="EG7" s="513"/>
      <c r="EH7" s="534" t="s">
        <v>62</v>
      </c>
      <c r="EI7" s="512"/>
      <c r="EJ7" s="512"/>
      <c r="EK7" s="512"/>
      <c r="EL7" s="512"/>
      <c r="EM7" s="512"/>
      <c r="EN7" s="535"/>
      <c r="EO7" s="435" t="s">
        <v>52</v>
      </c>
      <c r="EP7" s="518" t="s">
        <v>61</v>
      </c>
      <c r="EQ7" s="512"/>
      <c r="ER7" s="513"/>
      <c r="ES7" s="534" t="s">
        <v>62</v>
      </c>
      <c r="ET7" s="512"/>
      <c r="EU7" s="512"/>
      <c r="EV7" s="512"/>
      <c r="EW7" s="512"/>
      <c r="EX7" s="512"/>
      <c r="EY7" s="535"/>
      <c r="EZ7" s="435" t="s">
        <v>52</v>
      </c>
      <c r="FA7" s="518" t="s">
        <v>61</v>
      </c>
      <c r="FB7" s="512"/>
      <c r="FC7" s="513"/>
      <c r="FD7" s="534" t="s">
        <v>62</v>
      </c>
      <c r="FE7" s="512"/>
      <c r="FF7" s="512"/>
      <c r="FG7" s="512"/>
      <c r="FH7" s="512"/>
      <c r="FI7" s="512"/>
      <c r="FJ7" s="535"/>
      <c r="FK7" s="435" t="s">
        <v>52</v>
      </c>
      <c r="FL7" s="502" t="s">
        <v>61</v>
      </c>
      <c r="FM7" s="503"/>
      <c r="FN7" s="504"/>
      <c r="FO7" s="531" t="s">
        <v>62</v>
      </c>
      <c r="FP7" s="503"/>
      <c r="FQ7" s="503"/>
      <c r="FR7" s="503"/>
      <c r="FS7" s="503"/>
      <c r="FT7" s="503"/>
      <c r="FU7" s="532"/>
      <c r="FV7" s="506" t="s">
        <v>52</v>
      </c>
      <c r="FW7" s="518" t="s">
        <v>61</v>
      </c>
      <c r="FX7" s="512"/>
      <c r="FY7" s="513"/>
      <c r="FZ7" s="534" t="s">
        <v>62</v>
      </c>
      <c r="GA7" s="512"/>
      <c r="GB7" s="512"/>
      <c r="GC7" s="512"/>
      <c r="GD7" s="512"/>
      <c r="GE7" s="512"/>
      <c r="GF7" s="535"/>
      <c r="GG7" s="435" t="s">
        <v>52</v>
      </c>
      <c r="GH7" s="433" t="s">
        <v>61</v>
      </c>
      <c r="GI7" s="434"/>
      <c r="GJ7" s="434"/>
      <c r="GK7" s="514" t="s">
        <v>62</v>
      </c>
      <c r="GL7" s="434"/>
      <c r="GM7" s="434"/>
      <c r="GN7" s="434"/>
      <c r="GO7" s="434"/>
      <c r="GP7" s="434"/>
      <c r="GQ7" s="515"/>
      <c r="GR7" s="552" t="s">
        <v>52</v>
      </c>
      <c r="GS7" s="433" t="s">
        <v>61</v>
      </c>
      <c r="GT7" s="434"/>
      <c r="GU7" s="515"/>
      <c r="GV7" s="514" t="s">
        <v>62</v>
      </c>
      <c r="GW7" s="434"/>
      <c r="GX7" s="434"/>
      <c r="GY7" s="434"/>
      <c r="GZ7" s="434"/>
      <c r="HA7" s="434"/>
      <c r="HB7" s="515"/>
      <c r="HC7" s="552" t="s">
        <v>52</v>
      </c>
      <c r="HD7" s="518" t="s">
        <v>61</v>
      </c>
      <c r="HE7" s="512"/>
      <c r="HF7" s="513"/>
      <c r="HG7" s="534" t="s">
        <v>62</v>
      </c>
      <c r="HH7" s="512"/>
      <c r="HI7" s="512"/>
      <c r="HJ7" s="512"/>
      <c r="HK7" s="512"/>
      <c r="HL7" s="512"/>
      <c r="HM7" s="535"/>
      <c r="HN7" s="435" t="s">
        <v>52</v>
      </c>
      <c r="HO7" s="518" t="s">
        <v>61</v>
      </c>
      <c r="HP7" s="512"/>
      <c r="HQ7" s="513"/>
      <c r="HR7" s="534" t="s">
        <v>62</v>
      </c>
      <c r="HS7" s="512"/>
      <c r="HT7" s="512"/>
      <c r="HU7" s="512"/>
      <c r="HV7" s="512"/>
      <c r="HW7" s="512"/>
      <c r="HX7" s="535"/>
      <c r="HY7" s="435" t="s">
        <v>52</v>
      </c>
      <c r="HZ7" s="502" t="s">
        <v>61</v>
      </c>
      <c r="IA7" s="503"/>
      <c r="IB7" s="504"/>
      <c r="IC7" s="531" t="s">
        <v>62</v>
      </c>
      <c r="ID7" s="503"/>
      <c r="IE7" s="503"/>
      <c r="IF7" s="503"/>
      <c r="IG7" s="503"/>
      <c r="IH7" s="503"/>
      <c r="II7" s="532"/>
      <c r="IJ7" s="506" t="s">
        <v>52</v>
      </c>
      <c r="IK7" s="518" t="s">
        <v>61</v>
      </c>
      <c r="IL7" s="512"/>
      <c r="IM7" s="513"/>
      <c r="IN7" s="534" t="s">
        <v>62</v>
      </c>
      <c r="IO7" s="512"/>
      <c r="IP7" s="512"/>
      <c r="IQ7" s="512"/>
      <c r="IR7" s="512"/>
      <c r="IS7" s="512"/>
      <c r="IT7" s="535"/>
      <c r="IU7" s="435" t="s">
        <v>52</v>
      </c>
      <c r="IV7" s="518" t="s">
        <v>61</v>
      </c>
      <c r="IW7" s="512"/>
      <c r="IX7" s="535"/>
      <c r="IY7" s="534" t="s">
        <v>62</v>
      </c>
      <c r="IZ7" s="512"/>
      <c r="JA7" s="512"/>
      <c r="JB7" s="512"/>
      <c r="JC7" s="512"/>
      <c r="JD7" s="512"/>
      <c r="JE7" s="535"/>
      <c r="JF7" s="435" t="s">
        <v>52</v>
      </c>
      <c r="JG7" s="518" t="s">
        <v>61</v>
      </c>
      <c r="JH7" s="512"/>
      <c r="JI7" s="513"/>
      <c r="JJ7" s="534" t="s">
        <v>62</v>
      </c>
      <c r="JK7" s="512"/>
      <c r="JL7" s="512"/>
      <c r="JM7" s="512"/>
      <c r="JN7" s="512"/>
      <c r="JO7" s="512"/>
      <c r="JP7" s="535"/>
      <c r="JQ7" s="529" t="s">
        <v>52</v>
      </c>
      <c r="JR7" s="518" t="s">
        <v>61</v>
      </c>
      <c r="JS7" s="512"/>
      <c r="JT7" s="513"/>
      <c r="JU7" s="534" t="s">
        <v>62</v>
      </c>
      <c r="JV7" s="512"/>
      <c r="JW7" s="512"/>
      <c r="JX7" s="512"/>
      <c r="JY7" s="512"/>
      <c r="JZ7" s="512"/>
      <c r="KA7" s="535"/>
      <c r="KB7" s="529" t="s">
        <v>52</v>
      </c>
      <c r="KC7" s="518" t="s">
        <v>61</v>
      </c>
      <c r="KD7" s="512"/>
      <c r="KE7" s="513"/>
      <c r="KF7" s="534" t="s">
        <v>62</v>
      </c>
      <c r="KG7" s="512"/>
      <c r="KH7" s="512"/>
      <c r="KI7" s="512"/>
      <c r="KJ7" s="512"/>
      <c r="KK7" s="512"/>
      <c r="KL7" s="535"/>
      <c r="KM7" s="529" t="s">
        <v>52</v>
      </c>
      <c r="KN7" s="518" t="s">
        <v>61</v>
      </c>
      <c r="KO7" s="512"/>
      <c r="KP7" s="513"/>
      <c r="KQ7" s="534" t="s">
        <v>62</v>
      </c>
      <c r="KR7" s="512"/>
      <c r="KS7" s="512"/>
      <c r="KT7" s="512"/>
      <c r="KU7" s="512"/>
      <c r="KV7" s="512"/>
      <c r="KW7" s="535"/>
      <c r="KX7" s="529" t="s">
        <v>52</v>
      </c>
      <c r="KY7" s="518" t="s">
        <v>61</v>
      </c>
      <c r="KZ7" s="512"/>
      <c r="LA7" s="513"/>
      <c r="LB7" s="534" t="s">
        <v>62</v>
      </c>
      <c r="LC7" s="512"/>
      <c r="LD7" s="512"/>
      <c r="LE7" s="512"/>
      <c r="LF7" s="512"/>
      <c r="LG7" s="512"/>
      <c r="LH7" s="535"/>
      <c r="LI7" s="529" t="s">
        <v>52</v>
      </c>
      <c r="LJ7" s="518" t="s">
        <v>61</v>
      </c>
      <c r="LK7" s="512"/>
      <c r="LL7" s="513"/>
      <c r="LM7" s="534" t="s">
        <v>62</v>
      </c>
      <c r="LN7" s="512"/>
      <c r="LO7" s="512"/>
      <c r="LP7" s="512"/>
      <c r="LQ7" s="512"/>
      <c r="LR7" s="512"/>
      <c r="LS7" s="535"/>
      <c r="LT7" s="529" t="s">
        <v>52</v>
      </c>
      <c r="LU7" s="518" t="s">
        <v>61</v>
      </c>
      <c r="LV7" s="512"/>
      <c r="LW7" s="513"/>
      <c r="LX7" s="534" t="s">
        <v>62</v>
      </c>
      <c r="LY7" s="512"/>
      <c r="LZ7" s="512"/>
      <c r="MA7" s="512"/>
      <c r="MB7" s="512"/>
      <c r="MC7" s="512"/>
      <c r="MD7" s="535"/>
      <c r="ME7" s="529" t="s">
        <v>52</v>
      </c>
      <c r="MF7" s="502" t="s">
        <v>61</v>
      </c>
      <c r="MG7" s="503"/>
      <c r="MH7" s="504"/>
      <c r="MI7" s="531" t="s">
        <v>62</v>
      </c>
      <c r="MJ7" s="503"/>
      <c r="MK7" s="503"/>
      <c r="ML7" s="503"/>
      <c r="MM7" s="503"/>
      <c r="MN7" s="503"/>
      <c r="MO7" s="532"/>
      <c r="MP7" s="533" t="s">
        <v>52</v>
      </c>
      <c r="MQ7" s="518" t="s">
        <v>61</v>
      </c>
      <c r="MR7" s="512"/>
      <c r="MS7" s="513"/>
      <c r="MT7" s="534" t="s">
        <v>62</v>
      </c>
      <c r="MU7" s="512"/>
      <c r="MV7" s="512"/>
      <c r="MW7" s="512"/>
      <c r="MX7" s="512"/>
      <c r="MY7" s="512"/>
      <c r="MZ7" s="535"/>
      <c r="NA7" s="529" t="s">
        <v>52</v>
      </c>
      <c r="NB7" s="518" t="s">
        <v>61</v>
      </c>
      <c r="NC7" s="512"/>
      <c r="ND7" s="513"/>
      <c r="NE7" s="534" t="s">
        <v>62</v>
      </c>
      <c r="NF7" s="512"/>
      <c r="NG7" s="512"/>
      <c r="NH7" s="512"/>
      <c r="NI7" s="512"/>
      <c r="NJ7" s="512"/>
      <c r="NK7" s="535"/>
      <c r="NL7" s="529" t="s">
        <v>52</v>
      </c>
      <c r="NM7" s="518" t="s">
        <v>61</v>
      </c>
      <c r="NN7" s="512"/>
      <c r="NO7" s="513"/>
      <c r="NP7" s="534" t="s">
        <v>62</v>
      </c>
      <c r="NQ7" s="512"/>
      <c r="NR7" s="512"/>
      <c r="NS7" s="512"/>
      <c r="NT7" s="512"/>
      <c r="NU7" s="512"/>
      <c r="NV7" s="535"/>
      <c r="NW7" s="529" t="s">
        <v>52</v>
      </c>
      <c r="NX7" s="518" t="s">
        <v>61</v>
      </c>
      <c r="NY7" s="512"/>
      <c r="NZ7" s="513"/>
      <c r="OA7" s="534" t="s">
        <v>62</v>
      </c>
      <c r="OB7" s="512"/>
      <c r="OC7" s="512"/>
      <c r="OD7" s="512"/>
      <c r="OE7" s="512"/>
      <c r="OF7" s="512"/>
      <c r="OG7" s="535"/>
      <c r="OH7" s="529" t="s">
        <v>52</v>
      </c>
      <c r="OI7" s="502" t="s">
        <v>61</v>
      </c>
      <c r="OJ7" s="503"/>
      <c r="OK7" s="504"/>
      <c r="OL7" s="531" t="s">
        <v>62</v>
      </c>
      <c r="OM7" s="503"/>
      <c r="ON7" s="503"/>
      <c r="OO7" s="503"/>
      <c r="OP7" s="503"/>
      <c r="OQ7" s="503"/>
      <c r="OR7" s="532"/>
      <c r="OS7" s="533" t="s">
        <v>52</v>
      </c>
    </row>
    <row r="8" spans="1:409" ht="30" customHeight="1" thickBot="1" x14ac:dyDescent="0.25">
      <c r="B8" s="556"/>
      <c r="C8" s="249" t="s">
        <v>43</v>
      </c>
      <c r="D8" s="74" t="s">
        <v>44</v>
      </c>
      <c r="E8" s="250" t="s">
        <v>45</v>
      </c>
      <c r="F8" s="76" t="s">
        <v>83</v>
      </c>
      <c r="G8" s="74" t="s">
        <v>47</v>
      </c>
      <c r="H8" s="74" t="s">
        <v>48</v>
      </c>
      <c r="I8" s="74" t="s">
        <v>49</v>
      </c>
      <c r="J8" s="74" t="s">
        <v>50</v>
      </c>
      <c r="K8" s="74" t="s">
        <v>51</v>
      </c>
      <c r="L8" s="75" t="s">
        <v>45</v>
      </c>
      <c r="M8" s="569"/>
      <c r="N8" s="73" t="s">
        <v>43</v>
      </c>
      <c r="O8" s="74" t="s">
        <v>44</v>
      </c>
      <c r="P8" s="75" t="s">
        <v>45</v>
      </c>
      <c r="Q8" s="76" t="s">
        <v>83</v>
      </c>
      <c r="R8" s="74" t="s">
        <v>47</v>
      </c>
      <c r="S8" s="74" t="s">
        <v>48</v>
      </c>
      <c r="T8" s="74" t="s">
        <v>49</v>
      </c>
      <c r="U8" s="74" t="s">
        <v>50</v>
      </c>
      <c r="V8" s="74" t="s">
        <v>51</v>
      </c>
      <c r="W8" s="75" t="s">
        <v>45</v>
      </c>
      <c r="X8" s="550"/>
      <c r="Y8" s="73" t="s">
        <v>43</v>
      </c>
      <c r="Z8" s="74" t="s">
        <v>44</v>
      </c>
      <c r="AA8" s="75" t="s">
        <v>45</v>
      </c>
      <c r="AB8" s="76" t="s">
        <v>83</v>
      </c>
      <c r="AC8" s="74" t="s">
        <v>47</v>
      </c>
      <c r="AD8" s="74" t="s">
        <v>48</v>
      </c>
      <c r="AE8" s="74" t="s">
        <v>49</v>
      </c>
      <c r="AF8" s="74" t="s">
        <v>50</v>
      </c>
      <c r="AG8" s="74" t="s">
        <v>51</v>
      </c>
      <c r="AH8" s="75" t="s">
        <v>45</v>
      </c>
      <c r="AI8" s="551"/>
      <c r="AJ8" s="73" t="s">
        <v>43</v>
      </c>
      <c r="AK8" s="74" t="s">
        <v>44</v>
      </c>
      <c r="AL8" s="250" t="s">
        <v>45</v>
      </c>
      <c r="AM8" s="76" t="s">
        <v>83</v>
      </c>
      <c r="AN8" s="74" t="s">
        <v>47</v>
      </c>
      <c r="AO8" s="74" t="s">
        <v>48</v>
      </c>
      <c r="AP8" s="74" t="s">
        <v>49</v>
      </c>
      <c r="AQ8" s="74" t="s">
        <v>50</v>
      </c>
      <c r="AR8" s="74" t="s">
        <v>51</v>
      </c>
      <c r="AS8" s="75" t="s">
        <v>45</v>
      </c>
      <c r="AT8" s="551"/>
      <c r="AU8" s="73" t="s">
        <v>43</v>
      </c>
      <c r="AV8" s="74" t="s">
        <v>44</v>
      </c>
      <c r="AW8" s="250" t="s">
        <v>45</v>
      </c>
      <c r="AX8" s="76" t="s">
        <v>83</v>
      </c>
      <c r="AY8" s="74" t="s">
        <v>47</v>
      </c>
      <c r="AZ8" s="74" t="s">
        <v>48</v>
      </c>
      <c r="BA8" s="74" t="s">
        <v>49</v>
      </c>
      <c r="BB8" s="74" t="s">
        <v>50</v>
      </c>
      <c r="BC8" s="74" t="s">
        <v>51</v>
      </c>
      <c r="BD8" s="75" t="s">
        <v>45</v>
      </c>
      <c r="BE8" s="551"/>
      <c r="BF8" s="251" t="s">
        <v>43</v>
      </c>
      <c r="BG8" s="74" t="s">
        <v>44</v>
      </c>
      <c r="BH8" s="250" t="s">
        <v>45</v>
      </c>
      <c r="BI8" s="76" t="s">
        <v>83</v>
      </c>
      <c r="BJ8" s="74" t="s">
        <v>47</v>
      </c>
      <c r="BK8" s="74" t="s">
        <v>48</v>
      </c>
      <c r="BL8" s="74" t="s">
        <v>49</v>
      </c>
      <c r="BM8" s="74" t="s">
        <v>50</v>
      </c>
      <c r="BN8" s="74" t="s">
        <v>51</v>
      </c>
      <c r="BO8" s="75" t="s">
        <v>45</v>
      </c>
      <c r="BP8" s="551"/>
      <c r="BQ8" s="73" t="s">
        <v>43</v>
      </c>
      <c r="BR8" s="74" t="s">
        <v>44</v>
      </c>
      <c r="BS8" s="250" t="s">
        <v>45</v>
      </c>
      <c r="BT8" s="76" t="s">
        <v>83</v>
      </c>
      <c r="BU8" s="74" t="s">
        <v>47</v>
      </c>
      <c r="BV8" s="74" t="s">
        <v>48</v>
      </c>
      <c r="BW8" s="74" t="s">
        <v>49</v>
      </c>
      <c r="BX8" s="74" t="s">
        <v>50</v>
      </c>
      <c r="BY8" s="74" t="s">
        <v>51</v>
      </c>
      <c r="BZ8" s="75" t="s">
        <v>45</v>
      </c>
      <c r="CA8" s="551"/>
      <c r="CB8" s="73" t="s">
        <v>43</v>
      </c>
      <c r="CC8" s="74" t="s">
        <v>44</v>
      </c>
      <c r="CD8" s="250" t="s">
        <v>45</v>
      </c>
      <c r="CE8" s="76" t="s">
        <v>83</v>
      </c>
      <c r="CF8" s="74" t="s">
        <v>47</v>
      </c>
      <c r="CG8" s="74" t="s">
        <v>48</v>
      </c>
      <c r="CH8" s="74" t="s">
        <v>49</v>
      </c>
      <c r="CI8" s="74" t="s">
        <v>50</v>
      </c>
      <c r="CJ8" s="74" t="s">
        <v>51</v>
      </c>
      <c r="CK8" s="75" t="s">
        <v>45</v>
      </c>
      <c r="CL8" s="550"/>
      <c r="CM8" s="73" t="s">
        <v>43</v>
      </c>
      <c r="CN8" s="74" t="s">
        <v>44</v>
      </c>
      <c r="CO8" s="75" t="s">
        <v>45</v>
      </c>
      <c r="CP8" s="76" t="s">
        <v>83</v>
      </c>
      <c r="CQ8" s="74" t="s">
        <v>47</v>
      </c>
      <c r="CR8" s="74" t="s">
        <v>48</v>
      </c>
      <c r="CS8" s="74" t="s">
        <v>49</v>
      </c>
      <c r="CT8" s="74" t="s">
        <v>50</v>
      </c>
      <c r="CU8" s="74" t="s">
        <v>51</v>
      </c>
      <c r="CV8" s="75" t="s">
        <v>45</v>
      </c>
      <c r="CW8" s="550"/>
      <c r="CX8" s="73" t="s">
        <v>43</v>
      </c>
      <c r="CY8" s="74" t="s">
        <v>44</v>
      </c>
      <c r="CZ8" s="75" t="s">
        <v>45</v>
      </c>
      <c r="DA8" s="76" t="s">
        <v>83</v>
      </c>
      <c r="DB8" s="74" t="s">
        <v>47</v>
      </c>
      <c r="DC8" s="74" t="s">
        <v>48</v>
      </c>
      <c r="DD8" s="74" t="s">
        <v>49</v>
      </c>
      <c r="DE8" s="74" t="s">
        <v>50</v>
      </c>
      <c r="DF8" s="74" t="s">
        <v>51</v>
      </c>
      <c r="DG8" s="75" t="s">
        <v>45</v>
      </c>
      <c r="DH8" s="550"/>
      <c r="DI8" s="73" t="s">
        <v>43</v>
      </c>
      <c r="DJ8" s="74" t="s">
        <v>44</v>
      </c>
      <c r="DK8" s="75" t="s">
        <v>45</v>
      </c>
      <c r="DL8" s="76" t="s">
        <v>83</v>
      </c>
      <c r="DM8" s="74" t="s">
        <v>47</v>
      </c>
      <c r="DN8" s="74" t="s">
        <v>48</v>
      </c>
      <c r="DO8" s="74" t="s">
        <v>49</v>
      </c>
      <c r="DP8" s="74" t="s">
        <v>50</v>
      </c>
      <c r="DQ8" s="74" t="s">
        <v>51</v>
      </c>
      <c r="DR8" s="75" t="s">
        <v>45</v>
      </c>
      <c r="DS8" s="550"/>
      <c r="DT8" s="73" t="s">
        <v>43</v>
      </c>
      <c r="DU8" s="74" t="s">
        <v>44</v>
      </c>
      <c r="DV8" s="250" t="s">
        <v>45</v>
      </c>
      <c r="DW8" s="76" t="s">
        <v>83</v>
      </c>
      <c r="DX8" s="74" t="s">
        <v>47</v>
      </c>
      <c r="DY8" s="74" t="s">
        <v>48</v>
      </c>
      <c r="DZ8" s="74" t="s">
        <v>49</v>
      </c>
      <c r="EA8" s="74" t="s">
        <v>50</v>
      </c>
      <c r="EB8" s="74" t="s">
        <v>51</v>
      </c>
      <c r="EC8" s="75" t="s">
        <v>45</v>
      </c>
      <c r="ED8" s="551"/>
      <c r="EE8" s="73" t="s">
        <v>43</v>
      </c>
      <c r="EF8" s="74" t="s">
        <v>44</v>
      </c>
      <c r="EG8" s="250" t="s">
        <v>45</v>
      </c>
      <c r="EH8" s="76" t="s">
        <v>83</v>
      </c>
      <c r="EI8" s="74" t="s">
        <v>47</v>
      </c>
      <c r="EJ8" s="74" t="s">
        <v>48</v>
      </c>
      <c r="EK8" s="74" t="s">
        <v>49</v>
      </c>
      <c r="EL8" s="74" t="s">
        <v>50</v>
      </c>
      <c r="EM8" s="74" t="s">
        <v>51</v>
      </c>
      <c r="EN8" s="75" t="s">
        <v>45</v>
      </c>
      <c r="EO8" s="551"/>
      <c r="EP8" s="73" t="s">
        <v>43</v>
      </c>
      <c r="EQ8" s="74" t="s">
        <v>44</v>
      </c>
      <c r="ER8" s="250" t="s">
        <v>45</v>
      </c>
      <c r="ES8" s="76" t="s">
        <v>83</v>
      </c>
      <c r="ET8" s="74" t="s">
        <v>47</v>
      </c>
      <c r="EU8" s="74" t="s">
        <v>48</v>
      </c>
      <c r="EV8" s="74" t="s">
        <v>49</v>
      </c>
      <c r="EW8" s="74" t="s">
        <v>50</v>
      </c>
      <c r="EX8" s="74" t="s">
        <v>51</v>
      </c>
      <c r="EY8" s="75" t="s">
        <v>45</v>
      </c>
      <c r="EZ8" s="551"/>
      <c r="FA8" s="73" t="s">
        <v>43</v>
      </c>
      <c r="FB8" s="74" t="s">
        <v>44</v>
      </c>
      <c r="FC8" s="250" t="s">
        <v>45</v>
      </c>
      <c r="FD8" s="76" t="s">
        <v>83</v>
      </c>
      <c r="FE8" s="74" t="s">
        <v>47</v>
      </c>
      <c r="FF8" s="74" t="s">
        <v>48</v>
      </c>
      <c r="FG8" s="74" t="s">
        <v>49</v>
      </c>
      <c r="FH8" s="74" t="s">
        <v>50</v>
      </c>
      <c r="FI8" s="74" t="s">
        <v>51</v>
      </c>
      <c r="FJ8" s="75" t="s">
        <v>45</v>
      </c>
      <c r="FK8" s="551"/>
      <c r="FL8" s="73" t="s">
        <v>43</v>
      </c>
      <c r="FM8" s="74" t="s">
        <v>44</v>
      </c>
      <c r="FN8" s="250" t="s">
        <v>45</v>
      </c>
      <c r="FO8" s="76" t="s">
        <v>83</v>
      </c>
      <c r="FP8" s="74" t="s">
        <v>47</v>
      </c>
      <c r="FQ8" s="74" t="s">
        <v>48</v>
      </c>
      <c r="FR8" s="74" t="s">
        <v>49</v>
      </c>
      <c r="FS8" s="74" t="s">
        <v>50</v>
      </c>
      <c r="FT8" s="74" t="s">
        <v>51</v>
      </c>
      <c r="FU8" s="75" t="s">
        <v>45</v>
      </c>
      <c r="FV8" s="549"/>
      <c r="FW8" s="73" t="s">
        <v>43</v>
      </c>
      <c r="FX8" s="74" t="s">
        <v>44</v>
      </c>
      <c r="FY8" s="250" t="s">
        <v>45</v>
      </c>
      <c r="FZ8" s="76" t="s">
        <v>83</v>
      </c>
      <c r="GA8" s="74" t="s">
        <v>47</v>
      </c>
      <c r="GB8" s="74" t="s">
        <v>48</v>
      </c>
      <c r="GC8" s="74" t="s">
        <v>49</v>
      </c>
      <c r="GD8" s="74" t="s">
        <v>50</v>
      </c>
      <c r="GE8" s="74" t="s">
        <v>51</v>
      </c>
      <c r="GF8" s="75" t="s">
        <v>45</v>
      </c>
      <c r="GG8" s="551"/>
      <c r="GH8" s="73" t="s">
        <v>43</v>
      </c>
      <c r="GI8" s="74" t="s">
        <v>44</v>
      </c>
      <c r="GJ8" s="250" t="s">
        <v>45</v>
      </c>
      <c r="GK8" s="76" t="s">
        <v>83</v>
      </c>
      <c r="GL8" s="74" t="s">
        <v>47</v>
      </c>
      <c r="GM8" s="74" t="s">
        <v>48</v>
      </c>
      <c r="GN8" s="74" t="s">
        <v>49</v>
      </c>
      <c r="GO8" s="74" t="s">
        <v>50</v>
      </c>
      <c r="GP8" s="74" t="s">
        <v>51</v>
      </c>
      <c r="GQ8" s="75" t="s">
        <v>45</v>
      </c>
      <c r="GR8" s="553"/>
      <c r="GS8" s="73" t="s">
        <v>43</v>
      </c>
      <c r="GT8" s="74" t="s">
        <v>44</v>
      </c>
      <c r="GU8" s="250" t="s">
        <v>45</v>
      </c>
      <c r="GV8" s="76" t="s">
        <v>83</v>
      </c>
      <c r="GW8" s="74" t="s">
        <v>47</v>
      </c>
      <c r="GX8" s="74" t="s">
        <v>48</v>
      </c>
      <c r="GY8" s="74" t="s">
        <v>49</v>
      </c>
      <c r="GZ8" s="74" t="s">
        <v>50</v>
      </c>
      <c r="HA8" s="74" t="s">
        <v>51</v>
      </c>
      <c r="HB8" s="75" t="s">
        <v>45</v>
      </c>
      <c r="HC8" s="553"/>
      <c r="HD8" s="73" t="s">
        <v>43</v>
      </c>
      <c r="HE8" s="74" t="s">
        <v>44</v>
      </c>
      <c r="HF8" s="250" t="s">
        <v>45</v>
      </c>
      <c r="HG8" s="76" t="s">
        <v>83</v>
      </c>
      <c r="HH8" s="74" t="s">
        <v>47</v>
      </c>
      <c r="HI8" s="74" t="s">
        <v>48</v>
      </c>
      <c r="HJ8" s="74" t="s">
        <v>49</v>
      </c>
      <c r="HK8" s="74" t="s">
        <v>50</v>
      </c>
      <c r="HL8" s="74" t="s">
        <v>51</v>
      </c>
      <c r="HM8" s="75" t="s">
        <v>45</v>
      </c>
      <c r="HN8" s="551"/>
      <c r="HO8" s="73" t="s">
        <v>43</v>
      </c>
      <c r="HP8" s="74" t="s">
        <v>44</v>
      </c>
      <c r="HQ8" s="250" t="s">
        <v>45</v>
      </c>
      <c r="HR8" s="76" t="s">
        <v>83</v>
      </c>
      <c r="HS8" s="74" t="s">
        <v>47</v>
      </c>
      <c r="HT8" s="74" t="s">
        <v>48</v>
      </c>
      <c r="HU8" s="74" t="s">
        <v>49</v>
      </c>
      <c r="HV8" s="74" t="s">
        <v>50</v>
      </c>
      <c r="HW8" s="74" t="s">
        <v>51</v>
      </c>
      <c r="HX8" s="75" t="s">
        <v>45</v>
      </c>
      <c r="HY8" s="551"/>
      <c r="HZ8" s="73" t="s">
        <v>43</v>
      </c>
      <c r="IA8" s="74" t="s">
        <v>44</v>
      </c>
      <c r="IB8" s="250" t="s">
        <v>45</v>
      </c>
      <c r="IC8" s="76" t="s">
        <v>83</v>
      </c>
      <c r="ID8" s="74" t="s">
        <v>47</v>
      </c>
      <c r="IE8" s="74" t="s">
        <v>48</v>
      </c>
      <c r="IF8" s="74" t="s">
        <v>49</v>
      </c>
      <c r="IG8" s="74" t="s">
        <v>50</v>
      </c>
      <c r="IH8" s="74" t="s">
        <v>51</v>
      </c>
      <c r="II8" s="75" t="s">
        <v>45</v>
      </c>
      <c r="IJ8" s="549"/>
      <c r="IK8" s="73" t="s">
        <v>43</v>
      </c>
      <c r="IL8" s="74" t="s">
        <v>44</v>
      </c>
      <c r="IM8" s="250" t="s">
        <v>45</v>
      </c>
      <c r="IN8" s="76" t="s">
        <v>83</v>
      </c>
      <c r="IO8" s="252" t="s">
        <v>47</v>
      </c>
      <c r="IP8" s="252" t="s">
        <v>48</v>
      </c>
      <c r="IQ8" s="252" t="s">
        <v>49</v>
      </c>
      <c r="IR8" s="252" t="s">
        <v>50</v>
      </c>
      <c r="IS8" s="252" t="s">
        <v>51</v>
      </c>
      <c r="IT8" s="253" t="s">
        <v>45</v>
      </c>
      <c r="IU8" s="548"/>
      <c r="IV8" s="251" t="s">
        <v>43</v>
      </c>
      <c r="IW8" s="252" t="s">
        <v>44</v>
      </c>
      <c r="IX8" s="253" t="s">
        <v>45</v>
      </c>
      <c r="IY8" s="231" t="s">
        <v>83</v>
      </c>
      <c r="IZ8" s="252" t="s">
        <v>47</v>
      </c>
      <c r="JA8" s="252" t="s">
        <v>48</v>
      </c>
      <c r="JB8" s="252" t="s">
        <v>49</v>
      </c>
      <c r="JC8" s="252" t="s">
        <v>50</v>
      </c>
      <c r="JD8" s="252" t="s">
        <v>51</v>
      </c>
      <c r="JE8" s="253" t="s">
        <v>45</v>
      </c>
      <c r="JF8" s="548"/>
      <c r="JG8" s="251" t="s">
        <v>43</v>
      </c>
      <c r="JH8" s="252" t="s">
        <v>44</v>
      </c>
      <c r="JI8" s="254" t="s">
        <v>45</v>
      </c>
      <c r="JJ8" s="231" t="s">
        <v>83</v>
      </c>
      <c r="JK8" s="252" t="s">
        <v>47</v>
      </c>
      <c r="JL8" s="252" t="s">
        <v>48</v>
      </c>
      <c r="JM8" s="252" t="s">
        <v>49</v>
      </c>
      <c r="JN8" s="252" t="s">
        <v>50</v>
      </c>
      <c r="JO8" s="252" t="s">
        <v>51</v>
      </c>
      <c r="JP8" s="253" t="s">
        <v>45</v>
      </c>
      <c r="JQ8" s="530"/>
      <c r="JR8" s="251" t="s">
        <v>43</v>
      </c>
      <c r="JS8" s="252" t="s">
        <v>44</v>
      </c>
      <c r="JT8" s="254" t="s">
        <v>45</v>
      </c>
      <c r="JU8" s="231" t="s">
        <v>83</v>
      </c>
      <c r="JV8" s="252" t="s">
        <v>47</v>
      </c>
      <c r="JW8" s="252" t="s">
        <v>48</v>
      </c>
      <c r="JX8" s="252" t="s">
        <v>49</v>
      </c>
      <c r="JY8" s="252" t="s">
        <v>50</v>
      </c>
      <c r="JZ8" s="252" t="s">
        <v>51</v>
      </c>
      <c r="KA8" s="253" t="s">
        <v>45</v>
      </c>
      <c r="KB8" s="530"/>
      <c r="KC8" s="251" t="s">
        <v>43</v>
      </c>
      <c r="KD8" s="252" t="s">
        <v>44</v>
      </c>
      <c r="KE8" s="254" t="s">
        <v>45</v>
      </c>
      <c r="KF8" s="231" t="s">
        <v>83</v>
      </c>
      <c r="KG8" s="252" t="s">
        <v>47</v>
      </c>
      <c r="KH8" s="252" t="s">
        <v>48</v>
      </c>
      <c r="KI8" s="252" t="s">
        <v>49</v>
      </c>
      <c r="KJ8" s="252" t="s">
        <v>50</v>
      </c>
      <c r="KK8" s="252" t="s">
        <v>51</v>
      </c>
      <c r="KL8" s="253" t="s">
        <v>45</v>
      </c>
      <c r="KM8" s="530"/>
      <c r="KN8" s="251" t="s">
        <v>43</v>
      </c>
      <c r="KO8" s="252" t="s">
        <v>44</v>
      </c>
      <c r="KP8" s="254" t="s">
        <v>45</v>
      </c>
      <c r="KQ8" s="76" t="s">
        <v>83</v>
      </c>
      <c r="KR8" s="252" t="s">
        <v>47</v>
      </c>
      <c r="KS8" s="252" t="s">
        <v>48</v>
      </c>
      <c r="KT8" s="252" t="s">
        <v>49</v>
      </c>
      <c r="KU8" s="252" t="s">
        <v>50</v>
      </c>
      <c r="KV8" s="252" t="s">
        <v>51</v>
      </c>
      <c r="KW8" s="253" t="s">
        <v>45</v>
      </c>
      <c r="KX8" s="530"/>
      <c r="KY8" s="251" t="s">
        <v>43</v>
      </c>
      <c r="KZ8" s="252" t="s">
        <v>44</v>
      </c>
      <c r="LA8" s="254" t="s">
        <v>45</v>
      </c>
      <c r="LB8" s="76" t="s">
        <v>83</v>
      </c>
      <c r="LC8" s="252" t="s">
        <v>47</v>
      </c>
      <c r="LD8" s="252" t="s">
        <v>48</v>
      </c>
      <c r="LE8" s="252" t="s">
        <v>49</v>
      </c>
      <c r="LF8" s="252" t="s">
        <v>50</v>
      </c>
      <c r="LG8" s="252" t="s">
        <v>51</v>
      </c>
      <c r="LH8" s="253" t="s">
        <v>45</v>
      </c>
      <c r="LI8" s="530"/>
      <c r="LJ8" s="251" t="s">
        <v>43</v>
      </c>
      <c r="LK8" s="252" t="s">
        <v>44</v>
      </c>
      <c r="LL8" s="254" t="s">
        <v>45</v>
      </c>
      <c r="LM8" s="76" t="s">
        <v>83</v>
      </c>
      <c r="LN8" s="252" t="s">
        <v>47</v>
      </c>
      <c r="LO8" s="252" t="s">
        <v>48</v>
      </c>
      <c r="LP8" s="252" t="s">
        <v>49</v>
      </c>
      <c r="LQ8" s="252" t="s">
        <v>50</v>
      </c>
      <c r="LR8" s="252" t="s">
        <v>51</v>
      </c>
      <c r="LS8" s="253" t="s">
        <v>45</v>
      </c>
      <c r="LT8" s="530"/>
      <c r="LU8" s="251" t="s">
        <v>43</v>
      </c>
      <c r="LV8" s="252" t="s">
        <v>44</v>
      </c>
      <c r="LW8" s="254" t="s">
        <v>45</v>
      </c>
      <c r="LX8" s="76" t="s">
        <v>83</v>
      </c>
      <c r="LY8" s="252" t="s">
        <v>47</v>
      </c>
      <c r="LZ8" s="252" t="s">
        <v>48</v>
      </c>
      <c r="MA8" s="252" t="s">
        <v>49</v>
      </c>
      <c r="MB8" s="252" t="s">
        <v>50</v>
      </c>
      <c r="MC8" s="252" t="s">
        <v>51</v>
      </c>
      <c r="MD8" s="253" t="s">
        <v>45</v>
      </c>
      <c r="ME8" s="530"/>
      <c r="MF8" s="251" t="s">
        <v>43</v>
      </c>
      <c r="MG8" s="252" t="s">
        <v>44</v>
      </c>
      <c r="MH8" s="254" t="s">
        <v>45</v>
      </c>
      <c r="MI8" s="76" t="s">
        <v>83</v>
      </c>
      <c r="MJ8" s="252" t="s">
        <v>47</v>
      </c>
      <c r="MK8" s="252" t="s">
        <v>48</v>
      </c>
      <c r="ML8" s="252" t="s">
        <v>49</v>
      </c>
      <c r="MM8" s="252" t="s">
        <v>50</v>
      </c>
      <c r="MN8" s="252" t="s">
        <v>51</v>
      </c>
      <c r="MO8" s="253" t="s">
        <v>45</v>
      </c>
      <c r="MP8" s="530"/>
      <c r="MQ8" s="251" t="s">
        <v>43</v>
      </c>
      <c r="MR8" s="252" t="s">
        <v>44</v>
      </c>
      <c r="MS8" s="254" t="s">
        <v>45</v>
      </c>
      <c r="MT8" s="76" t="s">
        <v>83</v>
      </c>
      <c r="MU8" s="252" t="s">
        <v>47</v>
      </c>
      <c r="MV8" s="252" t="s">
        <v>48</v>
      </c>
      <c r="MW8" s="252" t="s">
        <v>49</v>
      </c>
      <c r="MX8" s="252" t="s">
        <v>50</v>
      </c>
      <c r="MY8" s="252" t="s">
        <v>51</v>
      </c>
      <c r="MZ8" s="253" t="s">
        <v>45</v>
      </c>
      <c r="NA8" s="530"/>
      <c r="NB8" s="251" t="s">
        <v>43</v>
      </c>
      <c r="NC8" s="252" t="s">
        <v>44</v>
      </c>
      <c r="ND8" s="254" t="s">
        <v>45</v>
      </c>
      <c r="NE8" s="76" t="s">
        <v>83</v>
      </c>
      <c r="NF8" s="252" t="s">
        <v>47</v>
      </c>
      <c r="NG8" s="252" t="s">
        <v>48</v>
      </c>
      <c r="NH8" s="252" t="s">
        <v>49</v>
      </c>
      <c r="NI8" s="252" t="s">
        <v>50</v>
      </c>
      <c r="NJ8" s="252" t="s">
        <v>51</v>
      </c>
      <c r="NK8" s="253" t="s">
        <v>45</v>
      </c>
      <c r="NL8" s="530"/>
      <c r="NM8" s="251" t="s">
        <v>43</v>
      </c>
      <c r="NN8" s="252" t="s">
        <v>44</v>
      </c>
      <c r="NO8" s="254" t="s">
        <v>45</v>
      </c>
      <c r="NP8" s="76" t="s">
        <v>83</v>
      </c>
      <c r="NQ8" s="252" t="s">
        <v>47</v>
      </c>
      <c r="NR8" s="252" t="s">
        <v>48</v>
      </c>
      <c r="NS8" s="252" t="s">
        <v>49</v>
      </c>
      <c r="NT8" s="252" t="s">
        <v>50</v>
      </c>
      <c r="NU8" s="252" t="s">
        <v>51</v>
      </c>
      <c r="NV8" s="253" t="s">
        <v>45</v>
      </c>
      <c r="NW8" s="530"/>
      <c r="NX8" s="251" t="s">
        <v>43</v>
      </c>
      <c r="NY8" s="252" t="s">
        <v>44</v>
      </c>
      <c r="NZ8" s="254" t="s">
        <v>45</v>
      </c>
      <c r="OA8" s="76" t="s">
        <v>83</v>
      </c>
      <c r="OB8" s="252" t="s">
        <v>47</v>
      </c>
      <c r="OC8" s="252" t="s">
        <v>48</v>
      </c>
      <c r="OD8" s="252" t="s">
        <v>49</v>
      </c>
      <c r="OE8" s="252" t="s">
        <v>50</v>
      </c>
      <c r="OF8" s="252" t="s">
        <v>51</v>
      </c>
      <c r="OG8" s="253" t="s">
        <v>45</v>
      </c>
      <c r="OH8" s="530"/>
      <c r="OI8" s="251" t="s">
        <v>43</v>
      </c>
      <c r="OJ8" s="252" t="s">
        <v>44</v>
      </c>
      <c r="OK8" s="254" t="s">
        <v>45</v>
      </c>
      <c r="OL8" s="231" t="s">
        <v>83</v>
      </c>
      <c r="OM8" s="252" t="s">
        <v>47</v>
      </c>
      <c r="ON8" s="252" t="s">
        <v>48</v>
      </c>
      <c r="OO8" s="252" t="s">
        <v>49</v>
      </c>
      <c r="OP8" s="252" t="s">
        <v>50</v>
      </c>
      <c r="OQ8" s="252" t="s">
        <v>51</v>
      </c>
      <c r="OR8" s="253" t="s">
        <v>45</v>
      </c>
      <c r="OS8" s="530"/>
    </row>
    <row r="9" spans="1:409" s="407" customFormat="1" ht="21" customHeight="1" x14ac:dyDescent="0.2">
      <c r="A9" s="70"/>
      <c r="B9" s="408" t="s">
        <v>4</v>
      </c>
      <c r="C9" s="255">
        <v>29523078</v>
      </c>
      <c r="D9" s="256">
        <v>50413761</v>
      </c>
      <c r="E9" s="257">
        <v>79936839</v>
      </c>
      <c r="F9" s="258">
        <v>0</v>
      </c>
      <c r="G9" s="256">
        <v>312437556</v>
      </c>
      <c r="H9" s="256">
        <v>429370818</v>
      </c>
      <c r="I9" s="256">
        <v>355979832</v>
      </c>
      <c r="J9" s="256">
        <v>326772466</v>
      </c>
      <c r="K9" s="256">
        <v>209275493</v>
      </c>
      <c r="L9" s="259">
        <v>1633836165</v>
      </c>
      <c r="M9" s="260">
        <v>1713773004</v>
      </c>
      <c r="N9" s="255">
        <v>8973951</v>
      </c>
      <c r="O9" s="256">
        <v>17744098</v>
      </c>
      <c r="P9" s="261">
        <v>26718049</v>
      </c>
      <c r="Q9" s="255">
        <v>0</v>
      </c>
      <c r="R9" s="256">
        <v>97401894</v>
      </c>
      <c r="S9" s="256">
        <v>146584635</v>
      </c>
      <c r="T9" s="256">
        <v>123879126</v>
      </c>
      <c r="U9" s="256">
        <v>122578730</v>
      </c>
      <c r="V9" s="256">
        <v>109560391</v>
      </c>
      <c r="W9" s="261">
        <v>600004776</v>
      </c>
      <c r="X9" s="260">
        <v>626722825</v>
      </c>
      <c r="Y9" s="255">
        <v>0</v>
      </c>
      <c r="Z9" s="256">
        <v>0</v>
      </c>
      <c r="AA9" s="261">
        <v>0</v>
      </c>
      <c r="AB9" s="262">
        <v>0</v>
      </c>
      <c r="AC9" s="263">
        <v>39182685</v>
      </c>
      <c r="AD9" s="263">
        <v>58168489</v>
      </c>
      <c r="AE9" s="263">
        <v>58593198</v>
      </c>
      <c r="AF9" s="263">
        <v>64801108</v>
      </c>
      <c r="AG9" s="263">
        <v>64137437</v>
      </c>
      <c r="AH9" s="261">
        <v>284882917</v>
      </c>
      <c r="AI9" s="260">
        <v>284882917</v>
      </c>
      <c r="AJ9" s="264">
        <v>0</v>
      </c>
      <c r="AK9" s="263">
        <v>16661</v>
      </c>
      <c r="AL9" s="261">
        <v>16661</v>
      </c>
      <c r="AM9" s="262">
        <v>0</v>
      </c>
      <c r="AN9" s="263">
        <v>177220</v>
      </c>
      <c r="AO9" s="259">
        <v>1454841</v>
      </c>
      <c r="AP9" s="263">
        <v>2907299</v>
      </c>
      <c r="AQ9" s="263">
        <v>7035866</v>
      </c>
      <c r="AR9" s="263">
        <v>11882539</v>
      </c>
      <c r="AS9" s="261">
        <v>23457765</v>
      </c>
      <c r="AT9" s="260">
        <v>23474426</v>
      </c>
      <c r="AU9" s="264">
        <v>4787134</v>
      </c>
      <c r="AV9" s="263">
        <v>12397791</v>
      </c>
      <c r="AW9" s="261">
        <v>17184925</v>
      </c>
      <c r="AX9" s="262">
        <v>0</v>
      </c>
      <c r="AY9" s="263">
        <v>36539397</v>
      </c>
      <c r="AZ9" s="263">
        <v>60531640</v>
      </c>
      <c r="BA9" s="263">
        <v>39329362</v>
      </c>
      <c r="BB9" s="263">
        <v>29726842</v>
      </c>
      <c r="BC9" s="263">
        <v>20678562</v>
      </c>
      <c r="BD9" s="261">
        <v>186805803</v>
      </c>
      <c r="BE9" s="265">
        <v>203990728</v>
      </c>
      <c r="BF9" s="264">
        <v>672025</v>
      </c>
      <c r="BG9" s="259">
        <v>1584406</v>
      </c>
      <c r="BH9" s="266">
        <v>2256431</v>
      </c>
      <c r="BI9" s="262">
        <v>0</v>
      </c>
      <c r="BJ9" s="263">
        <v>3339216</v>
      </c>
      <c r="BK9" s="263">
        <v>4175525</v>
      </c>
      <c r="BL9" s="263">
        <v>3452515</v>
      </c>
      <c r="BM9" s="263">
        <v>2785135</v>
      </c>
      <c r="BN9" s="263">
        <v>1107777</v>
      </c>
      <c r="BO9" s="261">
        <v>14860168</v>
      </c>
      <c r="BP9" s="260">
        <v>17116599</v>
      </c>
      <c r="BQ9" s="264">
        <v>3514792</v>
      </c>
      <c r="BR9" s="263">
        <v>3745240</v>
      </c>
      <c r="BS9" s="261">
        <v>7260032</v>
      </c>
      <c r="BT9" s="262">
        <v>0</v>
      </c>
      <c r="BU9" s="263">
        <v>18163376</v>
      </c>
      <c r="BV9" s="263">
        <v>22254140</v>
      </c>
      <c r="BW9" s="263">
        <v>19596752</v>
      </c>
      <c r="BX9" s="263">
        <v>18229779</v>
      </c>
      <c r="BY9" s="263">
        <v>11754076</v>
      </c>
      <c r="BZ9" s="261">
        <v>89998123</v>
      </c>
      <c r="CA9" s="260">
        <v>97258155</v>
      </c>
      <c r="CB9" s="264">
        <v>3021523</v>
      </c>
      <c r="CC9" s="263">
        <v>7593885</v>
      </c>
      <c r="CD9" s="261">
        <v>10615408</v>
      </c>
      <c r="CE9" s="262">
        <v>0</v>
      </c>
      <c r="CF9" s="263">
        <v>98684208</v>
      </c>
      <c r="CG9" s="263">
        <v>120378277</v>
      </c>
      <c r="CH9" s="267">
        <v>84954877</v>
      </c>
      <c r="CI9" s="263">
        <v>45012908</v>
      </c>
      <c r="CJ9" s="263">
        <v>17731409</v>
      </c>
      <c r="CK9" s="261">
        <v>366761679</v>
      </c>
      <c r="CL9" s="260">
        <v>377377087</v>
      </c>
      <c r="CM9" s="255">
        <v>0</v>
      </c>
      <c r="CN9" s="256">
        <v>0</v>
      </c>
      <c r="CO9" s="261">
        <v>0</v>
      </c>
      <c r="CP9" s="262">
        <v>0</v>
      </c>
      <c r="CQ9" s="263">
        <v>79528246</v>
      </c>
      <c r="CR9" s="263">
        <v>87707355</v>
      </c>
      <c r="CS9" s="263">
        <v>61411522</v>
      </c>
      <c r="CT9" s="263">
        <v>29998301</v>
      </c>
      <c r="CU9" s="263">
        <v>13625440</v>
      </c>
      <c r="CV9" s="268">
        <v>272270864</v>
      </c>
      <c r="CW9" s="260">
        <v>272270864</v>
      </c>
      <c r="CX9" s="264">
        <v>3021523</v>
      </c>
      <c r="CY9" s="263">
        <v>7593885</v>
      </c>
      <c r="CZ9" s="261">
        <v>10615408</v>
      </c>
      <c r="DA9" s="262">
        <v>0</v>
      </c>
      <c r="DB9" s="263">
        <v>19155962</v>
      </c>
      <c r="DC9" s="263">
        <v>32670922</v>
      </c>
      <c r="DD9" s="263">
        <v>23543355</v>
      </c>
      <c r="DE9" s="263">
        <v>15014607</v>
      </c>
      <c r="DF9" s="263">
        <v>4105969</v>
      </c>
      <c r="DG9" s="261">
        <v>94490815</v>
      </c>
      <c r="DH9" s="260">
        <v>105106223</v>
      </c>
      <c r="DI9" s="264">
        <v>174567</v>
      </c>
      <c r="DJ9" s="263">
        <v>837586</v>
      </c>
      <c r="DK9" s="266">
        <v>1012153</v>
      </c>
      <c r="DL9" s="262">
        <v>0</v>
      </c>
      <c r="DM9" s="263">
        <v>9115679</v>
      </c>
      <c r="DN9" s="263">
        <v>19293366</v>
      </c>
      <c r="DO9" s="263">
        <v>28565770</v>
      </c>
      <c r="DP9" s="263">
        <v>27671205</v>
      </c>
      <c r="DQ9" s="263">
        <v>12373014</v>
      </c>
      <c r="DR9" s="269">
        <v>97019034</v>
      </c>
      <c r="DS9" s="260">
        <v>98031187</v>
      </c>
      <c r="DT9" s="264">
        <v>174567</v>
      </c>
      <c r="DU9" s="263">
        <v>803609</v>
      </c>
      <c r="DV9" s="261">
        <v>978176</v>
      </c>
      <c r="DW9" s="262">
        <v>0</v>
      </c>
      <c r="DX9" s="263">
        <v>8110267</v>
      </c>
      <c r="DY9" s="263">
        <v>16101013</v>
      </c>
      <c r="DZ9" s="263">
        <v>24132172</v>
      </c>
      <c r="EA9" s="263">
        <v>23451971</v>
      </c>
      <c r="EB9" s="263">
        <v>10418144</v>
      </c>
      <c r="EC9" s="261">
        <v>82213567</v>
      </c>
      <c r="ED9" s="260">
        <v>83191743</v>
      </c>
      <c r="EE9" s="264">
        <v>0</v>
      </c>
      <c r="EF9" s="259">
        <v>33977</v>
      </c>
      <c r="EG9" s="261">
        <v>33977</v>
      </c>
      <c r="EH9" s="265">
        <v>0</v>
      </c>
      <c r="EI9" s="263">
        <v>1005412</v>
      </c>
      <c r="EJ9" s="263">
        <v>3192353</v>
      </c>
      <c r="EK9" s="263">
        <v>4433598</v>
      </c>
      <c r="EL9" s="263">
        <v>4219234</v>
      </c>
      <c r="EM9" s="267">
        <v>1954870</v>
      </c>
      <c r="EN9" s="259">
        <v>14805467</v>
      </c>
      <c r="EO9" s="260">
        <v>14839444</v>
      </c>
      <c r="EP9" s="264">
        <v>0</v>
      </c>
      <c r="EQ9" s="263">
        <v>0</v>
      </c>
      <c r="ER9" s="259">
        <v>0</v>
      </c>
      <c r="ES9" s="262">
        <v>0</v>
      </c>
      <c r="ET9" s="263">
        <v>0</v>
      </c>
      <c r="EU9" s="263">
        <v>0</v>
      </c>
      <c r="EV9" s="263">
        <v>0</v>
      </c>
      <c r="EW9" s="263">
        <v>0</v>
      </c>
      <c r="EX9" s="263">
        <v>0</v>
      </c>
      <c r="EY9" s="268">
        <v>0</v>
      </c>
      <c r="EZ9" s="260">
        <v>0</v>
      </c>
      <c r="FA9" s="264">
        <v>0</v>
      </c>
      <c r="FB9" s="263">
        <v>0</v>
      </c>
      <c r="FC9" s="259">
        <v>0</v>
      </c>
      <c r="FD9" s="262">
        <v>0</v>
      </c>
      <c r="FE9" s="263">
        <v>0</v>
      </c>
      <c r="FF9" s="263">
        <v>0</v>
      </c>
      <c r="FG9" s="263">
        <v>0</v>
      </c>
      <c r="FH9" s="263">
        <v>0</v>
      </c>
      <c r="FI9" s="263">
        <v>0</v>
      </c>
      <c r="FJ9" s="268">
        <v>0</v>
      </c>
      <c r="FK9" s="260">
        <v>0</v>
      </c>
      <c r="FL9" s="264">
        <v>6755111</v>
      </c>
      <c r="FM9" s="263">
        <v>11077209</v>
      </c>
      <c r="FN9" s="261">
        <v>17832320</v>
      </c>
      <c r="FO9" s="262">
        <v>0</v>
      </c>
      <c r="FP9" s="263">
        <v>14597319</v>
      </c>
      <c r="FQ9" s="263">
        <v>39497032</v>
      </c>
      <c r="FR9" s="263">
        <v>28027423</v>
      </c>
      <c r="FS9" s="263">
        <v>21804911</v>
      </c>
      <c r="FT9" s="263">
        <v>15077792</v>
      </c>
      <c r="FU9" s="261">
        <v>119004477</v>
      </c>
      <c r="FV9" s="260">
        <v>136836797</v>
      </c>
      <c r="FW9" s="264">
        <v>2874424</v>
      </c>
      <c r="FX9" s="263">
        <v>7295324</v>
      </c>
      <c r="FY9" s="259">
        <v>10169748</v>
      </c>
      <c r="FZ9" s="265">
        <v>0</v>
      </c>
      <c r="GA9" s="263">
        <v>10623496</v>
      </c>
      <c r="GB9" s="270">
        <v>35529898</v>
      </c>
      <c r="GC9" s="263">
        <v>25528374</v>
      </c>
      <c r="GD9" s="270">
        <v>19849114</v>
      </c>
      <c r="GE9" s="263">
        <v>14051440</v>
      </c>
      <c r="GF9" s="268">
        <v>105582322</v>
      </c>
      <c r="GG9" s="271">
        <v>115752070</v>
      </c>
      <c r="GH9" s="272">
        <v>556164</v>
      </c>
      <c r="GI9" s="263">
        <v>687944</v>
      </c>
      <c r="GJ9" s="270">
        <v>1244108</v>
      </c>
      <c r="GK9" s="258">
        <v>0</v>
      </c>
      <c r="GL9" s="263">
        <v>854079</v>
      </c>
      <c r="GM9" s="259">
        <v>1096222</v>
      </c>
      <c r="GN9" s="263">
        <v>765220</v>
      </c>
      <c r="GO9" s="259">
        <v>680395</v>
      </c>
      <c r="GP9" s="263">
        <v>354672</v>
      </c>
      <c r="GQ9" s="269">
        <v>3750588</v>
      </c>
      <c r="GR9" s="260">
        <v>4994696</v>
      </c>
      <c r="GS9" s="259">
        <v>3324523</v>
      </c>
      <c r="GT9" s="263">
        <v>3093941</v>
      </c>
      <c r="GU9" s="261">
        <v>6418464</v>
      </c>
      <c r="GV9" s="259">
        <v>0</v>
      </c>
      <c r="GW9" s="263">
        <v>3119744</v>
      </c>
      <c r="GX9" s="259">
        <v>2870912</v>
      </c>
      <c r="GY9" s="263">
        <v>1733829</v>
      </c>
      <c r="GZ9" s="259">
        <v>1275402</v>
      </c>
      <c r="HA9" s="263">
        <v>671680</v>
      </c>
      <c r="HB9" s="259">
        <v>9671567</v>
      </c>
      <c r="HC9" s="260">
        <v>16090031</v>
      </c>
      <c r="HD9" s="259">
        <v>10597926</v>
      </c>
      <c r="HE9" s="263">
        <v>13160983</v>
      </c>
      <c r="HF9" s="259">
        <v>23758909</v>
      </c>
      <c r="HG9" s="265">
        <v>0</v>
      </c>
      <c r="HH9" s="263">
        <v>92638456</v>
      </c>
      <c r="HI9" s="270">
        <v>103617508</v>
      </c>
      <c r="HJ9" s="263">
        <v>90552636</v>
      </c>
      <c r="HK9" s="270">
        <v>109704712</v>
      </c>
      <c r="HL9" s="263">
        <v>54532887</v>
      </c>
      <c r="HM9" s="268">
        <v>451046199</v>
      </c>
      <c r="HN9" s="259">
        <v>474805108</v>
      </c>
      <c r="HO9" s="272">
        <v>0</v>
      </c>
      <c r="HP9" s="263">
        <v>0</v>
      </c>
      <c r="HQ9" s="268">
        <v>0</v>
      </c>
      <c r="HR9" s="270">
        <v>0</v>
      </c>
      <c r="HS9" s="263">
        <v>0</v>
      </c>
      <c r="HT9" s="270">
        <v>0</v>
      </c>
      <c r="HU9" s="263">
        <v>0</v>
      </c>
      <c r="HV9" s="270">
        <v>0</v>
      </c>
      <c r="HW9" s="263">
        <v>0</v>
      </c>
      <c r="HX9" s="270">
        <v>0</v>
      </c>
      <c r="HY9" s="260">
        <v>0</v>
      </c>
      <c r="HZ9" s="273">
        <v>508140</v>
      </c>
      <c r="IA9" s="274">
        <v>1286595</v>
      </c>
      <c r="IB9" s="275">
        <v>1794735</v>
      </c>
      <c r="IC9" s="276">
        <v>0</v>
      </c>
      <c r="ID9" s="274">
        <v>84416618</v>
      </c>
      <c r="IE9" s="277">
        <v>103439239</v>
      </c>
      <c r="IF9" s="278">
        <v>110527795</v>
      </c>
      <c r="IG9" s="274">
        <v>87300961</v>
      </c>
      <c r="IH9" s="278">
        <v>52137777</v>
      </c>
      <c r="II9" s="279">
        <v>437822390</v>
      </c>
      <c r="IJ9" s="280">
        <v>439617125</v>
      </c>
      <c r="IK9" s="281">
        <v>0</v>
      </c>
      <c r="IL9" s="282">
        <v>0</v>
      </c>
      <c r="IM9" s="283">
        <v>0</v>
      </c>
      <c r="IN9" s="406">
        <v>0</v>
      </c>
      <c r="IO9" s="284">
        <v>1851661</v>
      </c>
      <c r="IP9" s="284">
        <v>2139560</v>
      </c>
      <c r="IQ9" s="284">
        <v>3783236</v>
      </c>
      <c r="IR9" s="284">
        <v>7119197</v>
      </c>
      <c r="IS9" s="284">
        <v>3857770</v>
      </c>
      <c r="IT9" s="285">
        <v>18751424</v>
      </c>
      <c r="IU9" s="286">
        <v>18751424</v>
      </c>
      <c r="IV9" s="287">
        <v>0</v>
      </c>
      <c r="IW9" s="284">
        <v>0</v>
      </c>
      <c r="IX9" s="288">
        <v>0</v>
      </c>
      <c r="IY9" s="406">
        <v>0</v>
      </c>
      <c r="IZ9" s="284">
        <v>169294</v>
      </c>
      <c r="JA9" s="284">
        <v>600273</v>
      </c>
      <c r="JB9" s="284">
        <v>705881</v>
      </c>
      <c r="JC9" s="284">
        <v>994238</v>
      </c>
      <c r="JD9" s="284">
        <v>1207310</v>
      </c>
      <c r="JE9" s="288">
        <v>3676996</v>
      </c>
      <c r="JF9" s="289">
        <v>3676996</v>
      </c>
      <c r="JG9" s="287">
        <v>0</v>
      </c>
      <c r="JH9" s="284">
        <v>0</v>
      </c>
      <c r="JI9" s="285">
        <v>0</v>
      </c>
      <c r="JJ9" s="290">
        <v>0</v>
      </c>
      <c r="JK9" s="284">
        <v>38609108</v>
      </c>
      <c r="JL9" s="284">
        <v>45419576</v>
      </c>
      <c r="JM9" s="284">
        <v>27718522</v>
      </c>
      <c r="JN9" s="284">
        <v>14240148</v>
      </c>
      <c r="JO9" s="284">
        <v>8767834</v>
      </c>
      <c r="JP9" s="288">
        <v>134755188</v>
      </c>
      <c r="JQ9" s="286">
        <v>134755188</v>
      </c>
      <c r="JR9" s="287">
        <v>38649</v>
      </c>
      <c r="JS9" s="284">
        <v>0</v>
      </c>
      <c r="JT9" s="285">
        <v>38649</v>
      </c>
      <c r="JU9" s="290">
        <v>0</v>
      </c>
      <c r="JV9" s="284">
        <v>4543472</v>
      </c>
      <c r="JW9" s="284">
        <v>7022387</v>
      </c>
      <c r="JX9" s="284">
        <v>9041719</v>
      </c>
      <c r="JY9" s="284">
        <v>4640406</v>
      </c>
      <c r="JZ9" s="284">
        <v>2668764</v>
      </c>
      <c r="KA9" s="288">
        <v>27916748</v>
      </c>
      <c r="KB9" s="286">
        <v>27955397</v>
      </c>
      <c r="KC9" s="291">
        <v>469491</v>
      </c>
      <c r="KD9" s="292">
        <v>800611</v>
      </c>
      <c r="KE9" s="288">
        <v>1270102</v>
      </c>
      <c r="KF9" s="290">
        <v>0</v>
      </c>
      <c r="KG9" s="284">
        <v>9562790</v>
      </c>
      <c r="KH9" s="284">
        <v>10710376</v>
      </c>
      <c r="KI9" s="284">
        <v>18345552</v>
      </c>
      <c r="KJ9" s="284">
        <v>11282721</v>
      </c>
      <c r="KK9" s="284">
        <v>7683892</v>
      </c>
      <c r="KL9" s="288">
        <v>57585331</v>
      </c>
      <c r="KM9" s="293">
        <v>58855433</v>
      </c>
      <c r="KN9" s="281">
        <v>0</v>
      </c>
      <c r="KO9" s="282">
        <v>485984</v>
      </c>
      <c r="KP9" s="283">
        <v>485984</v>
      </c>
      <c r="KQ9" s="406">
        <v>0</v>
      </c>
      <c r="KR9" s="284">
        <v>26454222</v>
      </c>
      <c r="KS9" s="284">
        <v>32392314</v>
      </c>
      <c r="KT9" s="284">
        <v>38113547</v>
      </c>
      <c r="KU9" s="284">
        <v>30796119</v>
      </c>
      <c r="KV9" s="284">
        <v>14137152</v>
      </c>
      <c r="KW9" s="288">
        <v>141893354</v>
      </c>
      <c r="KX9" s="286">
        <v>142379338</v>
      </c>
      <c r="KY9" s="287">
        <v>0</v>
      </c>
      <c r="KZ9" s="284">
        <v>0</v>
      </c>
      <c r="LA9" s="288">
        <v>0</v>
      </c>
      <c r="LB9" s="406">
        <v>0</v>
      </c>
      <c r="LC9" s="284">
        <v>323197</v>
      </c>
      <c r="LD9" s="284">
        <v>942799</v>
      </c>
      <c r="LE9" s="284">
        <v>1185312</v>
      </c>
      <c r="LF9" s="284">
        <v>1203572</v>
      </c>
      <c r="LG9" s="284">
        <v>733641</v>
      </c>
      <c r="LH9" s="288">
        <v>4388521</v>
      </c>
      <c r="LI9" s="289">
        <v>4388521</v>
      </c>
      <c r="LJ9" s="287">
        <v>0</v>
      </c>
      <c r="LK9" s="284">
        <v>0</v>
      </c>
      <c r="LL9" s="288">
        <v>0</v>
      </c>
      <c r="LM9" s="406">
        <v>0</v>
      </c>
      <c r="LN9" s="284">
        <v>237692</v>
      </c>
      <c r="LO9" s="284">
        <v>735093</v>
      </c>
      <c r="LP9" s="284">
        <v>3239328</v>
      </c>
      <c r="LQ9" s="284">
        <v>8990384</v>
      </c>
      <c r="LR9" s="284">
        <v>4063433</v>
      </c>
      <c r="LS9" s="288">
        <v>17265930</v>
      </c>
      <c r="LT9" s="286">
        <v>17265930</v>
      </c>
      <c r="LU9" s="287">
        <v>0</v>
      </c>
      <c r="LV9" s="284">
        <v>0</v>
      </c>
      <c r="LW9" s="288">
        <v>0</v>
      </c>
      <c r="LX9" s="406">
        <v>0</v>
      </c>
      <c r="LY9" s="284">
        <v>2665182</v>
      </c>
      <c r="LZ9" s="284">
        <v>3476861</v>
      </c>
      <c r="MA9" s="284">
        <v>8394698</v>
      </c>
      <c r="MB9" s="284">
        <v>8034176</v>
      </c>
      <c r="MC9" s="284">
        <v>9017981</v>
      </c>
      <c r="MD9" s="288">
        <v>31588898</v>
      </c>
      <c r="ME9" s="289">
        <v>31588898</v>
      </c>
      <c r="MF9" s="287">
        <v>0</v>
      </c>
      <c r="MG9" s="284">
        <v>0</v>
      </c>
      <c r="MH9" s="288">
        <v>0</v>
      </c>
      <c r="MI9" s="406">
        <v>0</v>
      </c>
      <c r="MJ9" s="284">
        <v>22593517</v>
      </c>
      <c r="MK9" s="284">
        <v>59851176</v>
      </c>
      <c r="ML9" s="284">
        <v>197394854</v>
      </c>
      <c r="MM9" s="284">
        <v>283550052</v>
      </c>
      <c r="MN9" s="284">
        <v>155092599</v>
      </c>
      <c r="MO9" s="288">
        <v>718482198</v>
      </c>
      <c r="MP9" s="293">
        <v>718482198</v>
      </c>
      <c r="MQ9" s="287">
        <v>0</v>
      </c>
      <c r="MR9" s="284">
        <v>0</v>
      </c>
      <c r="MS9" s="288">
        <v>0</v>
      </c>
      <c r="MT9" s="406">
        <v>0</v>
      </c>
      <c r="MU9" s="284">
        <v>3803256</v>
      </c>
      <c r="MV9" s="284">
        <v>16777116</v>
      </c>
      <c r="MW9" s="284">
        <v>114560276</v>
      </c>
      <c r="MX9" s="284">
        <v>184484881</v>
      </c>
      <c r="MY9" s="284">
        <v>99527849</v>
      </c>
      <c r="MZ9" s="288">
        <v>419153378</v>
      </c>
      <c r="NA9" s="293">
        <v>419153378</v>
      </c>
      <c r="NB9" s="287">
        <v>0</v>
      </c>
      <c r="NC9" s="284">
        <v>0</v>
      </c>
      <c r="ND9" s="288">
        <v>0</v>
      </c>
      <c r="NE9" s="406">
        <v>0</v>
      </c>
      <c r="NF9" s="284">
        <v>18790261</v>
      </c>
      <c r="NG9" s="284">
        <v>42842416</v>
      </c>
      <c r="NH9" s="284">
        <v>82834578</v>
      </c>
      <c r="NI9" s="284">
        <v>94531776</v>
      </c>
      <c r="NJ9" s="284">
        <v>50801519</v>
      </c>
      <c r="NK9" s="288">
        <v>289800550</v>
      </c>
      <c r="NL9" s="286">
        <v>289800550</v>
      </c>
      <c r="NM9" s="287">
        <v>0</v>
      </c>
      <c r="NN9" s="284">
        <v>0</v>
      </c>
      <c r="NO9" s="288">
        <v>0</v>
      </c>
      <c r="NP9" s="406">
        <v>0</v>
      </c>
      <c r="NQ9" s="284">
        <v>0</v>
      </c>
      <c r="NR9" s="284">
        <v>0</v>
      </c>
      <c r="NS9" s="284">
        <v>0</v>
      </c>
      <c r="NT9" s="284">
        <v>0</v>
      </c>
      <c r="NU9" s="284">
        <v>0</v>
      </c>
      <c r="NV9" s="288">
        <v>0</v>
      </c>
      <c r="NW9" s="289">
        <v>0</v>
      </c>
      <c r="NX9" s="287">
        <v>0</v>
      </c>
      <c r="NY9" s="284">
        <v>0</v>
      </c>
      <c r="NZ9" s="288">
        <v>0</v>
      </c>
      <c r="OA9" s="406">
        <v>0</v>
      </c>
      <c r="OB9" s="284">
        <v>0</v>
      </c>
      <c r="OC9" s="284">
        <v>231644</v>
      </c>
      <c r="OD9" s="284">
        <v>0</v>
      </c>
      <c r="OE9" s="284">
        <v>4533395</v>
      </c>
      <c r="OF9" s="284">
        <v>4763231</v>
      </c>
      <c r="OG9" s="288">
        <v>9528270</v>
      </c>
      <c r="OH9" s="289">
        <v>9528270</v>
      </c>
      <c r="OI9" s="287">
        <v>30031218</v>
      </c>
      <c r="OJ9" s="284">
        <v>51700356</v>
      </c>
      <c r="OK9" s="285">
        <v>81731574</v>
      </c>
      <c r="OL9" s="290">
        <v>0</v>
      </c>
      <c r="OM9" s="284">
        <v>419447691</v>
      </c>
      <c r="ON9" s="284">
        <v>592661233</v>
      </c>
      <c r="OO9" s="284">
        <v>663902481</v>
      </c>
      <c r="OP9" s="284">
        <v>697623479</v>
      </c>
      <c r="OQ9" s="284">
        <v>416505869</v>
      </c>
      <c r="OR9" s="288">
        <v>2790140753</v>
      </c>
      <c r="OS9" s="293">
        <v>2871872327</v>
      </c>
    </row>
    <row r="10" spans="1:409" s="407" customFormat="1" ht="21" customHeight="1" x14ac:dyDescent="0.2">
      <c r="A10" s="70"/>
      <c r="B10" s="409" t="s">
        <v>5</v>
      </c>
      <c r="C10" s="295">
        <v>11922640</v>
      </c>
      <c r="D10" s="296">
        <v>27345748</v>
      </c>
      <c r="E10" s="297">
        <v>39268388</v>
      </c>
      <c r="F10" s="298">
        <v>0</v>
      </c>
      <c r="G10" s="296">
        <v>115178798</v>
      </c>
      <c r="H10" s="296">
        <v>202598186</v>
      </c>
      <c r="I10" s="296">
        <v>157901053</v>
      </c>
      <c r="J10" s="296">
        <v>146011516</v>
      </c>
      <c r="K10" s="296">
        <v>89378391</v>
      </c>
      <c r="L10" s="298">
        <v>711067944</v>
      </c>
      <c r="M10" s="299">
        <v>750336332</v>
      </c>
      <c r="N10" s="295">
        <v>3791002</v>
      </c>
      <c r="O10" s="296">
        <v>10767626</v>
      </c>
      <c r="P10" s="297">
        <v>14558628</v>
      </c>
      <c r="Q10" s="295">
        <v>0</v>
      </c>
      <c r="R10" s="296">
        <v>38651155</v>
      </c>
      <c r="S10" s="296">
        <v>73921697</v>
      </c>
      <c r="T10" s="296">
        <v>58158044</v>
      </c>
      <c r="U10" s="296">
        <v>53484497</v>
      </c>
      <c r="V10" s="296">
        <v>45723634</v>
      </c>
      <c r="W10" s="297">
        <v>269939027</v>
      </c>
      <c r="X10" s="299">
        <v>284497655</v>
      </c>
      <c r="Y10" s="295">
        <v>0</v>
      </c>
      <c r="Z10" s="296">
        <v>0</v>
      </c>
      <c r="AA10" s="297">
        <v>0</v>
      </c>
      <c r="AB10" s="295">
        <v>0</v>
      </c>
      <c r="AC10" s="296">
        <v>14713380</v>
      </c>
      <c r="AD10" s="296">
        <v>27412471</v>
      </c>
      <c r="AE10" s="296">
        <v>25808875</v>
      </c>
      <c r="AF10" s="296">
        <v>27182111</v>
      </c>
      <c r="AG10" s="296">
        <v>25241842</v>
      </c>
      <c r="AH10" s="297">
        <v>120358679</v>
      </c>
      <c r="AI10" s="299">
        <v>120358679</v>
      </c>
      <c r="AJ10" s="295">
        <v>0</v>
      </c>
      <c r="AK10" s="296">
        <v>16661</v>
      </c>
      <c r="AL10" s="297">
        <v>16661</v>
      </c>
      <c r="AM10" s="295">
        <v>0</v>
      </c>
      <c r="AN10" s="296">
        <v>151743</v>
      </c>
      <c r="AO10" s="296">
        <v>629323</v>
      </c>
      <c r="AP10" s="296">
        <v>1351859</v>
      </c>
      <c r="AQ10" s="296">
        <v>3050164</v>
      </c>
      <c r="AR10" s="296">
        <v>5740940</v>
      </c>
      <c r="AS10" s="297">
        <v>10924029</v>
      </c>
      <c r="AT10" s="299">
        <v>10940690</v>
      </c>
      <c r="AU10" s="295">
        <v>2158959</v>
      </c>
      <c r="AV10" s="296">
        <v>7740242</v>
      </c>
      <c r="AW10" s="297">
        <v>9899201</v>
      </c>
      <c r="AX10" s="295">
        <v>0</v>
      </c>
      <c r="AY10" s="296">
        <v>15920047</v>
      </c>
      <c r="AZ10" s="296">
        <v>33826524</v>
      </c>
      <c r="BA10" s="296">
        <v>21014208</v>
      </c>
      <c r="BB10" s="296">
        <v>14059288</v>
      </c>
      <c r="BC10" s="296">
        <v>9066000</v>
      </c>
      <c r="BD10" s="297">
        <v>93886067</v>
      </c>
      <c r="BE10" s="299">
        <v>103785268</v>
      </c>
      <c r="BF10" s="295">
        <v>179715</v>
      </c>
      <c r="BG10" s="296">
        <v>865819</v>
      </c>
      <c r="BH10" s="300">
        <v>1045534</v>
      </c>
      <c r="BI10" s="301">
        <v>0</v>
      </c>
      <c r="BJ10" s="296">
        <v>983561</v>
      </c>
      <c r="BK10" s="296">
        <v>1508515</v>
      </c>
      <c r="BL10" s="296">
        <v>1554782</v>
      </c>
      <c r="BM10" s="296">
        <v>1245739</v>
      </c>
      <c r="BN10" s="296">
        <v>494428</v>
      </c>
      <c r="BO10" s="297">
        <v>5787025</v>
      </c>
      <c r="BP10" s="299">
        <v>6832559</v>
      </c>
      <c r="BQ10" s="295">
        <v>1452328</v>
      </c>
      <c r="BR10" s="296">
        <v>2144904</v>
      </c>
      <c r="BS10" s="297">
        <v>3597232</v>
      </c>
      <c r="BT10" s="295">
        <v>0</v>
      </c>
      <c r="BU10" s="296">
        <v>6882424</v>
      </c>
      <c r="BV10" s="296">
        <v>10544864</v>
      </c>
      <c r="BW10" s="296">
        <v>8428320</v>
      </c>
      <c r="BX10" s="296">
        <v>7947195</v>
      </c>
      <c r="BY10" s="296">
        <v>5180424</v>
      </c>
      <c r="BZ10" s="297">
        <v>38983227</v>
      </c>
      <c r="CA10" s="299">
        <v>42580459</v>
      </c>
      <c r="CB10" s="295">
        <v>1470594</v>
      </c>
      <c r="CC10" s="296">
        <v>4052466</v>
      </c>
      <c r="CD10" s="297">
        <v>5523060</v>
      </c>
      <c r="CE10" s="295">
        <v>0</v>
      </c>
      <c r="CF10" s="296">
        <v>34354559</v>
      </c>
      <c r="CG10" s="296">
        <v>52673517</v>
      </c>
      <c r="CH10" s="296">
        <v>35869896</v>
      </c>
      <c r="CI10" s="296">
        <v>19155364</v>
      </c>
      <c r="CJ10" s="296">
        <v>8174399</v>
      </c>
      <c r="CK10" s="297">
        <v>150227735</v>
      </c>
      <c r="CL10" s="299">
        <v>155750795</v>
      </c>
      <c r="CM10" s="295">
        <v>0</v>
      </c>
      <c r="CN10" s="296">
        <v>0</v>
      </c>
      <c r="CO10" s="297">
        <v>0</v>
      </c>
      <c r="CP10" s="301">
        <v>0</v>
      </c>
      <c r="CQ10" s="296">
        <v>27839433</v>
      </c>
      <c r="CR10" s="296">
        <v>36669763</v>
      </c>
      <c r="CS10" s="296">
        <v>24344210</v>
      </c>
      <c r="CT10" s="296">
        <v>11607773</v>
      </c>
      <c r="CU10" s="296">
        <v>6371073</v>
      </c>
      <c r="CV10" s="297">
        <v>106832252</v>
      </c>
      <c r="CW10" s="299">
        <v>106832252</v>
      </c>
      <c r="CX10" s="295">
        <v>1470594</v>
      </c>
      <c r="CY10" s="296">
        <v>4052466</v>
      </c>
      <c r="CZ10" s="297">
        <v>5523060</v>
      </c>
      <c r="DA10" s="295">
        <v>0</v>
      </c>
      <c r="DB10" s="296">
        <v>6515126</v>
      </c>
      <c r="DC10" s="296">
        <v>16003754</v>
      </c>
      <c r="DD10" s="296">
        <v>11525686</v>
      </c>
      <c r="DE10" s="296">
        <v>7547591</v>
      </c>
      <c r="DF10" s="296">
        <v>1803326</v>
      </c>
      <c r="DG10" s="297">
        <v>43395483</v>
      </c>
      <c r="DH10" s="299">
        <v>48918543</v>
      </c>
      <c r="DI10" s="295">
        <v>75235</v>
      </c>
      <c r="DJ10" s="296">
        <v>546521</v>
      </c>
      <c r="DK10" s="300">
        <v>621756</v>
      </c>
      <c r="DL10" s="301">
        <v>0</v>
      </c>
      <c r="DM10" s="296">
        <v>3167821</v>
      </c>
      <c r="DN10" s="296">
        <v>7956422</v>
      </c>
      <c r="DO10" s="296">
        <v>11965579</v>
      </c>
      <c r="DP10" s="296">
        <v>13420639</v>
      </c>
      <c r="DQ10" s="296">
        <v>4749103</v>
      </c>
      <c r="DR10" s="297">
        <v>41259564</v>
      </c>
      <c r="DS10" s="299">
        <v>41881320</v>
      </c>
      <c r="DT10" s="295">
        <v>75235</v>
      </c>
      <c r="DU10" s="296">
        <v>512544</v>
      </c>
      <c r="DV10" s="297">
        <v>587779</v>
      </c>
      <c r="DW10" s="295">
        <v>0</v>
      </c>
      <c r="DX10" s="296">
        <v>2774025</v>
      </c>
      <c r="DY10" s="296">
        <v>6278291</v>
      </c>
      <c r="DZ10" s="296">
        <v>9061033</v>
      </c>
      <c r="EA10" s="296">
        <v>10626413</v>
      </c>
      <c r="EB10" s="296">
        <v>3407569</v>
      </c>
      <c r="EC10" s="297">
        <v>32147331</v>
      </c>
      <c r="ED10" s="299">
        <v>32735110</v>
      </c>
      <c r="EE10" s="295">
        <v>0</v>
      </c>
      <c r="EF10" s="300">
        <v>33977</v>
      </c>
      <c r="EG10" s="297">
        <v>33977</v>
      </c>
      <c r="EH10" s="295">
        <v>0</v>
      </c>
      <c r="EI10" s="296">
        <v>393796</v>
      </c>
      <c r="EJ10" s="296">
        <v>1678131</v>
      </c>
      <c r="EK10" s="296">
        <v>2904546</v>
      </c>
      <c r="EL10" s="296">
        <v>2794226</v>
      </c>
      <c r="EM10" s="296">
        <v>1341534</v>
      </c>
      <c r="EN10" s="300">
        <v>9112233</v>
      </c>
      <c r="EO10" s="299">
        <v>9146210</v>
      </c>
      <c r="EP10" s="295">
        <v>0</v>
      </c>
      <c r="EQ10" s="296">
        <v>0</v>
      </c>
      <c r="ER10" s="300">
        <v>0</v>
      </c>
      <c r="ES10" s="301">
        <v>0</v>
      </c>
      <c r="ET10" s="296">
        <v>0</v>
      </c>
      <c r="EU10" s="296">
        <v>0</v>
      </c>
      <c r="EV10" s="296">
        <v>0</v>
      </c>
      <c r="EW10" s="296">
        <v>0</v>
      </c>
      <c r="EX10" s="296">
        <v>0</v>
      </c>
      <c r="EY10" s="297">
        <v>0</v>
      </c>
      <c r="EZ10" s="299">
        <v>0</v>
      </c>
      <c r="FA10" s="295">
        <v>0</v>
      </c>
      <c r="FB10" s="296">
        <v>0</v>
      </c>
      <c r="FC10" s="300">
        <v>0</v>
      </c>
      <c r="FD10" s="301">
        <v>0</v>
      </c>
      <c r="FE10" s="296">
        <v>0</v>
      </c>
      <c r="FF10" s="296">
        <v>0</v>
      </c>
      <c r="FG10" s="296">
        <v>0</v>
      </c>
      <c r="FH10" s="296">
        <v>0</v>
      </c>
      <c r="FI10" s="296">
        <v>0</v>
      </c>
      <c r="FJ10" s="297">
        <v>0</v>
      </c>
      <c r="FK10" s="299">
        <v>0</v>
      </c>
      <c r="FL10" s="295">
        <v>2218540</v>
      </c>
      <c r="FM10" s="296">
        <v>5012888</v>
      </c>
      <c r="FN10" s="297">
        <v>7231428</v>
      </c>
      <c r="FO10" s="295">
        <v>0</v>
      </c>
      <c r="FP10" s="296">
        <v>4960308</v>
      </c>
      <c r="FQ10" s="296">
        <v>16913788</v>
      </c>
      <c r="FR10" s="296">
        <v>12107194</v>
      </c>
      <c r="FS10" s="296">
        <v>8859397</v>
      </c>
      <c r="FT10" s="296">
        <v>6356232</v>
      </c>
      <c r="FU10" s="297">
        <v>49196919</v>
      </c>
      <c r="FV10" s="299">
        <v>56428347</v>
      </c>
      <c r="FW10" s="302">
        <v>931728</v>
      </c>
      <c r="FX10" s="296">
        <v>3315524</v>
      </c>
      <c r="FY10" s="300">
        <v>4247252</v>
      </c>
      <c r="FZ10" s="301">
        <v>0</v>
      </c>
      <c r="GA10" s="296">
        <v>3335664</v>
      </c>
      <c r="GB10" s="296">
        <v>15606168</v>
      </c>
      <c r="GC10" s="296">
        <v>11062104</v>
      </c>
      <c r="GD10" s="296">
        <v>8281802</v>
      </c>
      <c r="GE10" s="296">
        <v>5948560</v>
      </c>
      <c r="GF10" s="297">
        <v>44234298</v>
      </c>
      <c r="GG10" s="303">
        <v>48481550</v>
      </c>
      <c r="GH10" s="302">
        <v>146252</v>
      </c>
      <c r="GI10" s="296">
        <v>307168</v>
      </c>
      <c r="GJ10" s="300">
        <v>453420</v>
      </c>
      <c r="GK10" s="301">
        <v>0</v>
      </c>
      <c r="GL10" s="296">
        <v>202884</v>
      </c>
      <c r="GM10" s="296">
        <v>472900</v>
      </c>
      <c r="GN10" s="296">
        <v>325176</v>
      </c>
      <c r="GO10" s="296">
        <v>307195</v>
      </c>
      <c r="GP10" s="296">
        <v>155672</v>
      </c>
      <c r="GQ10" s="297">
        <v>1463827</v>
      </c>
      <c r="GR10" s="299">
        <v>1917247</v>
      </c>
      <c r="GS10" s="295">
        <v>1140560</v>
      </c>
      <c r="GT10" s="296">
        <v>1390196</v>
      </c>
      <c r="GU10" s="297">
        <v>2530756</v>
      </c>
      <c r="GV10" s="295">
        <v>0</v>
      </c>
      <c r="GW10" s="296">
        <v>1421760</v>
      </c>
      <c r="GX10" s="296">
        <v>834720</v>
      </c>
      <c r="GY10" s="296">
        <v>719914</v>
      </c>
      <c r="GZ10" s="296">
        <v>270400</v>
      </c>
      <c r="HA10" s="296">
        <v>252000</v>
      </c>
      <c r="HB10" s="300">
        <v>3498794</v>
      </c>
      <c r="HC10" s="299">
        <v>6029550</v>
      </c>
      <c r="HD10" s="295">
        <v>4367269</v>
      </c>
      <c r="HE10" s="296">
        <v>6966247</v>
      </c>
      <c r="HF10" s="300">
        <v>11333516</v>
      </c>
      <c r="HG10" s="301">
        <v>0</v>
      </c>
      <c r="HH10" s="296">
        <v>34044955</v>
      </c>
      <c r="HI10" s="296">
        <v>51132762</v>
      </c>
      <c r="HJ10" s="296">
        <v>39800340</v>
      </c>
      <c r="HK10" s="296">
        <v>51091619</v>
      </c>
      <c r="HL10" s="296">
        <v>24375023</v>
      </c>
      <c r="HM10" s="297">
        <v>200444699</v>
      </c>
      <c r="HN10" s="298">
        <v>211778215</v>
      </c>
      <c r="HO10" s="302">
        <v>0</v>
      </c>
      <c r="HP10" s="296">
        <v>0</v>
      </c>
      <c r="HQ10" s="297">
        <v>0</v>
      </c>
      <c r="HR10" s="295">
        <v>0</v>
      </c>
      <c r="HS10" s="296">
        <v>0</v>
      </c>
      <c r="HT10" s="296">
        <v>0</v>
      </c>
      <c r="HU10" s="296">
        <v>0</v>
      </c>
      <c r="HV10" s="296">
        <v>0</v>
      </c>
      <c r="HW10" s="296">
        <v>0</v>
      </c>
      <c r="HX10" s="300">
        <v>0</v>
      </c>
      <c r="HY10" s="299">
        <v>0</v>
      </c>
      <c r="HZ10" s="304">
        <v>150394</v>
      </c>
      <c r="IA10" s="305">
        <v>817534</v>
      </c>
      <c r="IB10" s="306">
        <v>967928</v>
      </c>
      <c r="IC10" s="307">
        <v>0</v>
      </c>
      <c r="ID10" s="308">
        <v>32750645</v>
      </c>
      <c r="IE10" s="309">
        <v>48398299</v>
      </c>
      <c r="IF10" s="310">
        <v>44313580</v>
      </c>
      <c r="IG10" s="308">
        <v>33154143</v>
      </c>
      <c r="IH10" s="310">
        <v>23095348</v>
      </c>
      <c r="II10" s="311">
        <v>181712015</v>
      </c>
      <c r="IJ10" s="312">
        <v>182679943</v>
      </c>
      <c r="IK10" s="313">
        <v>0</v>
      </c>
      <c r="IL10" s="314">
        <v>0</v>
      </c>
      <c r="IM10" s="315">
        <v>0</v>
      </c>
      <c r="IN10" s="403">
        <v>0</v>
      </c>
      <c r="IO10" s="316">
        <v>868741</v>
      </c>
      <c r="IP10" s="316">
        <v>1166474</v>
      </c>
      <c r="IQ10" s="316">
        <v>1839235</v>
      </c>
      <c r="IR10" s="316">
        <v>4528502</v>
      </c>
      <c r="IS10" s="316">
        <v>1973964</v>
      </c>
      <c r="IT10" s="317">
        <v>10376916</v>
      </c>
      <c r="IU10" s="318">
        <v>10376916</v>
      </c>
      <c r="IV10" s="319">
        <v>0</v>
      </c>
      <c r="IW10" s="316">
        <v>0</v>
      </c>
      <c r="IX10" s="320">
        <v>0</v>
      </c>
      <c r="IY10" s="403">
        <v>0</v>
      </c>
      <c r="IZ10" s="316">
        <v>88252</v>
      </c>
      <c r="JA10" s="316">
        <v>485375</v>
      </c>
      <c r="JB10" s="316">
        <v>382773</v>
      </c>
      <c r="JC10" s="316">
        <v>963193</v>
      </c>
      <c r="JD10" s="316">
        <v>1087317</v>
      </c>
      <c r="JE10" s="320">
        <v>3006910</v>
      </c>
      <c r="JF10" s="321">
        <v>3006910</v>
      </c>
      <c r="JG10" s="319">
        <v>0</v>
      </c>
      <c r="JH10" s="316">
        <v>0</v>
      </c>
      <c r="JI10" s="317">
        <v>0</v>
      </c>
      <c r="JJ10" s="322">
        <v>0</v>
      </c>
      <c r="JK10" s="316">
        <v>14832310</v>
      </c>
      <c r="JL10" s="316">
        <v>20769759</v>
      </c>
      <c r="JM10" s="316">
        <v>14411922</v>
      </c>
      <c r="JN10" s="316">
        <v>6696631</v>
      </c>
      <c r="JO10" s="316">
        <v>4101672</v>
      </c>
      <c r="JP10" s="320">
        <v>60812294</v>
      </c>
      <c r="JQ10" s="318">
        <v>60812294</v>
      </c>
      <c r="JR10" s="319">
        <v>0</v>
      </c>
      <c r="JS10" s="316">
        <v>0</v>
      </c>
      <c r="JT10" s="317">
        <v>0</v>
      </c>
      <c r="JU10" s="322">
        <v>0</v>
      </c>
      <c r="JV10" s="316">
        <v>2300036</v>
      </c>
      <c r="JW10" s="316">
        <v>4168714</v>
      </c>
      <c r="JX10" s="316">
        <v>4458519</v>
      </c>
      <c r="JY10" s="316">
        <v>2177005</v>
      </c>
      <c r="JZ10" s="316">
        <v>938981</v>
      </c>
      <c r="KA10" s="320">
        <v>14043255</v>
      </c>
      <c r="KB10" s="318">
        <v>14043255</v>
      </c>
      <c r="KC10" s="323">
        <v>150394</v>
      </c>
      <c r="KD10" s="324">
        <v>331550</v>
      </c>
      <c r="KE10" s="320">
        <v>481944</v>
      </c>
      <c r="KF10" s="322">
        <v>0</v>
      </c>
      <c r="KG10" s="316">
        <v>3972518</v>
      </c>
      <c r="KH10" s="316">
        <v>6587628</v>
      </c>
      <c r="KI10" s="316">
        <v>8523690</v>
      </c>
      <c r="KJ10" s="316">
        <v>6125858</v>
      </c>
      <c r="KK10" s="316">
        <v>3737288</v>
      </c>
      <c r="KL10" s="320">
        <v>28946982</v>
      </c>
      <c r="KM10" s="325">
        <v>29428926</v>
      </c>
      <c r="KN10" s="313">
        <v>0</v>
      </c>
      <c r="KO10" s="314">
        <v>485984</v>
      </c>
      <c r="KP10" s="315">
        <v>485984</v>
      </c>
      <c r="KQ10" s="403">
        <v>0</v>
      </c>
      <c r="KR10" s="316">
        <v>10049913</v>
      </c>
      <c r="KS10" s="316">
        <v>13936458</v>
      </c>
      <c r="KT10" s="316">
        <v>11909582</v>
      </c>
      <c r="KU10" s="316">
        <v>8937934</v>
      </c>
      <c r="KV10" s="316">
        <v>6496716</v>
      </c>
      <c r="KW10" s="320">
        <v>51330603</v>
      </c>
      <c r="KX10" s="318">
        <v>51816587</v>
      </c>
      <c r="KY10" s="319">
        <v>0</v>
      </c>
      <c r="KZ10" s="316">
        <v>0</v>
      </c>
      <c r="LA10" s="320">
        <v>0</v>
      </c>
      <c r="LB10" s="403">
        <v>0</v>
      </c>
      <c r="LC10" s="316">
        <v>0</v>
      </c>
      <c r="LD10" s="316">
        <v>0</v>
      </c>
      <c r="LE10" s="316">
        <v>0</v>
      </c>
      <c r="LF10" s="316">
        <v>0</v>
      </c>
      <c r="LG10" s="316">
        <v>0</v>
      </c>
      <c r="LH10" s="320">
        <v>0</v>
      </c>
      <c r="LI10" s="321">
        <v>0</v>
      </c>
      <c r="LJ10" s="319">
        <v>0</v>
      </c>
      <c r="LK10" s="316">
        <v>0</v>
      </c>
      <c r="LL10" s="320">
        <v>0</v>
      </c>
      <c r="LM10" s="403">
        <v>0</v>
      </c>
      <c r="LN10" s="316">
        <v>237692</v>
      </c>
      <c r="LO10" s="316">
        <v>273874</v>
      </c>
      <c r="LP10" s="316">
        <v>393963</v>
      </c>
      <c r="LQ10" s="316">
        <v>1534500</v>
      </c>
      <c r="LR10" s="316">
        <v>640068</v>
      </c>
      <c r="LS10" s="320">
        <v>3080097</v>
      </c>
      <c r="LT10" s="318">
        <v>3080097</v>
      </c>
      <c r="LU10" s="319">
        <v>0</v>
      </c>
      <c r="LV10" s="316">
        <v>0</v>
      </c>
      <c r="LW10" s="320">
        <v>0</v>
      </c>
      <c r="LX10" s="403">
        <v>0</v>
      </c>
      <c r="LY10" s="316">
        <v>401183</v>
      </c>
      <c r="LZ10" s="316">
        <v>1010017</v>
      </c>
      <c r="MA10" s="316">
        <v>2393896</v>
      </c>
      <c r="MB10" s="316">
        <v>2190520</v>
      </c>
      <c r="MC10" s="316">
        <v>4119342</v>
      </c>
      <c r="MD10" s="320">
        <v>10114958</v>
      </c>
      <c r="ME10" s="321">
        <v>10114958</v>
      </c>
      <c r="MF10" s="319">
        <v>0</v>
      </c>
      <c r="MG10" s="316">
        <v>0</v>
      </c>
      <c r="MH10" s="320">
        <v>0</v>
      </c>
      <c r="MI10" s="403">
        <v>0</v>
      </c>
      <c r="MJ10" s="316">
        <v>13160229</v>
      </c>
      <c r="MK10" s="316">
        <v>36318102</v>
      </c>
      <c r="ML10" s="316">
        <v>96166512</v>
      </c>
      <c r="MM10" s="316">
        <v>136576629</v>
      </c>
      <c r="MN10" s="316">
        <v>72478883</v>
      </c>
      <c r="MO10" s="320">
        <v>354700355</v>
      </c>
      <c r="MP10" s="325">
        <v>354700355</v>
      </c>
      <c r="MQ10" s="319">
        <v>0</v>
      </c>
      <c r="MR10" s="316">
        <v>0</v>
      </c>
      <c r="MS10" s="320">
        <v>0</v>
      </c>
      <c r="MT10" s="403">
        <v>0</v>
      </c>
      <c r="MU10" s="316">
        <v>2496078</v>
      </c>
      <c r="MV10" s="316">
        <v>13532988</v>
      </c>
      <c r="MW10" s="316">
        <v>56560468</v>
      </c>
      <c r="MX10" s="316">
        <v>84877039</v>
      </c>
      <c r="MY10" s="316">
        <v>44119072</v>
      </c>
      <c r="MZ10" s="320">
        <v>201585645</v>
      </c>
      <c r="NA10" s="325">
        <v>201585645</v>
      </c>
      <c r="NB10" s="319">
        <v>0</v>
      </c>
      <c r="NC10" s="316">
        <v>0</v>
      </c>
      <c r="ND10" s="320">
        <v>0</v>
      </c>
      <c r="NE10" s="403">
        <v>0</v>
      </c>
      <c r="NF10" s="316">
        <v>10664151</v>
      </c>
      <c r="NG10" s="316">
        <v>22785114</v>
      </c>
      <c r="NH10" s="316">
        <v>39606044</v>
      </c>
      <c r="NI10" s="316">
        <v>49655352</v>
      </c>
      <c r="NJ10" s="316">
        <v>26821245</v>
      </c>
      <c r="NK10" s="320">
        <v>149531906</v>
      </c>
      <c r="NL10" s="318">
        <v>149531906</v>
      </c>
      <c r="NM10" s="319">
        <v>0</v>
      </c>
      <c r="NN10" s="316">
        <v>0</v>
      </c>
      <c r="NO10" s="320">
        <v>0</v>
      </c>
      <c r="NP10" s="403">
        <v>0</v>
      </c>
      <c r="NQ10" s="316">
        <v>0</v>
      </c>
      <c r="NR10" s="316">
        <v>0</v>
      </c>
      <c r="NS10" s="316">
        <v>0</v>
      </c>
      <c r="NT10" s="316">
        <v>0</v>
      </c>
      <c r="NU10" s="316">
        <v>0</v>
      </c>
      <c r="NV10" s="320">
        <v>0</v>
      </c>
      <c r="NW10" s="321">
        <v>0</v>
      </c>
      <c r="NX10" s="319">
        <v>0</v>
      </c>
      <c r="NY10" s="316">
        <v>0</v>
      </c>
      <c r="NZ10" s="320">
        <v>0</v>
      </c>
      <c r="OA10" s="403">
        <v>0</v>
      </c>
      <c r="OB10" s="316">
        <v>0</v>
      </c>
      <c r="OC10" s="316">
        <v>0</v>
      </c>
      <c r="OD10" s="316">
        <v>0</v>
      </c>
      <c r="OE10" s="316">
        <v>2044238</v>
      </c>
      <c r="OF10" s="316">
        <v>1538566</v>
      </c>
      <c r="OG10" s="320">
        <v>3582804</v>
      </c>
      <c r="OH10" s="321">
        <v>3582804</v>
      </c>
      <c r="OI10" s="319">
        <v>12073034</v>
      </c>
      <c r="OJ10" s="316">
        <v>28163282</v>
      </c>
      <c r="OK10" s="317">
        <v>40236316</v>
      </c>
      <c r="OL10" s="322">
        <v>0</v>
      </c>
      <c r="OM10" s="316">
        <v>161089672</v>
      </c>
      <c r="ON10" s="316">
        <v>287314587</v>
      </c>
      <c r="OO10" s="316">
        <v>298381145</v>
      </c>
      <c r="OP10" s="316">
        <v>315742288</v>
      </c>
      <c r="OQ10" s="316">
        <v>184952622</v>
      </c>
      <c r="OR10" s="320">
        <v>1247480314</v>
      </c>
      <c r="OS10" s="325">
        <v>1287716630</v>
      </c>
    </row>
    <row r="11" spans="1:409" s="70" customFormat="1" ht="21" customHeight="1" x14ac:dyDescent="0.2">
      <c r="B11" s="410" t="s">
        <v>6</v>
      </c>
      <c r="C11" s="326">
        <v>3525534</v>
      </c>
      <c r="D11" s="327">
        <v>4584475</v>
      </c>
      <c r="E11" s="328">
        <v>8110009</v>
      </c>
      <c r="F11" s="329">
        <v>0</v>
      </c>
      <c r="G11" s="327">
        <v>47099989</v>
      </c>
      <c r="H11" s="327">
        <v>55412158</v>
      </c>
      <c r="I11" s="327">
        <v>39965260</v>
      </c>
      <c r="J11" s="327">
        <v>42164656</v>
      </c>
      <c r="K11" s="327">
        <v>27155030</v>
      </c>
      <c r="L11" s="329">
        <v>211797093</v>
      </c>
      <c r="M11" s="330">
        <v>219907102</v>
      </c>
      <c r="N11" s="326">
        <v>1230152</v>
      </c>
      <c r="O11" s="327">
        <v>1798802</v>
      </c>
      <c r="P11" s="328">
        <v>3028954</v>
      </c>
      <c r="Q11" s="326">
        <v>0</v>
      </c>
      <c r="R11" s="327">
        <v>15590420</v>
      </c>
      <c r="S11" s="327">
        <v>18331370</v>
      </c>
      <c r="T11" s="327">
        <v>13041891</v>
      </c>
      <c r="U11" s="327">
        <v>13566577</v>
      </c>
      <c r="V11" s="327">
        <v>14078843</v>
      </c>
      <c r="W11" s="328">
        <v>74609101</v>
      </c>
      <c r="X11" s="330">
        <v>77638055</v>
      </c>
      <c r="Y11" s="326">
        <v>0</v>
      </c>
      <c r="Z11" s="327">
        <v>0</v>
      </c>
      <c r="AA11" s="328">
        <v>0</v>
      </c>
      <c r="AB11" s="326">
        <v>0</v>
      </c>
      <c r="AC11" s="327">
        <v>6219059</v>
      </c>
      <c r="AD11" s="327">
        <v>7043044</v>
      </c>
      <c r="AE11" s="327">
        <v>5828670</v>
      </c>
      <c r="AF11" s="327">
        <v>6432909</v>
      </c>
      <c r="AG11" s="327">
        <v>7773045</v>
      </c>
      <c r="AH11" s="328">
        <v>33296727</v>
      </c>
      <c r="AI11" s="330">
        <v>33296727</v>
      </c>
      <c r="AJ11" s="326">
        <v>0</v>
      </c>
      <c r="AK11" s="327">
        <v>0</v>
      </c>
      <c r="AL11" s="328">
        <v>0</v>
      </c>
      <c r="AM11" s="326">
        <v>0</v>
      </c>
      <c r="AN11" s="327">
        <v>25477</v>
      </c>
      <c r="AO11" s="327">
        <v>179704</v>
      </c>
      <c r="AP11" s="327">
        <v>215955</v>
      </c>
      <c r="AQ11" s="327">
        <v>541776</v>
      </c>
      <c r="AR11" s="327">
        <v>1654449</v>
      </c>
      <c r="AS11" s="328">
        <v>2617361</v>
      </c>
      <c r="AT11" s="330">
        <v>2617361</v>
      </c>
      <c r="AU11" s="326">
        <v>541916</v>
      </c>
      <c r="AV11" s="327">
        <v>1276338</v>
      </c>
      <c r="AW11" s="328">
        <v>1818254</v>
      </c>
      <c r="AX11" s="326">
        <v>0</v>
      </c>
      <c r="AY11" s="327">
        <v>5536571</v>
      </c>
      <c r="AZ11" s="327">
        <v>7152197</v>
      </c>
      <c r="BA11" s="327">
        <v>3928829</v>
      </c>
      <c r="BB11" s="327">
        <v>3763955</v>
      </c>
      <c r="BC11" s="327">
        <v>2766166</v>
      </c>
      <c r="BD11" s="328">
        <v>23147718</v>
      </c>
      <c r="BE11" s="330">
        <v>24965972</v>
      </c>
      <c r="BF11" s="326">
        <v>96132</v>
      </c>
      <c r="BG11" s="327">
        <v>65784</v>
      </c>
      <c r="BH11" s="331">
        <v>161916</v>
      </c>
      <c r="BI11" s="332">
        <v>0</v>
      </c>
      <c r="BJ11" s="327">
        <v>753841</v>
      </c>
      <c r="BK11" s="327">
        <v>779497</v>
      </c>
      <c r="BL11" s="327">
        <v>514101</v>
      </c>
      <c r="BM11" s="327">
        <v>186825</v>
      </c>
      <c r="BN11" s="327">
        <v>185983</v>
      </c>
      <c r="BO11" s="328">
        <v>2420247</v>
      </c>
      <c r="BP11" s="330">
        <v>2582163</v>
      </c>
      <c r="BQ11" s="326">
        <v>592104</v>
      </c>
      <c r="BR11" s="327">
        <v>456680</v>
      </c>
      <c r="BS11" s="328">
        <v>1048784</v>
      </c>
      <c r="BT11" s="326">
        <v>0</v>
      </c>
      <c r="BU11" s="327">
        <v>3055472</v>
      </c>
      <c r="BV11" s="327">
        <v>3176928</v>
      </c>
      <c r="BW11" s="327">
        <v>2554336</v>
      </c>
      <c r="BX11" s="327">
        <v>2641112</v>
      </c>
      <c r="BY11" s="327">
        <v>1699200</v>
      </c>
      <c r="BZ11" s="328">
        <v>13127048</v>
      </c>
      <c r="CA11" s="330">
        <v>14175832</v>
      </c>
      <c r="CB11" s="326">
        <v>238724</v>
      </c>
      <c r="CC11" s="327">
        <v>399733</v>
      </c>
      <c r="CD11" s="328">
        <v>638457</v>
      </c>
      <c r="CE11" s="326">
        <v>0</v>
      </c>
      <c r="CF11" s="327">
        <v>12637134</v>
      </c>
      <c r="CG11" s="327">
        <v>16444942</v>
      </c>
      <c r="CH11" s="327">
        <v>9908533</v>
      </c>
      <c r="CI11" s="327">
        <v>6703740</v>
      </c>
      <c r="CJ11" s="327">
        <v>2565361</v>
      </c>
      <c r="CK11" s="328">
        <v>48259710</v>
      </c>
      <c r="CL11" s="330">
        <v>48898167</v>
      </c>
      <c r="CM11" s="326">
        <v>0</v>
      </c>
      <c r="CN11" s="327">
        <v>0</v>
      </c>
      <c r="CO11" s="328">
        <v>0</v>
      </c>
      <c r="CP11" s="332">
        <v>0</v>
      </c>
      <c r="CQ11" s="327">
        <v>10161709</v>
      </c>
      <c r="CR11" s="327">
        <v>12853392</v>
      </c>
      <c r="CS11" s="327">
        <v>7439649</v>
      </c>
      <c r="CT11" s="327">
        <v>4822798</v>
      </c>
      <c r="CU11" s="327">
        <v>1781537</v>
      </c>
      <c r="CV11" s="328">
        <v>37059085</v>
      </c>
      <c r="CW11" s="330">
        <v>37059085</v>
      </c>
      <c r="CX11" s="326">
        <v>238724</v>
      </c>
      <c r="CY11" s="327">
        <v>399733</v>
      </c>
      <c r="CZ11" s="328">
        <v>638457</v>
      </c>
      <c r="DA11" s="326">
        <v>0</v>
      </c>
      <c r="DB11" s="327">
        <v>2475425</v>
      </c>
      <c r="DC11" s="327">
        <v>3591550</v>
      </c>
      <c r="DD11" s="327">
        <v>2468884</v>
      </c>
      <c r="DE11" s="327">
        <v>1880942</v>
      </c>
      <c r="DF11" s="327">
        <v>783824</v>
      </c>
      <c r="DG11" s="328">
        <v>11200625</v>
      </c>
      <c r="DH11" s="330">
        <v>11839082</v>
      </c>
      <c r="DI11" s="326">
        <v>34388</v>
      </c>
      <c r="DJ11" s="327">
        <v>44460</v>
      </c>
      <c r="DK11" s="331">
        <v>78848</v>
      </c>
      <c r="DL11" s="332">
        <v>0</v>
      </c>
      <c r="DM11" s="327">
        <v>726437</v>
      </c>
      <c r="DN11" s="327">
        <v>2121847</v>
      </c>
      <c r="DO11" s="327">
        <v>1933054</v>
      </c>
      <c r="DP11" s="327">
        <v>2881282</v>
      </c>
      <c r="DQ11" s="327">
        <v>1642864</v>
      </c>
      <c r="DR11" s="328">
        <v>9305484</v>
      </c>
      <c r="DS11" s="330">
        <v>9384332</v>
      </c>
      <c r="DT11" s="326">
        <v>34388</v>
      </c>
      <c r="DU11" s="327">
        <v>44460</v>
      </c>
      <c r="DV11" s="328">
        <v>78848</v>
      </c>
      <c r="DW11" s="326">
        <v>0</v>
      </c>
      <c r="DX11" s="327">
        <v>651615</v>
      </c>
      <c r="DY11" s="327">
        <v>1713899</v>
      </c>
      <c r="DZ11" s="327">
        <v>1604797</v>
      </c>
      <c r="EA11" s="327">
        <v>2318831</v>
      </c>
      <c r="EB11" s="327">
        <v>1338118</v>
      </c>
      <c r="EC11" s="328">
        <v>7627260</v>
      </c>
      <c r="ED11" s="330">
        <v>7706108</v>
      </c>
      <c r="EE11" s="326">
        <v>0</v>
      </c>
      <c r="EF11" s="331">
        <v>0</v>
      </c>
      <c r="EG11" s="328">
        <v>0</v>
      </c>
      <c r="EH11" s="326">
        <v>0</v>
      </c>
      <c r="EI11" s="327">
        <v>74822</v>
      </c>
      <c r="EJ11" s="327">
        <v>407948</v>
      </c>
      <c r="EK11" s="327">
        <v>328257</v>
      </c>
      <c r="EL11" s="327">
        <v>562451</v>
      </c>
      <c r="EM11" s="327">
        <v>304746</v>
      </c>
      <c r="EN11" s="331">
        <v>1678224</v>
      </c>
      <c r="EO11" s="330">
        <v>1678224</v>
      </c>
      <c r="EP11" s="326">
        <v>0</v>
      </c>
      <c r="EQ11" s="327">
        <v>0</v>
      </c>
      <c r="ER11" s="331">
        <v>0</v>
      </c>
      <c r="ES11" s="332">
        <v>0</v>
      </c>
      <c r="ET11" s="327">
        <v>0</v>
      </c>
      <c r="EU11" s="327">
        <v>0</v>
      </c>
      <c r="EV11" s="327">
        <v>0</v>
      </c>
      <c r="EW11" s="327">
        <v>0</v>
      </c>
      <c r="EX11" s="327">
        <v>0</v>
      </c>
      <c r="EY11" s="328">
        <v>0</v>
      </c>
      <c r="EZ11" s="330">
        <v>0</v>
      </c>
      <c r="FA11" s="326">
        <v>0</v>
      </c>
      <c r="FB11" s="327">
        <v>0</v>
      </c>
      <c r="FC11" s="331">
        <v>0</v>
      </c>
      <c r="FD11" s="332">
        <v>0</v>
      </c>
      <c r="FE11" s="327">
        <v>0</v>
      </c>
      <c r="FF11" s="327">
        <v>0</v>
      </c>
      <c r="FG11" s="327">
        <v>0</v>
      </c>
      <c r="FH11" s="327">
        <v>0</v>
      </c>
      <c r="FI11" s="327">
        <v>0</v>
      </c>
      <c r="FJ11" s="328">
        <v>0</v>
      </c>
      <c r="FK11" s="330">
        <v>0</v>
      </c>
      <c r="FL11" s="326">
        <v>533968</v>
      </c>
      <c r="FM11" s="327">
        <v>815392</v>
      </c>
      <c r="FN11" s="328">
        <v>1349360</v>
      </c>
      <c r="FO11" s="326">
        <v>0</v>
      </c>
      <c r="FP11" s="327">
        <v>1903352</v>
      </c>
      <c r="FQ11" s="327">
        <v>5197252</v>
      </c>
      <c r="FR11" s="327">
        <v>3254654</v>
      </c>
      <c r="FS11" s="327">
        <v>2955264</v>
      </c>
      <c r="FT11" s="327">
        <v>2144544</v>
      </c>
      <c r="FU11" s="328">
        <v>15455066</v>
      </c>
      <c r="FV11" s="330">
        <v>16804426</v>
      </c>
      <c r="FW11" s="333">
        <v>396816</v>
      </c>
      <c r="FX11" s="327">
        <v>740344</v>
      </c>
      <c r="FY11" s="331">
        <v>1137160</v>
      </c>
      <c r="FZ11" s="332">
        <v>0</v>
      </c>
      <c r="GA11" s="327">
        <v>1618280</v>
      </c>
      <c r="GB11" s="327">
        <v>4534712</v>
      </c>
      <c r="GC11" s="327">
        <v>2975750</v>
      </c>
      <c r="GD11" s="327">
        <v>2711840</v>
      </c>
      <c r="GE11" s="327">
        <v>2066544</v>
      </c>
      <c r="GF11" s="328">
        <v>13907126</v>
      </c>
      <c r="GG11" s="334">
        <v>15044286</v>
      </c>
      <c r="GH11" s="333">
        <v>101952</v>
      </c>
      <c r="GI11" s="327">
        <v>51048</v>
      </c>
      <c r="GJ11" s="331">
        <v>153000</v>
      </c>
      <c r="GK11" s="332">
        <v>0</v>
      </c>
      <c r="GL11" s="327">
        <v>156272</v>
      </c>
      <c r="GM11" s="327">
        <v>98860</v>
      </c>
      <c r="GN11" s="327">
        <v>22176</v>
      </c>
      <c r="GO11" s="327">
        <v>21824</v>
      </c>
      <c r="GP11" s="327">
        <v>78000</v>
      </c>
      <c r="GQ11" s="328">
        <v>377132</v>
      </c>
      <c r="GR11" s="330">
        <v>530132</v>
      </c>
      <c r="GS11" s="326">
        <v>35200</v>
      </c>
      <c r="GT11" s="327">
        <v>24000</v>
      </c>
      <c r="GU11" s="328">
        <v>59200</v>
      </c>
      <c r="GV11" s="326">
        <v>0</v>
      </c>
      <c r="GW11" s="327">
        <v>128800</v>
      </c>
      <c r="GX11" s="327">
        <v>563680</v>
      </c>
      <c r="GY11" s="327">
        <v>256728</v>
      </c>
      <c r="GZ11" s="327">
        <v>221600</v>
      </c>
      <c r="HA11" s="327">
        <v>0</v>
      </c>
      <c r="HB11" s="331">
        <v>1170808</v>
      </c>
      <c r="HC11" s="330">
        <v>1230008</v>
      </c>
      <c r="HD11" s="326">
        <v>1488302</v>
      </c>
      <c r="HE11" s="327">
        <v>1526088</v>
      </c>
      <c r="HF11" s="331">
        <v>3014390</v>
      </c>
      <c r="HG11" s="332">
        <v>0</v>
      </c>
      <c r="HH11" s="327">
        <v>16242646</v>
      </c>
      <c r="HI11" s="327">
        <v>13316747</v>
      </c>
      <c r="HJ11" s="327">
        <v>11827128</v>
      </c>
      <c r="HK11" s="327">
        <v>16057793</v>
      </c>
      <c r="HL11" s="327">
        <v>6723418</v>
      </c>
      <c r="HM11" s="328">
        <v>64167732</v>
      </c>
      <c r="HN11" s="329">
        <v>67182122</v>
      </c>
      <c r="HO11" s="333">
        <v>0</v>
      </c>
      <c r="HP11" s="327">
        <v>0</v>
      </c>
      <c r="HQ11" s="328">
        <v>0</v>
      </c>
      <c r="HR11" s="326">
        <v>0</v>
      </c>
      <c r="HS11" s="327">
        <v>0</v>
      </c>
      <c r="HT11" s="327">
        <v>0</v>
      </c>
      <c r="HU11" s="327">
        <v>0</v>
      </c>
      <c r="HV11" s="327">
        <v>0</v>
      </c>
      <c r="HW11" s="327">
        <v>0</v>
      </c>
      <c r="HX11" s="331">
        <v>0</v>
      </c>
      <c r="HY11" s="330">
        <v>0</v>
      </c>
      <c r="HZ11" s="335">
        <v>140352</v>
      </c>
      <c r="IA11" s="336">
        <v>241544</v>
      </c>
      <c r="IB11" s="337">
        <v>381896</v>
      </c>
      <c r="IC11" s="338">
        <v>0</v>
      </c>
      <c r="ID11" s="336">
        <v>14373471</v>
      </c>
      <c r="IE11" s="339">
        <v>15823587</v>
      </c>
      <c r="IF11" s="337">
        <v>14019266</v>
      </c>
      <c r="IG11" s="336">
        <v>16198319</v>
      </c>
      <c r="IH11" s="337">
        <v>8657364</v>
      </c>
      <c r="II11" s="340">
        <v>69072007</v>
      </c>
      <c r="IJ11" s="341">
        <v>69453903</v>
      </c>
      <c r="IK11" s="342">
        <v>0</v>
      </c>
      <c r="IL11" s="343">
        <v>0</v>
      </c>
      <c r="IM11" s="344">
        <v>0</v>
      </c>
      <c r="IN11" s="404">
        <v>0</v>
      </c>
      <c r="IO11" s="345">
        <v>314595</v>
      </c>
      <c r="IP11" s="345">
        <v>502968</v>
      </c>
      <c r="IQ11" s="345">
        <v>419412</v>
      </c>
      <c r="IR11" s="345">
        <v>953364</v>
      </c>
      <c r="IS11" s="345">
        <v>698005</v>
      </c>
      <c r="IT11" s="346">
        <v>2888344</v>
      </c>
      <c r="IU11" s="347">
        <v>2888344</v>
      </c>
      <c r="IV11" s="348">
        <v>0</v>
      </c>
      <c r="IW11" s="345">
        <v>0</v>
      </c>
      <c r="IX11" s="349">
        <v>0</v>
      </c>
      <c r="IY11" s="404">
        <v>0</v>
      </c>
      <c r="IZ11" s="345">
        <v>70541</v>
      </c>
      <c r="JA11" s="345">
        <v>87646</v>
      </c>
      <c r="JB11" s="345">
        <v>312607</v>
      </c>
      <c r="JC11" s="345">
        <v>31045</v>
      </c>
      <c r="JD11" s="345">
        <v>119993</v>
      </c>
      <c r="JE11" s="349">
        <v>621832</v>
      </c>
      <c r="JF11" s="350">
        <v>621832</v>
      </c>
      <c r="JG11" s="348">
        <v>0</v>
      </c>
      <c r="JH11" s="345">
        <v>0</v>
      </c>
      <c r="JI11" s="346">
        <v>0</v>
      </c>
      <c r="JJ11" s="351">
        <v>0</v>
      </c>
      <c r="JK11" s="345">
        <v>4231435</v>
      </c>
      <c r="JL11" s="345">
        <v>4710478</v>
      </c>
      <c r="JM11" s="345">
        <v>2594485</v>
      </c>
      <c r="JN11" s="345">
        <v>1601753</v>
      </c>
      <c r="JO11" s="345">
        <v>1949640</v>
      </c>
      <c r="JP11" s="349">
        <v>15087791</v>
      </c>
      <c r="JQ11" s="347">
        <v>15087791</v>
      </c>
      <c r="JR11" s="348">
        <v>0</v>
      </c>
      <c r="JS11" s="345">
        <v>0</v>
      </c>
      <c r="JT11" s="346">
        <v>0</v>
      </c>
      <c r="JU11" s="351">
        <v>0</v>
      </c>
      <c r="JV11" s="345">
        <v>966179</v>
      </c>
      <c r="JW11" s="345">
        <v>1790680</v>
      </c>
      <c r="JX11" s="345">
        <v>2064946</v>
      </c>
      <c r="JY11" s="345">
        <v>1024723</v>
      </c>
      <c r="JZ11" s="345">
        <v>926405</v>
      </c>
      <c r="KA11" s="349">
        <v>6772933</v>
      </c>
      <c r="KB11" s="347">
        <v>6772933</v>
      </c>
      <c r="KC11" s="352">
        <v>140352</v>
      </c>
      <c r="KD11" s="353">
        <v>241544</v>
      </c>
      <c r="KE11" s="349">
        <v>381896</v>
      </c>
      <c r="KF11" s="351">
        <v>0</v>
      </c>
      <c r="KG11" s="345">
        <v>1638894</v>
      </c>
      <c r="KH11" s="345">
        <v>1490039</v>
      </c>
      <c r="KI11" s="345">
        <v>967708</v>
      </c>
      <c r="KJ11" s="345">
        <v>1449411</v>
      </c>
      <c r="KK11" s="345">
        <v>970214</v>
      </c>
      <c r="KL11" s="349">
        <v>6516266</v>
      </c>
      <c r="KM11" s="354">
        <v>6898162</v>
      </c>
      <c r="KN11" s="342">
        <v>0</v>
      </c>
      <c r="KO11" s="343">
        <v>0</v>
      </c>
      <c r="KP11" s="344">
        <v>0</v>
      </c>
      <c r="KQ11" s="404">
        <v>0</v>
      </c>
      <c r="KR11" s="345">
        <v>5908450</v>
      </c>
      <c r="KS11" s="345">
        <v>6632742</v>
      </c>
      <c r="KT11" s="345">
        <v>5089331</v>
      </c>
      <c r="KU11" s="345">
        <v>6657136</v>
      </c>
      <c r="KV11" s="345">
        <v>1427290</v>
      </c>
      <c r="KW11" s="349">
        <v>25714949</v>
      </c>
      <c r="KX11" s="347">
        <v>25714949</v>
      </c>
      <c r="KY11" s="348">
        <v>0</v>
      </c>
      <c r="KZ11" s="345">
        <v>0</v>
      </c>
      <c r="LA11" s="349">
        <v>0</v>
      </c>
      <c r="LB11" s="404">
        <v>0</v>
      </c>
      <c r="LC11" s="345">
        <v>0</v>
      </c>
      <c r="LD11" s="345">
        <v>0</v>
      </c>
      <c r="LE11" s="345">
        <v>0</v>
      </c>
      <c r="LF11" s="345">
        <v>0</v>
      </c>
      <c r="LG11" s="345">
        <v>0</v>
      </c>
      <c r="LH11" s="349">
        <v>0</v>
      </c>
      <c r="LI11" s="350">
        <v>0</v>
      </c>
      <c r="LJ11" s="348">
        <v>0</v>
      </c>
      <c r="LK11" s="345">
        <v>0</v>
      </c>
      <c r="LL11" s="349">
        <v>0</v>
      </c>
      <c r="LM11" s="404">
        <v>0</v>
      </c>
      <c r="LN11" s="345">
        <v>0</v>
      </c>
      <c r="LO11" s="345">
        <v>0</v>
      </c>
      <c r="LP11" s="345">
        <v>839803</v>
      </c>
      <c r="LQ11" s="345">
        <v>2434094</v>
      </c>
      <c r="LR11" s="345">
        <v>999701</v>
      </c>
      <c r="LS11" s="349">
        <v>4273598</v>
      </c>
      <c r="LT11" s="347">
        <v>4273598</v>
      </c>
      <c r="LU11" s="348">
        <v>0</v>
      </c>
      <c r="LV11" s="345">
        <v>0</v>
      </c>
      <c r="LW11" s="349">
        <v>0</v>
      </c>
      <c r="LX11" s="404">
        <v>0</v>
      </c>
      <c r="LY11" s="345">
        <v>1243377</v>
      </c>
      <c r="LZ11" s="345">
        <v>609034</v>
      </c>
      <c r="MA11" s="345">
        <v>1730974</v>
      </c>
      <c r="MB11" s="345">
        <v>2046793</v>
      </c>
      <c r="MC11" s="345">
        <v>1566116</v>
      </c>
      <c r="MD11" s="349">
        <v>7196294</v>
      </c>
      <c r="ME11" s="350">
        <v>7196294</v>
      </c>
      <c r="MF11" s="348">
        <v>0</v>
      </c>
      <c r="MG11" s="345">
        <v>0</v>
      </c>
      <c r="MH11" s="349">
        <v>0</v>
      </c>
      <c r="MI11" s="404">
        <v>0</v>
      </c>
      <c r="MJ11" s="345">
        <v>2078655</v>
      </c>
      <c r="MK11" s="345">
        <v>5512739</v>
      </c>
      <c r="ML11" s="345">
        <v>22067720</v>
      </c>
      <c r="MM11" s="345">
        <v>29065212</v>
      </c>
      <c r="MN11" s="345">
        <v>19292347</v>
      </c>
      <c r="MO11" s="349">
        <v>78016673</v>
      </c>
      <c r="MP11" s="354">
        <v>78016673</v>
      </c>
      <c r="MQ11" s="348">
        <v>0</v>
      </c>
      <c r="MR11" s="345">
        <v>0</v>
      </c>
      <c r="MS11" s="349">
        <v>0</v>
      </c>
      <c r="MT11" s="404">
        <v>0</v>
      </c>
      <c r="MU11" s="345">
        <v>430266</v>
      </c>
      <c r="MV11" s="345">
        <v>1615164</v>
      </c>
      <c r="MW11" s="345">
        <v>12589307</v>
      </c>
      <c r="MX11" s="345">
        <v>19511629</v>
      </c>
      <c r="MY11" s="345">
        <v>12235166</v>
      </c>
      <c r="MZ11" s="349">
        <v>46381532</v>
      </c>
      <c r="NA11" s="354">
        <v>46381532</v>
      </c>
      <c r="NB11" s="348">
        <v>0</v>
      </c>
      <c r="NC11" s="345">
        <v>0</v>
      </c>
      <c r="ND11" s="349">
        <v>0</v>
      </c>
      <c r="NE11" s="404">
        <v>0</v>
      </c>
      <c r="NF11" s="345">
        <v>1648389</v>
      </c>
      <c r="NG11" s="345">
        <v>3897575</v>
      </c>
      <c r="NH11" s="345">
        <v>9478413</v>
      </c>
      <c r="NI11" s="345">
        <v>9553583</v>
      </c>
      <c r="NJ11" s="345">
        <v>7057181</v>
      </c>
      <c r="NK11" s="349">
        <v>31635141</v>
      </c>
      <c r="NL11" s="347">
        <v>31635141</v>
      </c>
      <c r="NM11" s="348">
        <v>0</v>
      </c>
      <c r="NN11" s="345">
        <v>0</v>
      </c>
      <c r="NO11" s="349">
        <v>0</v>
      </c>
      <c r="NP11" s="404">
        <v>0</v>
      </c>
      <c r="NQ11" s="345">
        <v>0</v>
      </c>
      <c r="NR11" s="345">
        <v>0</v>
      </c>
      <c r="NS11" s="345">
        <v>0</v>
      </c>
      <c r="NT11" s="345">
        <v>0</v>
      </c>
      <c r="NU11" s="345">
        <v>0</v>
      </c>
      <c r="NV11" s="349">
        <v>0</v>
      </c>
      <c r="NW11" s="350">
        <v>0</v>
      </c>
      <c r="NX11" s="348">
        <v>0</v>
      </c>
      <c r="NY11" s="345">
        <v>0</v>
      </c>
      <c r="NZ11" s="349">
        <v>0</v>
      </c>
      <c r="OA11" s="404">
        <v>0</v>
      </c>
      <c r="OB11" s="345">
        <v>0</v>
      </c>
      <c r="OC11" s="345">
        <v>0</v>
      </c>
      <c r="OD11" s="345">
        <v>0</v>
      </c>
      <c r="OE11" s="345">
        <v>0</v>
      </c>
      <c r="OF11" s="345">
        <v>0</v>
      </c>
      <c r="OG11" s="349">
        <v>0</v>
      </c>
      <c r="OH11" s="350">
        <v>0</v>
      </c>
      <c r="OI11" s="348">
        <v>3665886</v>
      </c>
      <c r="OJ11" s="345">
        <v>4826019</v>
      </c>
      <c r="OK11" s="346">
        <v>8491905</v>
      </c>
      <c r="OL11" s="351">
        <v>0</v>
      </c>
      <c r="OM11" s="345">
        <v>63552115</v>
      </c>
      <c r="ON11" s="345">
        <v>76748484</v>
      </c>
      <c r="OO11" s="345">
        <v>76052246</v>
      </c>
      <c r="OP11" s="345">
        <v>87428187</v>
      </c>
      <c r="OQ11" s="345">
        <v>55104741</v>
      </c>
      <c r="OR11" s="349">
        <v>358885773</v>
      </c>
      <c r="OS11" s="354">
        <v>367377678</v>
      </c>
    </row>
    <row r="12" spans="1:409" s="70" customFormat="1" ht="21" customHeight="1" x14ac:dyDescent="0.2">
      <c r="B12" s="410" t="s">
        <v>14</v>
      </c>
      <c r="C12" s="326">
        <v>1965302</v>
      </c>
      <c r="D12" s="327">
        <v>3581826</v>
      </c>
      <c r="E12" s="328">
        <v>5547128</v>
      </c>
      <c r="F12" s="329">
        <v>0</v>
      </c>
      <c r="G12" s="327">
        <v>17020777</v>
      </c>
      <c r="H12" s="327">
        <v>29074586</v>
      </c>
      <c r="I12" s="327">
        <v>29758440</v>
      </c>
      <c r="J12" s="327">
        <v>21585427</v>
      </c>
      <c r="K12" s="327">
        <v>14831276</v>
      </c>
      <c r="L12" s="331">
        <v>112270506</v>
      </c>
      <c r="M12" s="330">
        <v>117817634</v>
      </c>
      <c r="N12" s="326">
        <v>604223</v>
      </c>
      <c r="O12" s="327">
        <v>975577</v>
      </c>
      <c r="P12" s="328">
        <v>1579800</v>
      </c>
      <c r="Q12" s="326">
        <v>0</v>
      </c>
      <c r="R12" s="327">
        <v>4371901</v>
      </c>
      <c r="S12" s="327">
        <v>10122001</v>
      </c>
      <c r="T12" s="327">
        <v>9338263</v>
      </c>
      <c r="U12" s="327">
        <v>8439539</v>
      </c>
      <c r="V12" s="327">
        <v>7929315</v>
      </c>
      <c r="W12" s="328">
        <v>40201019</v>
      </c>
      <c r="X12" s="330">
        <v>41780819</v>
      </c>
      <c r="Y12" s="326">
        <v>0</v>
      </c>
      <c r="Z12" s="327">
        <v>0</v>
      </c>
      <c r="AA12" s="328">
        <v>0</v>
      </c>
      <c r="AB12" s="326">
        <v>0</v>
      </c>
      <c r="AC12" s="327">
        <v>1837960</v>
      </c>
      <c r="AD12" s="327">
        <v>4985176</v>
      </c>
      <c r="AE12" s="327">
        <v>4582106</v>
      </c>
      <c r="AF12" s="327">
        <v>4621830</v>
      </c>
      <c r="AG12" s="327">
        <v>5058726</v>
      </c>
      <c r="AH12" s="328">
        <v>21085798</v>
      </c>
      <c r="AI12" s="330">
        <v>21085798</v>
      </c>
      <c r="AJ12" s="326">
        <v>0</v>
      </c>
      <c r="AK12" s="327">
        <v>0</v>
      </c>
      <c r="AL12" s="328">
        <v>0</v>
      </c>
      <c r="AM12" s="326">
        <v>0</v>
      </c>
      <c r="AN12" s="327">
        <v>0</v>
      </c>
      <c r="AO12" s="327">
        <v>105499</v>
      </c>
      <c r="AP12" s="327">
        <v>232572</v>
      </c>
      <c r="AQ12" s="327">
        <v>312276</v>
      </c>
      <c r="AR12" s="327">
        <v>495445</v>
      </c>
      <c r="AS12" s="328">
        <v>1145792</v>
      </c>
      <c r="AT12" s="330">
        <v>1145792</v>
      </c>
      <c r="AU12" s="326">
        <v>255651</v>
      </c>
      <c r="AV12" s="327">
        <v>646211</v>
      </c>
      <c r="AW12" s="328">
        <v>901862</v>
      </c>
      <c r="AX12" s="326">
        <v>0</v>
      </c>
      <c r="AY12" s="327">
        <v>1390917</v>
      </c>
      <c r="AZ12" s="327">
        <v>3363943</v>
      </c>
      <c r="BA12" s="327">
        <v>2806863</v>
      </c>
      <c r="BB12" s="327">
        <v>1996182</v>
      </c>
      <c r="BC12" s="327">
        <v>1459776</v>
      </c>
      <c r="BD12" s="328">
        <v>11017681</v>
      </c>
      <c r="BE12" s="330">
        <v>11919543</v>
      </c>
      <c r="BF12" s="326">
        <v>30788</v>
      </c>
      <c r="BG12" s="327">
        <v>53862</v>
      </c>
      <c r="BH12" s="331">
        <v>84650</v>
      </c>
      <c r="BI12" s="332">
        <v>0</v>
      </c>
      <c r="BJ12" s="327">
        <v>0</v>
      </c>
      <c r="BK12" s="327">
        <v>74703</v>
      </c>
      <c r="BL12" s="327">
        <v>65242</v>
      </c>
      <c r="BM12" s="327">
        <v>128107</v>
      </c>
      <c r="BN12" s="327">
        <v>0</v>
      </c>
      <c r="BO12" s="328">
        <v>268052</v>
      </c>
      <c r="BP12" s="330">
        <v>352702</v>
      </c>
      <c r="BQ12" s="326">
        <v>317784</v>
      </c>
      <c r="BR12" s="327">
        <v>275504</v>
      </c>
      <c r="BS12" s="328">
        <v>593288</v>
      </c>
      <c r="BT12" s="326">
        <v>0</v>
      </c>
      <c r="BU12" s="327">
        <v>1143024</v>
      </c>
      <c r="BV12" s="327">
        <v>1592680</v>
      </c>
      <c r="BW12" s="327">
        <v>1651480</v>
      </c>
      <c r="BX12" s="327">
        <v>1381144</v>
      </c>
      <c r="BY12" s="327">
        <v>915368</v>
      </c>
      <c r="BZ12" s="328">
        <v>6683696</v>
      </c>
      <c r="CA12" s="330">
        <v>7276984</v>
      </c>
      <c r="CB12" s="326">
        <v>124485</v>
      </c>
      <c r="CC12" s="327">
        <v>495150</v>
      </c>
      <c r="CD12" s="328">
        <v>619635</v>
      </c>
      <c r="CE12" s="326">
        <v>0</v>
      </c>
      <c r="CF12" s="327">
        <v>5928629</v>
      </c>
      <c r="CG12" s="327">
        <v>9531510</v>
      </c>
      <c r="CH12" s="327">
        <v>9858464</v>
      </c>
      <c r="CI12" s="327">
        <v>4145672</v>
      </c>
      <c r="CJ12" s="327">
        <v>1076998</v>
      </c>
      <c r="CK12" s="328">
        <v>30541273</v>
      </c>
      <c r="CL12" s="330">
        <v>31160908</v>
      </c>
      <c r="CM12" s="326">
        <v>0</v>
      </c>
      <c r="CN12" s="327">
        <v>0</v>
      </c>
      <c r="CO12" s="328">
        <v>0</v>
      </c>
      <c r="CP12" s="332">
        <v>0</v>
      </c>
      <c r="CQ12" s="327">
        <v>5527123</v>
      </c>
      <c r="CR12" s="327">
        <v>7816963</v>
      </c>
      <c r="CS12" s="327">
        <v>8733441</v>
      </c>
      <c r="CT12" s="327">
        <v>3561890</v>
      </c>
      <c r="CU12" s="327">
        <v>1004914</v>
      </c>
      <c r="CV12" s="328">
        <v>26644331</v>
      </c>
      <c r="CW12" s="330">
        <v>26644331</v>
      </c>
      <c r="CX12" s="326">
        <v>124485</v>
      </c>
      <c r="CY12" s="327">
        <v>495150</v>
      </c>
      <c r="CZ12" s="328">
        <v>619635</v>
      </c>
      <c r="DA12" s="326">
        <v>0</v>
      </c>
      <c r="DB12" s="327">
        <v>401506</v>
      </c>
      <c r="DC12" s="327">
        <v>1714547</v>
      </c>
      <c r="DD12" s="327">
        <v>1125023</v>
      </c>
      <c r="DE12" s="327">
        <v>583782</v>
      </c>
      <c r="DF12" s="327">
        <v>72084</v>
      </c>
      <c r="DG12" s="328">
        <v>3896942</v>
      </c>
      <c r="DH12" s="330">
        <v>4516577</v>
      </c>
      <c r="DI12" s="326">
        <v>0</v>
      </c>
      <c r="DJ12" s="327">
        <v>23285</v>
      </c>
      <c r="DK12" s="331">
        <v>23285</v>
      </c>
      <c r="DL12" s="332">
        <v>0</v>
      </c>
      <c r="DM12" s="327">
        <v>349635</v>
      </c>
      <c r="DN12" s="327">
        <v>1056837</v>
      </c>
      <c r="DO12" s="327">
        <v>3006460</v>
      </c>
      <c r="DP12" s="327">
        <v>2206684</v>
      </c>
      <c r="DQ12" s="327">
        <v>1305268</v>
      </c>
      <c r="DR12" s="328">
        <v>7924884</v>
      </c>
      <c r="DS12" s="330">
        <v>7948169</v>
      </c>
      <c r="DT12" s="326">
        <v>0</v>
      </c>
      <c r="DU12" s="327">
        <v>23285</v>
      </c>
      <c r="DV12" s="328">
        <v>23285</v>
      </c>
      <c r="DW12" s="326">
        <v>0</v>
      </c>
      <c r="DX12" s="327">
        <v>349635</v>
      </c>
      <c r="DY12" s="327">
        <v>1009324</v>
      </c>
      <c r="DZ12" s="327">
        <v>2674992</v>
      </c>
      <c r="EA12" s="327">
        <v>1932206</v>
      </c>
      <c r="EB12" s="327">
        <v>1243384</v>
      </c>
      <c r="EC12" s="328">
        <v>7209541</v>
      </c>
      <c r="ED12" s="330">
        <v>7232826</v>
      </c>
      <c r="EE12" s="326">
        <v>0</v>
      </c>
      <c r="EF12" s="331">
        <v>0</v>
      </c>
      <c r="EG12" s="328">
        <v>0</v>
      </c>
      <c r="EH12" s="326">
        <v>0</v>
      </c>
      <c r="EI12" s="327">
        <v>0</v>
      </c>
      <c r="EJ12" s="327">
        <v>47513</v>
      </c>
      <c r="EK12" s="327">
        <v>331468</v>
      </c>
      <c r="EL12" s="327">
        <v>274478</v>
      </c>
      <c r="EM12" s="327">
        <v>61884</v>
      </c>
      <c r="EN12" s="331">
        <v>715343</v>
      </c>
      <c r="EO12" s="330">
        <v>715343</v>
      </c>
      <c r="EP12" s="326">
        <v>0</v>
      </c>
      <c r="EQ12" s="327">
        <v>0</v>
      </c>
      <c r="ER12" s="331">
        <v>0</v>
      </c>
      <c r="ES12" s="332">
        <v>0</v>
      </c>
      <c r="ET12" s="327">
        <v>0</v>
      </c>
      <c r="EU12" s="327">
        <v>0</v>
      </c>
      <c r="EV12" s="327">
        <v>0</v>
      </c>
      <c r="EW12" s="327">
        <v>0</v>
      </c>
      <c r="EX12" s="327">
        <v>0</v>
      </c>
      <c r="EY12" s="328">
        <v>0</v>
      </c>
      <c r="EZ12" s="330">
        <v>0</v>
      </c>
      <c r="FA12" s="326">
        <v>0</v>
      </c>
      <c r="FB12" s="327">
        <v>0</v>
      </c>
      <c r="FC12" s="331">
        <v>0</v>
      </c>
      <c r="FD12" s="332">
        <v>0</v>
      </c>
      <c r="FE12" s="327">
        <v>0</v>
      </c>
      <c r="FF12" s="327">
        <v>0</v>
      </c>
      <c r="FG12" s="327">
        <v>0</v>
      </c>
      <c r="FH12" s="327">
        <v>0</v>
      </c>
      <c r="FI12" s="327">
        <v>0</v>
      </c>
      <c r="FJ12" s="328">
        <v>0</v>
      </c>
      <c r="FK12" s="330">
        <v>0</v>
      </c>
      <c r="FL12" s="326">
        <v>420272</v>
      </c>
      <c r="FM12" s="327">
        <v>1419224</v>
      </c>
      <c r="FN12" s="328">
        <v>1839496</v>
      </c>
      <c r="FO12" s="326">
        <v>0</v>
      </c>
      <c r="FP12" s="327">
        <v>794136</v>
      </c>
      <c r="FQ12" s="327">
        <v>3046392</v>
      </c>
      <c r="FR12" s="327">
        <v>2462828</v>
      </c>
      <c r="FS12" s="327">
        <v>1924616</v>
      </c>
      <c r="FT12" s="327">
        <v>1145200</v>
      </c>
      <c r="FU12" s="328">
        <v>9373172</v>
      </c>
      <c r="FV12" s="330">
        <v>11212668</v>
      </c>
      <c r="FW12" s="333">
        <v>166552</v>
      </c>
      <c r="FX12" s="327">
        <v>842424</v>
      </c>
      <c r="FY12" s="331">
        <v>1008976</v>
      </c>
      <c r="FZ12" s="332">
        <v>0</v>
      </c>
      <c r="GA12" s="327">
        <v>683256</v>
      </c>
      <c r="GB12" s="327">
        <v>2750200</v>
      </c>
      <c r="GC12" s="327">
        <v>2433128</v>
      </c>
      <c r="GD12" s="327">
        <v>1565656</v>
      </c>
      <c r="GE12" s="327">
        <v>1145200</v>
      </c>
      <c r="GF12" s="328">
        <v>8577440</v>
      </c>
      <c r="GG12" s="334">
        <v>9586416</v>
      </c>
      <c r="GH12" s="333">
        <v>14520</v>
      </c>
      <c r="GI12" s="327">
        <v>50560</v>
      </c>
      <c r="GJ12" s="331">
        <v>65080</v>
      </c>
      <c r="GK12" s="332">
        <v>0</v>
      </c>
      <c r="GL12" s="327">
        <v>14080</v>
      </c>
      <c r="GM12" s="327">
        <v>12352</v>
      </c>
      <c r="GN12" s="327">
        <v>29700</v>
      </c>
      <c r="GO12" s="327">
        <v>156640</v>
      </c>
      <c r="GP12" s="327">
        <v>0</v>
      </c>
      <c r="GQ12" s="328">
        <v>212772</v>
      </c>
      <c r="GR12" s="330">
        <v>277852</v>
      </c>
      <c r="GS12" s="326">
        <v>239200</v>
      </c>
      <c r="GT12" s="327">
        <v>526240</v>
      </c>
      <c r="GU12" s="328">
        <v>765440</v>
      </c>
      <c r="GV12" s="326">
        <v>0</v>
      </c>
      <c r="GW12" s="327">
        <v>96800</v>
      </c>
      <c r="GX12" s="327">
        <v>283840</v>
      </c>
      <c r="GY12" s="327">
        <v>0</v>
      </c>
      <c r="GZ12" s="327">
        <v>202320</v>
      </c>
      <c r="HA12" s="327">
        <v>0</v>
      </c>
      <c r="HB12" s="331">
        <v>582960</v>
      </c>
      <c r="HC12" s="330">
        <v>1348400</v>
      </c>
      <c r="HD12" s="326">
        <v>816322</v>
      </c>
      <c r="HE12" s="327">
        <v>668590</v>
      </c>
      <c r="HF12" s="331">
        <v>1484912</v>
      </c>
      <c r="HG12" s="332">
        <v>0</v>
      </c>
      <c r="HH12" s="327">
        <v>5576476</v>
      </c>
      <c r="HI12" s="327">
        <v>5317846</v>
      </c>
      <c r="HJ12" s="327">
        <v>5092425</v>
      </c>
      <c r="HK12" s="327">
        <v>4868916</v>
      </c>
      <c r="HL12" s="327">
        <v>3374495</v>
      </c>
      <c r="HM12" s="328">
        <v>24230158</v>
      </c>
      <c r="HN12" s="329">
        <v>25715070</v>
      </c>
      <c r="HO12" s="333">
        <v>0</v>
      </c>
      <c r="HP12" s="327">
        <v>0</v>
      </c>
      <c r="HQ12" s="328">
        <v>0</v>
      </c>
      <c r="HR12" s="326">
        <v>0</v>
      </c>
      <c r="HS12" s="327">
        <v>0</v>
      </c>
      <c r="HT12" s="327">
        <v>0</v>
      </c>
      <c r="HU12" s="327">
        <v>0</v>
      </c>
      <c r="HV12" s="327">
        <v>0</v>
      </c>
      <c r="HW12" s="327">
        <v>0</v>
      </c>
      <c r="HX12" s="331">
        <v>0</v>
      </c>
      <c r="HY12" s="330">
        <v>0</v>
      </c>
      <c r="HZ12" s="335">
        <v>0</v>
      </c>
      <c r="IA12" s="336">
        <v>68138</v>
      </c>
      <c r="IB12" s="337">
        <v>68138</v>
      </c>
      <c r="IC12" s="355">
        <v>0</v>
      </c>
      <c r="ID12" s="356">
        <v>6139586</v>
      </c>
      <c r="IE12" s="357">
        <v>7416711</v>
      </c>
      <c r="IF12" s="358">
        <v>9567003</v>
      </c>
      <c r="IG12" s="356">
        <v>7776524</v>
      </c>
      <c r="IH12" s="358">
        <v>3777156</v>
      </c>
      <c r="II12" s="359">
        <v>34676980</v>
      </c>
      <c r="IJ12" s="341">
        <v>34745118</v>
      </c>
      <c r="IK12" s="342">
        <v>0</v>
      </c>
      <c r="IL12" s="343">
        <v>0</v>
      </c>
      <c r="IM12" s="344">
        <v>0</v>
      </c>
      <c r="IN12" s="404">
        <v>0</v>
      </c>
      <c r="IO12" s="345">
        <v>70476</v>
      </c>
      <c r="IP12" s="345">
        <v>245641</v>
      </c>
      <c r="IQ12" s="345">
        <v>552793</v>
      </c>
      <c r="IR12" s="345">
        <v>576097</v>
      </c>
      <c r="IS12" s="345">
        <v>653113</v>
      </c>
      <c r="IT12" s="346">
        <v>2098120</v>
      </c>
      <c r="IU12" s="347">
        <v>2098120</v>
      </c>
      <c r="IV12" s="348">
        <v>0</v>
      </c>
      <c r="IW12" s="345">
        <v>0</v>
      </c>
      <c r="IX12" s="349">
        <v>0</v>
      </c>
      <c r="IY12" s="404">
        <v>0</v>
      </c>
      <c r="IZ12" s="345">
        <v>0</v>
      </c>
      <c r="JA12" s="345">
        <v>0</v>
      </c>
      <c r="JB12" s="345">
        <v>0</v>
      </c>
      <c r="JC12" s="345">
        <v>0</v>
      </c>
      <c r="JD12" s="345">
        <v>0</v>
      </c>
      <c r="JE12" s="349">
        <v>0</v>
      </c>
      <c r="JF12" s="350">
        <v>0</v>
      </c>
      <c r="JG12" s="348">
        <v>0</v>
      </c>
      <c r="JH12" s="345">
        <v>0</v>
      </c>
      <c r="JI12" s="346">
        <v>0</v>
      </c>
      <c r="JJ12" s="351">
        <v>0</v>
      </c>
      <c r="JK12" s="345">
        <v>3107686</v>
      </c>
      <c r="JL12" s="345">
        <v>3934121</v>
      </c>
      <c r="JM12" s="345">
        <v>2619631</v>
      </c>
      <c r="JN12" s="345">
        <v>1129800</v>
      </c>
      <c r="JO12" s="345">
        <v>683140</v>
      </c>
      <c r="JP12" s="349">
        <v>11474378</v>
      </c>
      <c r="JQ12" s="347">
        <v>11474378</v>
      </c>
      <c r="JR12" s="348">
        <v>0</v>
      </c>
      <c r="JS12" s="345">
        <v>0</v>
      </c>
      <c r="JT12" s="346">
        <v>0</v>
      </c>
      <c r="JU12" s="351">
        <v>0</v>
      </c>
      <c r="JV12" s="345">
        <v>188610</v>
      </c>
      <c r="JW12" s="345">
        <v>306603</v>
      </c>
      <c r="JX12" s="345">
        <v>104561</v>
      </c>
      <c r="JY12" s="345">
        <v>0</v>
      </c>
      <c r="JZ12" s="345">
        <v>0</v>
      </c>
      <c r="KA12" s="349">
        <v>599774</v>
      </c>
      <c r="KB12" s="347">
        <v>599774</v>
      </c>
      <c r="KC12" s="352">
        <v>0</v>
      </c>
      <c r="KD12" s="353">
        <v>68138</v>
      </c>
      <c r="KE12" s="349">
        <v>68138</v>
      </c>
      <c r="KF12" s="351">
        <v>0</v>
      </c>
      <c r="KG12" s="345">
        <v>833325</v>
      </c>
      <c r="KH12" s="345">
        <v>635921</v>
      </c>
      <c r="KI12" s="345">
        <v>1923179</v>
      </c>
      <c r="KJ12" s="345">
        <v>1124676</v>
      </c>
      <c r="KK12" s="345">
        <v>588319</v>
      </c>
      <c r="KL12" s="349">
        <v>5105420</v>
      </c>
      <c r="KM12" s="354">
        <v>5173558</v>
      </c>
      <c r="KN12" s="342">
        <v>0</v>
      </c>
      <c r="KO12" s="343">
        <v>0</v>
      </c>
      <c r="KP12" s="344">
        <v>0</v>
      </c>
      <c r="KQ12" s="404">
        <v>0</v>
      </c>
      <c r="KR12" s="345">
        <v>1635962</v>
      </c>
      <c r="KS12" s="345">
        <v>2294425</v>
      </c>
      <c r="KT12" s="345">
        <v>3763192</v>
      </c>
      <c r="KU12" s="345">
        <v>3751419</v>
      </c>
      <c r="KV12" s="345">
        <v>1111519</v>
      </c>
      <c r="KW12" s="349">
        <v>12556517</v>
      </c>
      <c r="KX12" s="347">
        <v>12556517</v>
      </c>
      <c r="KY12" s="348">
        <v>0</v>
      </c>
      <c r="KZ12" s="345">
        <v>0</v>
      </c>
      <c r="LA12" s="349">
        <v>0</v>
      </c>
      <c r="LB12" s="404">
        <v>0</v>
      </c>
      <c r="LC12" s="345">
        <v>0</v>
      </c>
      <c r="LD12" s="345">
        <v>0</v>
      </c>
      <c r="LE12" s="345">
        <v>0</v>
      </c>
      <c r="LF12" s="345">
        <v>0</v>
      </c>
      <c r="LG12" s="345">
        <v>0</v>
      </c>
      <c r="LH12" s="349">
        <v>0</v>
      </c>
      <c r="LI12" s="350">
        <v>0</v>
      </c>
      <c r="LJ12" s="348">
        <v>0</v>
      </c>
      <c r="LK12" s="345">
        <v>0</v>
      </c>
      <c r="LL12" s="349">
        <v>0</v>
      </c>
      <c r="LM12" s="404">
        <v>0</v>
      </c>
      <c r="LN12" s="345">
        <v>0</v>
      </c>
      <c r="LO12" s="345">
        <v>0</v>
      </c>
      <c r="LP12" s="345">
        <v>245455</v>
      </c>
      <c r="LQ12" s="345">
        <v>562296</v>
      </c>
      <c r="LR12" s="345">
        <v>0</v>
      </c>
      <c r="LS12" s="349">
        <v>807751</v>
      </c>
      <c r="LT12" s="347">
        <v>807751</v>
      </c>
      <c r="LU12" s="348">
        <v>0</v>
      </c>
      <c r="LV12" s="345">
        <v>0</v>
      </c>
      <c r="LW12" s="349">
        <v>0</v>
      </c>
      <c r="LX12" s="404">
        <v>0</v>
      </c>
      <c r="LY12" s="345">
        <v>303527</v>
      </c>
      <c r="LZ12" s="345">
        <v>0</v>
      </c>
      <c r="MA12" s="345">
        <v>358192</v>
      </c>
      <c r="MB12" s="345">
        <v>632236</v>
      </c>
      <c r="MC12" s="345">
        <v>741065</v>
      </c>
      <c r="MD12" s="349">
        <v>2035020</v>
      </c>
      <c r="ME12" s="350">
        <v>2035020</v>
      </c>
      <c r="MF12" s="348">
        <v>0</v>
      </c>
      <c r="MG12" s="345">
        <v>0</v>
      </c>
      <c r="MH12" s="349">
        <v>0</v>
      </c>
      <c r="MI12" s="404">
        <v>0</v>
      </c>
      <c r="MJ12" s="345">
        <v>498775</v>
      </c>
      <c r="MK12" s="345">
        <v>3163779</v>
      </c>
      <c r="ML12" s="345">
        <v>12965345</v>
      </c>
      <c r="MM12" s="345">
        <v>19621593</v>
      </c>
      <c r="MN12" s="345">
        <v>10511426</v>
      </c>
      <c r="MO12" s="349">
        <v>46760918</v>
      </c>
      <c r="MP12" s="354">
        <v>46760918</v>
      </c>
      <c r="MQ12" s="348">
        <v>0</v>
      </c>
      <c r="MR12" s="345">
        <v>0</v>
      </c>
      <c r="MS12" s="349">
        <v>0</v>
      </c>
      <c r="MT12" s="404">
        <v>0</v>
      </c>
      <c r="MU12" s="345">
        <v>0</v>
      </c>
      <c r="MV12" s="345">
        <v>221390</v>
      </c>
      <c r="MW12" s="345">
        <v>8777872</v>
      </c>
      <c r="MX12" s="345">
        <v>14452077</v>
      </c>
      <c r="MY12" s="345">
        <v>6771965</v>
      </c>
      <c r="MZ12" s="349">
        <v>30223304</v>
      </c>
      <c r="NA12" s="354">
        <v>30223304</v>
      </c>
      <c r="NB12" s="348">
        <v>0</v>
      </c>
      <c r="NC12" s="345">
        <v>0</v>
      </c>
      <c r="ND12" s="349">
        <v>0</v>
      </c>
      <c r="NE12" s="404">
        <v>0</v>
      </c>
      <c r="NF12" s="345">
        <v>498775</v>
      </c>
      <c r="NG12" s="345">
        <v>2942389</v>
      </c>
      <c r="NH12" s="345">
        <v>4187473</v>
      </c>
      <c r="NI12" s="345">
        <v>4047577</v>
      </c>
      <c r="NJ12" s="345">
        <v>1935432</v>
      </c>
      <c r="NK12" s="349">
        <v>13611646</v>
      </c>
      <c r="NL12" s="347">
        <v>13611646</v>
      </c>
      <c r="NM12" s="348">
        <v>0</v>
      </c>
      <c r="NN12" s="345">
        <v>0</v>
      </c>
      <c r="NO12" s="349">
        <v>0</v>
      </c>
      <c r="NP12" s="404">
        <v>0</v>
      </c>
      <c r="NQ12" s="345">
        <v>0</v>
      </c>
      <c r="NR12" s="345">
        <v>0</v>
      </c>
      <c r="NS12" s="345">
        <v>0</v>
      </c>
      <c r="NT12" s="345">
        <v>0</v>
      </c>
      <c r="NU12" s="345">
        <v>0</v>
      </c>
      <c r="NV12" s="349">
        <v>0</v>
      </c>
      <c r="NW12" s="350">
        <v>0</v>
      </c>
      <c r="NX12" s="348">
        <v>0</v>
      </c>
      <c r="NY12" s="345">
        <v>0</v>
      </c>
      <c r="NZ12" s="349">
        <v>0</v>
      </c>
      <c r="OA12" s="404">
        <v>0</v>
      </c>
      <c r="OB12" s="345">
        <v>0</v>
      </c>
      <c r="OC12" s="345">
        <v>0</v>
      </c>
      <c r="OD12" s="345">
        <v>0</v>
      </c>
      <c r="OE12" s="345">
        <v>1121939</v>
      </c>
      <c r="OF12" s="345">
        <v>1804029</v>
      </c>
      <c r="OG12" s="349">
        <v>2925968</v>
      </c>
      <c r="OH12" s="350">
        <v>2925968</v>
      </c>
      <c r="OI12" s="348">
        <v>1965302</v>
      </c>
      <c r="OJ12" s="345">
        <v>3649964</v>
      </c>
      <c r="OK12" s="346">
        <v>5615266</v>
      </c>
      <c r="OL12" s="351">
        <v>0</v>
      </c>
      <c r="OM12" s="345">
        <v>23659138</v>
      </c>
      <c r="ON12" s="345">
        <v>39655076</v>
      </c>
      <c r="OO12" s="345">
        <v>52290788</v>
      </c>
      <c r="OP12" s="345">
        <v>48983544</v>
      </c>
      <c r="OQ12" s="345">
        <v>29119858</v>
      </c>
      <c r="OR12" s="349">
        <v>193708404</v>
      </c>
      <c r="OS12" s="354">
        <v>199323670</v>
      </c>
    </row>
    <row r="13" spans="1:409" s="70" customFormat="1" ht="21" customHeight="1" x14ac:dyDescent="0.2">
      <c r="B13" s="410" t="s">
        <v>7</v>
      </c>
      <c r="C13" s="326">
        <v>1644848</v>
      </c>
      <c r="D13" s="327">
        <v>1697798</v>
      </c>
      <c r="E13" s="328">
        <v>3342646</v>
      </c>
      <c r="F13" s="329">
        <v>0</v>
      </c>
      <c r="G13" s="327">
        <v>24273550</v>
      </c>
      <c r="H13" s="327">
        <v>26753716</v>
      </c>
      <c r="I13" s="327">
        <v>20678879</v>
      </c>
      <c r="J13" s="327">
        <v>15768541</v>
      </c>
      <c r="K13" s="327">
        <v>12711292</v>
      </c>
      <c r="L13" s="329">
        <v>100185978</v>
      </c>
      <c r="M13" s="330">
        <v>103528624</v>
      </c>
      <c r="N13" s="326">
        <v>282347</v>
      </c>
      <c r="O13" s="327">
        <v>308609</v>
      </c>
      <c r="P13" s="328">
        <v>590956</v>
      </c>
      <c r="Q13" s="326">
        <v>0</v>
      </c>
      <c r="R13" s="327">
        <v>7306549</v>
      </c>
      <c r="S13" s="327">
        <v>7770216</v>
      </c>
      <c r="T13" s="327">
        <v>5866582</v>
      </c>
      <c r="U13" s="327">
        <v>7860772</v>
      </c>
      <c r="V13" s="327">
        <v>6016076</v>
      </c>
      <c r="W13" s="328">
        <v>34820195</v>
      </c>
      <c r="X13" s="330">
        <v>35411151</v>
      </c>
      <c r="Y13" s="326">
        <v>0</v>
      </c>
      <c r="Z13" s="327">
        <v>0</v>
      </c>
      <c r="AA13" s="328">
        <v>0</v>
      </c>
      <c r="AB13" s="326">
        <v>0</v>
      </c>
      <c r="AC13" s="327">
        <v>3520179</v>
      </c>
      <c r="AD13" s="327">
        <v>3645397</v>
      </c>
      <c r="AE13" s="327">
        <v>3439145</v>
      </c>
      <c r="AF13" s="327">
        <v>4993397</v>
      </c>
      <c r="AG13" s="327">
        <v>3491958</v>
      </c>
      <c r="AH13" s="328">
        <v>19090076</v>
      </c>
      <c r="AI13" s="330">
        <v>19090076</v>
      </c>
      <c r="AJ13" s="326">
        <v>0</v>
      </c>
      <c r="AK13" s="327">
        <v>0</v>
      </c>
      <c r="AL13" s="328">
        <v>0</v>
      </c>
      <c r="AM13" s="326">
        <v>0</v>
      </c>
      <c r="AN13" s="327">
        <v>0</v>
      </c>
      <c r="AO13" s="327">
        <v>156138</v>
      </c>
      <c r="AP13" s="327">
        <v>168149</v>
      </c>
      <c r="AQ13" s="327">
        <v>553362</v>
      </c>
      <c r="AR13" s="327">
        <v>600529</v>
      </c>
      <c r="AS13" s="328">
        <v>1478178</v>
      </c>
      <c r="AT13" s="330">
        <v>1478178</v>
      </c>
      <c r="AU13" s="326">
        <v>79835</v>
      </c>
      <c r="AV13" s="327">
        <v>64553</v>
      </c>
      <c r="AW13" s="328">
        <v>144388</v>
      </c>
      <c r="AX13" s="326">
        <v>0</v>
      </c>
      <c r="AY13" s="327">
        <v>2119592</v>
      </c>
      <c r="AZ13" s="327">
        <v>2422232</v>
      </c>
      <c r="BA13" s="327">
        <v>995477</v>
      </c>
      <c r="BB13" s="327">
        <v>1114258</v>
      </c>
      <c r="BC13" s="327">
        <v>1327341</v>
      </c>
      <c r="BD13" s="328">
        <v>7978900</v>
      </c>
      <c r="BE13" s="330">
        <v>8123288</v>
      </c>
      <c r="BF13" s="326">
        <v>0</v>
      </c>
      <c r="BG13" s="327">
        <v>45744</v>
      </c>
      <c r="BH13" s="331">
        <v>45744</v>
      </c>
      <c r="BI13" s="332">
        <v>0</v>
      </c>
      <c r="BJ13" s="327">
        <v>431602</v>
      </c>
      <c r="BK13" s="327">
        <v>153241</v>
      </c>
      <c r="BL13" s="327">
        <v>103995</v>
      </c>
      <c r="BM13" s="327">
        <v>287091</v>
      </c>
      <c r="BN13" s="327">
        <v>0</v>
      </c>
      <c r="BO13" s="328">
        <v>975929</v>
      </c>
      <c r="BP13" s="330">
        <v>1021673</v>
      </c>
      <c r="BQ13" s="326">
        <v>202512</v>
      </c>
      <c r="BR13" s="327">
        <v>198312</v>
      </c>
      <c r="BS13" s="328">
        <v>400824</v>
      </c>
      <c r="BT13" s="326">
        <v>0</v>
      </c>
      <c r="BU13" s="327">
        <v>1235176</v>
      </c>
      <c r="BV13" s="327">
        <v>1393208</v>
      </c>
      <c r="BW13" s="327">
        <v>1159816</v>
      </c>
      <c r="BX13" s="327">
        <v>912664</v>
      </c>
      <c r="BY13" s="327">
        <v>596248</v>
      </c>
      <c r="BZ13" s="328">
        <v>5297112</v>
      </c>
      <c r="CA13" s="330">
        <v>5697936</v>
      </c>
      <c r="CB13" s="326">
        <v>21439</v>
      </c>
      <c r="CC13" s="327">
        <v>157640</v>
      </c>
      <c r="CD13" s="328">
        <v>179079</v>
      </c>
      <c r="CE13" s="326">
        <v>0</v>
      </c>
      <c r="CF13" s="327">
        <v>8809171</v>
      </c>
      <c r="CG13" s="327">
        <v>6460154</v>
      </c>
      <c r="CH13" s="327">
        <v>4498079</v>
      </c>
      <c r="CI13" s="327">
        <v>932353</v>
      </c>
      <c r="CJ13" s="327">
        <v>994690</v>
      </c>
      <c r="CK13" s="328">
        <v>21694447</v>
      </c>
      <c r="CL13" s="330">
        <v>21873526</v>
      </c>
      <c r="CM13" s="326">
        <v>0</v>
      </c>
      <c r="CN13" s="327">
        <v>0</v>
      </c>
      <c r="CO13" s="328">
        <v>0</v>
      </c>
      <c r="CP13" s="332">
        <v>0</v>
      </c>
      <c r="CQ13" s="327">
        <v>7549441</v>
      </c>
      <c r="CR13" s="327">
        <v>4813425</v>
      </c>
      <c r="CS13" s="327">
        <v>3779627</v>
      </c>
      <c r="CT13" s="327">
        <v>503858</v>
      </c>
      <c r="CU13" s="327">
        <v>682461</v>
      </c>
      <c r="CV13" s="328">
        <v>17328812</v>
      </c>
      <c r="CW13" s="330">
        <v>17328812</v>
      </c>
      <c r="CX13" s="326">
        <v>21439</v>
      </c>
      <c r="CY13" s="327">
        <v>157640</v>
      </c>
      <c r="CZ13" s="328">
        <v>179079</v>
      </c>
      <c r="DA13" s="326">
        <v>0</v>
      </c>
      <c r="DB13" s="327">
        <v>1259730</v>
      </c>
      <c r="DC13" s="327">
        <v>1646729</v>
      </c>
      <c r="DD13" s="327">
        <v>718452</v>
      </c>
      <c r="DE13" s="327">
        <v>428495</v>
      </c>
      <c r="DF13" s="327">
        <v>312229</v>
      </c>
      <c r="DG13" s="328">
        <v>4365635</v>
      </c>
      <c r="DH13" s="330">
        <v>4544714</v>
      </c>
      <c r="DI13" s="326">
        <v>0</v>
      </c>
      <c r="DJ13" s="327">
        <v>0</v>
      </c>
      <c r="DK13" s="331">
        <v>0</v>
      </c>
      <c r="DL13" s="332">
        <v>0</v>
      </c>
      <c r="DM13" s="327">
        <v>1055011</v>
      </c>
      <c r="DN13" s="327">
        <v>2931101</v>
      </c>
      <c r="DO13" s="327">
        <v>2826898</v>
      </c>
      <c r="DP13" s="327">
        <v>777125</v>
      </c>
      <c r="DQ13" s="327">
        <v>918828</v>
      </c>
      <c r="DR13" s="328">
        <v>8508963</v>
      </c>
      <c r="DS13" s="330">
        <v>8508963</v>
      </c>
      <c r="DT13" s="326">
        <v>0</v>
      </c>
      <c r="DU13" s="327">
        <v>0</v>
      </c>
      <c r="DV13" s="328">
        <v>0</v>
      </c>
      <c r="DW13" s="326">
        <v>0</v>
      </c>
      <c r="DX13" s="327">
        <v>991891</v>
      </c>
      <c r="DY13" s="327">
        <v>2650875</v>
      </c>
      <c r="DZ13" s="327">
        <v>2826898</v>
      </c>
      <c r="EA13" s="327">
        <v>777125</v>
      </c>
      <c r="EB13" s="327">
        <v>918828</v>
      </c>
      <c r="EC13" s="328">
        <v>8165617</v>
      </c>
      <c r="ED13" s="330">
        <v>8165617</v>
      </c>
      <c r="EE13" s="326">
        <v>0</v>
      </c>
      <c r="EF13" s="331">
        <v>0</v>
      </c>
      <c r="EG13" s="328">
        <v>0</v>
      </c>
      <c r="EH13" s="326">
        <v>0</v>
      </c>
      <c r="EI13" s="327">
        <v>63120</v>
      </c>
      <c r="EJ13" s="327">
        <v>280226</v>
      </c>
      <c r="EK13" s="327">
        <v>0</v>
      </c>
      <c r="EL13" s="327">
        <v>0</v>
      </c>
      <c r="EM13" s="327">
        <v>0</v>
      </c>
      <c r="EN13" s="331">
        <v>343346</v>
      </c>
      <c r="EO13" s="330">
        <v>343346</v>
      </c>
      <c r="EP13" s="326">
        <v>0</v>
      </c>
      <c r="EQ13" s="327">
        <v>0</v>
      </c>
      <c r="ER13" s="331">
        <v>0</v>
      </c>
      <c r="ES13" s="332">
        <v>0</v>
      </c>
      <c r="ET13" s="327">
        <v>0</v>
      </c>
      <c r="EU13" s="327">
        <v>0</v>
      </c>
      <c r="EV13" s="327">
        <v>0</v>
      </c>
      <c r="EW13" s="327">
        <v>0</v>
      </c>
      <c r="EX13" s="327">
        <v>0</v>
      </c>
      <c r="EY13" s="328">
        <v>0</v>
      </c>
      <c r="EZ13" s="330">
        <v>0</v>
      </c>
      <c r="FA13" s="326">
        <v>0</v>
      </c>
      <c r="FB13" s="327">
        <v>0</v>
      </c>
      <c r="FC13" s="331">
        <v>0</v>
      </c>
      <c r="FD13" s="332">
        <v>0</v>
      </c>
      <c r="FE13" s="327">
        <v>0</v>
      </c>
      <c r="FF13" s="327">
        <v>0</v>
      </c>
      <c r="FG13" s="327">
        <v>0</v>
      </c>
      <c r="FH13" s="327">
        <v>0</v>
      </c>
      <c r="FI13" s="327">
        <v>0</v>
      </c>
      <c r="FJ13" s="328">
        <v>0</v>
      </c>
      <c r="FK13" s="330">
        <v>0</v>
      </c>
      <c r="FL13" s="326">
        <v>581984</v>
      </c>
      <c r="FM13" s="327">
        <v>160832</v>
      </c>
      <c r="FN13" s="328">
        <v>742816</v>
      </c>
      <c r="FO13" s="326">
        <v>0</v>
      </c>
      <c r="FP13" s="327">
        <v>1043168</v>
      </c>
      <c r="FQ13" s="327">
        <v>2475882</v>
      </c>
      <c r="FR13" s="327">
        <v>1171144</v>
      </c>
      <c r="FS13" s="327">
        <v>1057544</v>
      </c>
      <c r="FT13" s="327">
        <v>853312</v>
      </c>
      <c r="FU13" s="328">
        <v>6601050</v>
      </c>
      <c r="FV13" s="330">
        <v>7343866</v>
      </c>
      <c r="FW13" s="333">
        <v>149984</v>
      </c>
      <c r="FX13" s="327">
        <v>128800</v>
      </c>
      <c r="FY13" s="331">
        <v>278784</v>
      </c>
      <c r="FZ13" s="332">
        <v>0</v>
      </c>
      <c r="GA13" s="327">
        <v>831768</v>
      </c>
      <c r="GB13" s="327">
        <v>2174682</v>
      </c>
      <c r="GC13" s="327">
        <v>1152840</v>
      </c>
      <c r="GD13" s="327">
        <v>972104</v>
      </c>
      <c r="GE13" s="327">
        <v>702080</v>
      </c>
      <c r="GF13" s="328">
        <v>5833474</v>
      </c>
      <c r="GG13" s="334">
        <v>6112258</v>
      </c>
      <c r="GH13" s="333">
        <v>0</v>
      </c>
      <c r="GI13" s="327">
        <v>32032</v>
      </c>
      <c r="GJ13" s="331">
        <v>32032</v>
      </c>
      <c r="GK13" s="332">
        <v>0</v>
      </c>
      <c r="GL13" s="327">
        <v>50600</v>
      </c>
      <c r="GM13" s="327">
        <v>13200</v>
      </c>
      <c r="GN13" s="327">
        <v>18304</v>
      </c>
      <c r="GO13" s="327">
        <v>23840</v>
      </c>
      <c r="GP13" s="327">
        <v>23232</v>
      </c>
      <c r="GQ13" s="328">
        <v>129176</v>
      </c>
      <c r="GR13" s="330">
        <v>161208</v>
      </c>
      <c r="GS13" s="326">
        <v>432000</v>
      </c>
      <c r="GT13" s="327">
        <v>0</v>
      </c>
      <c r="GU13" s="328">
        <v>432000</v>
      </c>
      <c r="GV13" s="326">
        <v>0</v>
      </c>
      <c r="GW13" s="327">
        <v>160800</v>
      </c>
      <c r="GX13" s="327">
        <v>288000</v>
      </c>
      <c r="GY13" s="327">
        <v>0</v>
      </c>
      <c r="GZ13" s="327">
        <v>61600</v>
      </c>
      <c r="HA13" s="327">
        <v>128000</v>
      </c>
      <c r="HB13" s="331">
        <v>638400</v>
      </c>
      <c r="HC13" s="330">
        <v>1070400</v>
      </c>
      <c r="HD13" s="326">
        <v>759078</v>
      </c>
      <c r="HE13" s="327">
        <v>1070717</v>
      </c>
      <c r="HF13" s="331">
        <v>1829795</v>
      </c>
      <c r="HG13" s="332">
        <v>0</v>
      </c>
      <c r="HH13" s="327">
        <v>6059651</v>
      </c>
      <c r="HI13" s="327">
        <v>7116363</v>
      </c>
      <c r="HJ13" s="327">
        <v>6316176</v>
      </c>
      <c r="HK13" s="327">
        <v>5140747</v>
      </c>
      <c r="HL13" s="327">
        <v>3928386</v>
      </c>
      <c r="HM13" s="328">
        <v>28561323</v>
      </c>
      <c r="HN13" s="329">
        <v>30391118</v>
      </c>
      <c r="HO13" s="333">
        <v>0</v>
      </c>
      <c r="HP13" s="327">
        <v>0</v>
      </c>
      <c r="HQ13" s="328">
        <v>0</v>
      </c>
      <c r="HR13" s="326">
        <v>0</v>
      </c>
      <c r="HS13" s="327">
        <v>0</v>
      </c>
      <c r="HT13" s="327">
        <v>0</v>
      </c>
      <c r="HU13" s="327">
        <v>0</v>
      </c>
      <c r="HV13" s="327">
        <v>0</v>
      </c>
      <c r="HW13" s="327">
        <v>0</v>
      </c>
      <c r="HX13" s="331">
        <v>0</v>
      </c>
      <c r="HY13" s="330">
        <v>0</v>
      </c>
      <c r="HZ13" s="335">
        <v>0</v>
      </c>
      <c r="IA13" s="336">
        <v>0</v>
      </c>
      <c r="IB13" s="337">
        <v>0</v>
      </c>
      <c r="IC13" s="338">
        <v>0</v>
      </c>
      <c r="ID13" s="336">
        <v>6229734</v>
      </c>
      <c r="IE13" s="339">
        <v>5831451</v>
      </c>
      <c r="IF13" s="337">
        <v>5372855</v>
      </c>
      <c r="IG13" s="336">
        <v>2930208</v>
      </c>
      <c r="IH13" s="337">
        <v>2054423</v>
      </c>
      <c r="II13" s="340">
        <v>22418671</v>
      </c>
      <c r="IJ13" s="341">
        <v>22418671</v>
      </c>
      <c r="IK13" s="342">
        <v>0</v>
      </c>
      <c r="IL13" s="343">
        <v>0</v>
      </c>
      <c r="IM13" s="344">
        <v>0</v>
      </c>
      <c r="IN13" s="404">
        <v>0</v>
      </c>
      <c r="IO13" s="345">
        <v>107341</v>
      </c>
      <c r="IP13" s="345">
        <v>0</v>
      </c>
      <c r="IQ13" s="345">
        <v>0</v>
      </c>
      <c r="IR13" s="345">
        <v>0</v>
      </c>
      <c r="IS13" s="345">
        <v>0</v>
      </c>
      <c r="IT13" s="346">
        <v>107341</v>
      </c>
      <c r="IU13" s="347">
        <v>107341</v>
      </c>
      <c r="IV13" s="348">
        <v>0</v>
      </c>
      <c r="IW13" s="345">
        <v>0</v>
      </c>
      <c r="IX13" s="349">
        <v>0</v>
      </c>
      <c r="IY13" s="404">
        <v>0</v>
      </c>
      <c r="IZ13" s="345">
        <v>0</v>
      </c>
      <c r="JA13" s="345">
        <v>0</v>
      </c>
      <c r="JB13" s="345">
        <v>0</v>
      </c>
      <c r="JC13" s="345">
        <v>0</v>
      </c>
      <c r="JD13" s="345">
        <v>0</v>
      </c>
      <c r="JE13" s="349">
        <v>0</v>
      </c>
      <c r="JF13" s="350">
        <v>0</v>
      </c>
      <c r="JG13" s="348">
        <v>0</v>
      </c>
      <c r="JH13" s="345">
        <v>0</v>
      </c>
      <c r="JI13" s="346">
        <v>0</v>
      </c>
      <c r="JJ13" s="351">
        <v>0</v>
      </c>
      <c r="JK13" s="345">
        <v>2955398</v>
      </c>
      <c r="JL13" s="345">
        <v>3280474</v>
      </c>
      <c r="JM13" s="345">
        <v>1302163</v>
      </c>
      <c r="JN13" s="345">
        <v>400678</v>
      </c>
      <c r="JO13" s="345">
        <v>330297</v>
      </c>
      <c r="JP13" s="349">
        <v>8269010</v>
      </c>
      <c r="JQ13" s="347">
        <v>8269010</v>
      </c>
      <c r="JR13" s="348">
        <v>0</v>
      </c>
      <c r="JS13" s="345">
        <v>0</v>
      </c>
      <c r="JT13" s="346">
        <v>0</v>
      </c>
      <c r="JU13" s="351">
        <v>0</v>
      </c>
      <c r="JV13" s="345">
        <v>588060</v>
      </c>
      <c r="JW13" s="345">
        <v>311243</v>
      </c>
      <c r="JX13" s="345">
        <v>551946</v>
      </c>
      <c r="JY13" s="345">
        <v>652678</v>
      </c>
      <c r="JZ13" s="345">
        <v>330203</v>
      </c>
      <c r="KA13" s="349">
        <v>2434130</v>
      </c>
      <c r="KB13" s="347">
        <v>2434130</v>
      </c>
      <c r="KC13" s="352">
        <v>0</v>
      </c>
      <c r="KD13" s="353">
        <v>0</v>
      </c>
      <c r="KE13" s="349">
        <v>0</v>
      </c>
      <c r="KF13" s="351">
        <v>0</v>
      </c>
      <c r="KG13" s="345">
        <v>578994</v>
      </c>
      <c r="KH13" s="345">
        <v>330526</v>
      </c>
      <c r="KI13" s="345">
        <v>444563</v>
      </c>
      <c r="KJ13" s="345">
        <v>141436</v>
      </c>
      <c r="KK13" s="345">
        <v>0</v>
      </c>
      <c r="KL13" s="349">
        <v>1495519</v>
      </c>
      <c r="KM13" s="354">
        <v>1495519</v>
      </c>
      <c r="KN13" s="342">
        <v>0</v>
      </c>
      <c r="KO13" s="343">
        <v>0</v>
      </c>
      <c r="KP13" s="344">
        <v>0</v>
      </c>
      <c r="KQ13" s="404">
        <v>0</v>
      </c>
      <c r="KR13" s="345">
        <v>2048379</v>
      </c>
      <c r="KS13" s="345">
        <v>1909208</v>
      </c>
      <c r="KT13" s="345">
        <v>2694348</v>
      </c>
      <c r="KU13" s="345">
        <v>1880247</v>
      </c>
      <c r="KV13" s="345">
        <v>559285</v>
      </c>
      <c r="KW13" s="349">
        <v>9091467</v>
      </c>
      <c r="KX13" s="347">
        <v>9091467</v>
      </c>
      <c r="KY13" s="348">
        <v>0</v>
      </c>
      <c r="KZ13" s="345">
        <v>0</v>
      </c>
      <c r="LA13" s="349">
        <v>0</v>
      </c>
      <c r="LB13" s="404">
        <v>0</v>
      </c>
      <c r="LC13" s="345">
        <v>0</v>
      </c>
      <c r="LD13" s="345">
        <v>0</v>
      </c>
      <c r="LE13" s="345">
        <v>0</v>
      </c>
      <c r="LF13" s="345">
        <v>0</v>
      </c>
      <c r="LG13" s="345">
        <v>0</v>
      </c>
      <c r="LH13" s="349">
        <v>0</v>
      </c>
      <c r="LI13" s="350">
        <v>0</v>
      </c>
      <c r="LJ13" s="348">
        <v>0</v>
      </c>
      <c r="LK13" s="345">
        <v>0</v>
      </c>
      <c r="LL13" s="349">
        <v>0</v>
      </c>
      <c r="LM13" s="404">
        <v>0</v>
      </c>
      <c r="LN13" s="345">
        <v>0</v>
      </c>
      <c r="LO13" s="345">
        <v>0</v>
      </c>
      <c r="LP13" s="345">
        <v>0</v>
      </c>
      <c r="LQ13" s="345">
        <v>0</v>
      </c>
      <c r="LR13" s="345">
        <v>0</v>
      </c>
      <c r="LS13" s="349">
        <v>0</v>
      </c>
      <c r="LT13" s="347">
        <v>0</v>
      </c>
      <c r="LU13" s="348">
        <v>0</v>
      </c>
      <c r="LV13" s="345">
        <v>0</v>
      </c>
      <c r="LW13" s="349">
        <v>0</v>
      </c>
      <c r="LX13" s="404">
        <v>0</v>
      </c>
      <c r="LY13" s="345">
        <v>-48438</v>
      </c>
      <c r="LZ13" s="345">
        <v>0</v>
      </c>
      <c r="MA13" s="345">
        <v>379835</v>
      </c>
      <c r="MB13" s="345">
        <v>-144831</v>
      </c>
      <c r="MC13" s="345">
        <v>834638</v>
      </c>
      <c r="MD13" s="349">
        <v>1021204</v>
      </c>
      <c r="ME13" s="350">
        <v>1021204</v>
      </c>
      <c r="MF13" s="348">
        <v>0</v>
      </c>
      <c r="MG13" s="345">
        <v>0</v>
      </c>
      <c r="MH13" s="349">
        <v>0</v>
      </c>
      <c r="MI13" s="404">
        <v>0</v>
      </c>
      <c r="MJ13" s="345">
        <v>3000068</v>
      </c>
      <c r="MK13" s="345">
        <v>3286985</v>
      </c>
      <c r="ML13" s="345">
        <v>9574196</v>
      </c>
      <c r="MM13" s="345">
        <v>17277323</v>
      </c>
      <c r="MN13" s="345">
        <v>8148818</v>
      </c>
      <c r="MO13" s="349">
        <v>41287390</v>
      </c>
      <c r="MP13" s="354">
        <v>41287390</v>
      </c>
      <c r="MQ13" s="348">
        <v>0</v>
      </c>
      <c r="MR13" s="345">
        <v>0</v>
      </c>
      <c r="MS13" s="349">
        <v>0</v>
      </c>
      <c r="MT13" s="404">
        <v>0</v>
      </c>
      <c r="MU13" s="345">
        <v>230851</v>
      </c>
      <c r="MV13" s="345">
        <v>241256</v>
      </c>
      <c r="MW13" s="345">
        <v>6784652</v>
      </c>
      <c r="MX13" s="345">
        <v>12183788</v>
      </c>
      <c r="MY13" s="345">
        <v>6220895</v>
      </c>
      <c r="MZ13" s="349">
        <v>25661442</v>
      </c>
      <c r="NA13" s="354">
        <v>25661442</v>
      </c>
      <c r="NB13" s="348">
        <v>0</v>
      </c>
      <c r="NC13" s="345">
        <v>0</v>
      </c>
      <c r="ND13" s="349">
        <v>0</v>
      </c>
      <c r="NE13" s="404">
        <v>0</v>
      </c>
      <c r="NF13" s="345">
        <v>2769217</v>
      </c>
      <c r="NG13" s="345">
        <v>3045729</v>
      </c>
      <c r="NH13" s="345">
        <v>2789544</v>
      </c>
      <c r="NI13" s="345">
        <v>4728227</v>
      </c>
      <c r="NJ13" s="345">
        <v>1927923</v>
      </c>
      <c r="NK13" s="349">
        <v>15260640</v>
      </c>
      <c r="NL13" s="347">
        <v>15260640</v>
      </c>
      <c r="NM13" s="348">
        <v>0</v>
      </c>
      <c r="NN13" s="345">
        <v>0</v>
      </c>
      <c r="NO13" s="349">
        <v>0</v>
      </c>
      <c r="NP13" s="404">
        <v>0</v>
      </c>
      <c r="NQ13" s="345">
        <v>0</v>
      </c>
      <c r="NR13" s="345">
        <v>0</v>
      </c>
      <c r="NS13" s="345">
        <v>0</v>
      </c>
      <c r="NT13" s="345">
        <v>0</v>
      </c>
      <c r="NU13" s="345">
        <v>0</v>
      </c>
      <c r="NV13" s="349">
        <v>0</v>
      </c>
      <c r="NW13" s="350">
        <v>0</v>
      </c>
      <c r="NX13" s="348">
        <v>0</v>
      </c>
      <c r="NY13" s="345">
        <v>0</v>
      </c>
      <c r="NZ13" s="349">
        <v>0</v>
      </c>
      <c r="OA13" s="404">
        <v>0</v>
      </c>
      <c r="OB13" s="345">
        <v>0</v>
      </c>
      <c r="OC13" s="345">
        <v>0</v>
      </c>
      <c r="OD13" s="345">
        <v>0</v>
      </c>
      <c r="OE13" s="345">
        <v>365308</v>
      </c>
      <c r="OF13" s="345">
        <v>0</v>
      </c>
      <c r="OG13" s="349">
        <v>365308</v>
      </c>
      <c r="OH13" s="350">
        <v>365308</v>
      </c>
      <c r="OI13" s="348">
        <v>1644848</v>
      </c>
      <c r="OJ13" s="345">
        <v>1697798</v>
      </c>
      <c r="OK13" s="346">
        <v>3342646</v>
      </c>
      <c r="OL13" s="351">
        <v>0</v>
      </c>
      <c r="OM13" s="345">
        <v>33503352</v>
      </c>
      <c r="ON13" s="345">
        <v>35872152</v>
      </c>
      <c r="OO13" s="345">
        <v>35625930</v>
      </c>
      <c r="OP13" s="345">
        <v>35976072</v>
      </c>
      <c r="OQ13" s="345">
        <v>22914533</v>
      </c>
      <c r="OR13" s="349">
        <v>163892039</v>
      </c>
      <c r="OS13" s="354">
        <v>167234685</v>
      </c>
    </row>
    <row r="14" spans="1:409" s="70" customFormat="1" ht="21" customHeight="1" x14ac:dyDescent="0.2">
      <c r="B14" s="410" t="s">
        <v>8</v>
      </c>
      <c r="C14" s="326">
        <v>1082566</v>
      </c>
      <c r="D14" s="327">
        <v>935930</v>
      </c>
      <c r="E14" s="328">
        <v>2018496</v>
      </c>
      <c r="F14" s="329">
        <v>0</v>
      </c>
      <c r="G14" s="327">
        <v>7964621</v>
      </c>
      <c r="H14" s="327">
        <v>9090184</v>
      </c>
      <c r="I14" s="327">
        <v>11021067</v>
      </c>
      <c r="J14" s="327">
        <v>7832443</v>
      </c>
      <c r="K14" s="327">
        <v>6274806</v>
      </c>
      <c r="L14" s="329">
        <v>42183121</v>
      </c>
      <c r="M14" s="330">
        <v>44201617</v>
      </c>
      <c r="N14" s="326">
        <v>250750</v>
      </c>
      <c r="O14" s="327">
        <v>139321</v>
      </c>
      <c r="P14" s="328">
        <v>390071</v>
      </c>
      <c r="Q14" s="326">
        <v>0</v>
      </c>
      <c r="R14" s="327">
        <v>2433177</v>
      </c>
      <c r="S14" s="327">
        <v>3213523</v>
      </c>
      <c r="T14" s="327">
        <v>4547427</v>
      </c>
      <c r="U14" s="327">
        <v>2870867</v>
      </c>
      <c r="V14" s="327">
        <v>4107111</v>
      </c>
      <c r="W14" s="328">
        <v>17172105</v>
      </c>
      <c r="X14" s="330">
        <v>17562176</v>
      </c>
      <c r="Y14" s="326">
        <v>0</v>
      </c>
      <c r="Z14" s="327">
        <v>0</v>
      </c>
      <c r="AA14" s="328">
        <v>0</v>
      </c>
      <c r="AB14" s="326">
        <v>0</v>
      </c>
      <c r="AC14" s="327">
        <v>790283</v>
      </c>
      <c r="AD14" s="327">
        <v>1451061</v>
      </c>
      <c r="AE14" s="327">
        <v>2335542</v>
      </c>
      <c r="AF14" s="327">
        <v>1373431</v>
      </c>
      <c r="AG14" s="327">
        <v>2650783</v>
      </c>
      <c r="AH14" s="328">
        <v>8601100</v>
      </c>
      <c r="AI14" s="330">
        <v>8601100</v>
      </c>
      <c r="AJ14" s="326">
        <v>0</v>
      </c>
      <c r="AK14" s="327">
        <v>0</v>
      </c>
      <c r="AL14" s="328">
        <v>0</v>
      </c>
      <c r="AM14" s="326">
        <v>0</v>
      </c>
      <c r="AN14" s="327">
        <v>0</v>
      </c>
      <c r="AO14" s="327">
        <v>106700</v>
      </c>
      <c r="AP14" s="327">
        <v>213399</v>
      </c>
      <c r="AQ14" s="327">
        <v>197358</v>
      </c>
      <c r="AR14" s="327">
        <v>348721</v>
      </c>
      <c r="AS14" s="328">
        <v>866178</v>
      </c>
      <c r="AT14" s="330">
        <v>866178</v>
      </c>
      <c r="AU14" s="326">
        <v>133308</v>
      </c>
      <c r="AV14" s="327">
        <v>49731</v>
      </c>
      <c r="AW14" s="328">
        <v>183039</v>
      </c>
      <c r="AX14" s="326">
        <v>0</v>
      </c>
      <c r="AY14" s="327">
        <v>953966</v>
      </c>
      <c r="AZ14" s="327">
        <v>1217753</v>
      </c>
      <c r="BA14" s="327">
        <v>1333452</v>
      </c>
      <c r="BB14" s="327">
        <v>868050</v>
      </c>
      <c r="BC14" s="327">
        <v>697203</v>
      </c>
      <c r="BD14" s="328">
        <v>5070424</v>
      </c>
      <c r="BE14" s="330">
        <v>5253463</v>
      </c>
      <c r="BF14" s="326">
        <v>15394</v>
      </c>
      <c r="BG14" s="327">
        <v>38486</v>
      </c>
      <c r="BH14" s="331">
        <v>53880</v>
      </c>
      <c r="BI14" s="332">
        <v>0</v>
      </c>
      <c r="BJ14" s="327">
        <v>221528</v>
      </c>
      <c r="BK14" s="327">
        <v>85681</v>
      </c>
      <c r="BL14" s="327">
        <v>162314</v>
      </c>
      <c r="BM14" s="327">
        <v>50740</v>
      </c>
      <c r="BN14" s="327">
        <v>17420</v>
      </c>
      <c r="BO14" s="328">
        <v>537683</v>
      </c>
      <c r="BP14" s="330">
        <v>591563</v>
      </c>
      <c r="BQ14" s="326">
        <v>102048</v>
      </c>
      <c r="BR14" s="327">
        <v>51104</v>
      </c>
      <c r="BS14" s="328">
        <v>153152</v>
      </c>
      <c r="BT14" s="326">
        <v>0</v>
      </c>
      <c r="BU14" s="327">
        <v>467400</v>
      </c>
      <c r="BV14" s="327">
        <v>352328</v>
      </c>
      <c r="BW14" s="327">
        <v>502720</v>
      </c>
      <c r="BX14" s="327">
        <v>381288</v>
      </c>
      <c r="BY14" s="327">
        <v>392984</v>
      </c>
      <c r="BZ14" s="328">
        <v>2096720</v>
      </c>
      <c r="CA14" s="330">
        <v>2249872</v>
      </c>
      <c r="CB14" s="326">
        <v>127146</v>
      </c>
      <c r="CC14" s="327">
        <v>115979</v>
      </c>
      <c r="CD14" s="328">
        <v>243125</v>
      </c>
      <c r="CE14" s="326">
        <v>0</v>
      </c>
      <c r="CF14" s="327">
        <v>2589911</v>
      </c>
      <c r="CG14" s="327">
        <v>3014265</v>
      </c>
      <c r="CH14" s="327">
        <v>1935679</v>
      </c>
      <c r="CI14" s="327">
        <v>1543208</v>
      </c>
      <c r="CJ14" s="327">
        <v>430444</v>
      </c>
      <c r="CK14" s="328">
        <v>9513507</v>
      </c>
      <c r="CL14" s="330">
        <v>9756632</v>
      </c>
      <c r="CM14" s="326">
        <v>0</v>
      </c>
      <c r="CN14" s="327">
        <v>0</v>
      </c>
      <c r="CO14" s="328">
        <v>0</v>
      </c>
      <c r="CP14" s="332">
        <v>0</v>
      </c>
      <c r="CQ14" s="327">
        <v>2067096</v>
      </c>
      <c r="CR14" s="327">
        <v>2402228</v>
      </c>
      <c r="CS14" s="327">
        <v>1192283</v>
      </c>
      <c r="CT14" s="327">
        <v>1543208</v>
      </c>
      <c r="CU14" s="327">
        <v>388398</v>
      </c>
      <c r="CV14" s="328">
        <v>7593213</v>
      </c>
      <c r="CW14" s="330">
        <v>7593213</v>
      </c>
      <c r="CX14" s="326">
        <v>127146</v>
      </c>
      <c r="CY14" s="327">
        <v>115979</v>
      </c>
      <c r="CZ14" s="328">
        <v>243125</v>
      </c>
      <c r="DA14" s="326">
        <v>0</v>
      </c>
      <c r="DB14" s="327">
        <v>522815</v>
      </c>
      <c r="DC14" s="327">
        <v>612037</v>
      </c>
      <c r="DD14" s="327">
        <v>743396</v>
      </c>
      <c r="DE14" s="327">
        <v>0</v>
      </c>
      <c r="DF14" s="327">
        <v>42046</v>
      </c>
      <c r="DG14" s="328">
        <v>1920294</v>
      </c>
      <c r="DH14" s="330">
        <v>2163419</v>
      </c>
      <c r="DI14" s="326">
        <v>34519</v>
      </c>
      <c r="DJ14" s="327">
        <v>59037</v>
      </c>
      <c r="DK14" s="331">
        <v>93556</v>
      </c>
      <c r="DL14" s="332">
        <v>0</v>
      </c>
      <c r="DM14" s="327">
        <v>115574</v>
      </c>
      <c r="DN14" s="327">
        <v>187730</v>
      </c>
      <c r="DO14" s="327">
        <v>1159716</v>
      </c>
      <c r="DP14" s="327">
        <v>784005</v>
      </c>
      <c r="DQ14" s="327">
        <v>196398</v>
      </c>
      <c r="DR14" s="328">
        <v>2443423</v>
      </c>
      <c r="DS14" s="330">
        <v>2536979</v>
      </c>
      <c r="DT14" s="326">
        <v>34519</v>
      </c>
      <c r="DU14" s="327">
        <v>59037</v>
      </c>
      <c r="DV14" s="328">
        <v>93556</v>
      </c>
      <c r="DW14" s="326">
        <v>0</v>
      </c>
      <c r="DX14" s="327">
        <v>115574</v>
      </c>
      <c r="DY14" s="327">
        <v>158053</v>
      </c>
      <c r="DZ14" s="327">
        <v>1127690</v>
      </c>
      <c r="EA14" s="327">
        <v>784005</v>
      </c>
      <c r="EB14" s="327">
        <v>196398</v>
      </c>
      <c r="EC14" s="328">
        <v>2381720</v>
      </c>
      <c r="ED14" s="330">
        <v>2475276</v>
      </c>
      <c r="EE14" s="326">
        <v>0</v>
      </c>
      <c r="EF14" s="331">
        <v>0</v>
      </c>
      <c r="EG14" s="328">
        <v>0</v>
      </c>
      <c r="EH14" s="326">
        <v>0</v>
      </c>
      <c r="EI14" s="327">
        <v>0</v>
      </c>
      <c r="EJ14" s="327">
        <v>29677</v>
      </c>
      <c r="EK14" s="327">
        <v>32026</v>
      </c>
      <c r="EL14" s="327">
        <v>0</v>
      </c>
      <c r="EM14" s="327">
        <v>0</v>
      </c>
      <c r="EN14" s="331">
        <v>61703</v>
      </c>
      <c r="EO14" s="330">
        <v>61703</v>
      </c>
      <c r="EP14" s="326">
        <v>0</v>
      </c>
      <c r="EQ14" s="327">
        <v>0</v>
      </c>
      <c r="ER14" s="331">
        <v>0</v>
      </c>
      <c r="ES14" s="332">
        <v>0</v>
      </c>
      <c r="ET14" s="327">
        <v>0</v>
      </c>
      <c r="EU14" s="327">
        <v>0</v>
      </c>
      <c r="EV14" s="327">
        <v>0</v>
      </c>
      <c r="EW14" s="327">
        <v>0</v>
      </c>
      <c r="EX14" s="327">
        <v>0</v>
      </c>
      <c r="EY14" s="328">
        <v>0</v>
      </c>
      <c r="EZ14" s="330">
        <v>0</v>
      </c>
      <c r="FA14" s="326">
        <v>0</v>
      </c>
      <c r="FB14" s="327">
        <v>0</v>
      </c>
      <c r="FC14" s="331">
        <v>0</v>
      </c>
      <c r="FD14" s="332">
        <v>0</v>
      </c>
      <c r="FE14" s="327">
        <v>0</v>
      </c>
      <c r="FF14" s="327">
        <v>0</v>
      </c>
      <c r="FG14" s="327">
        <v>0</v>
      </c>
      <c r="FH14" s="327">
        <v>0</v>
      </c>
      <c r="FI14" s="327">
        <v>0</v>
      </c>
      <c r="FJ14" s="328">
        <v>0</v>
      </c>
      <c r="FK14" s="330">
        <v>0</v>
      </c>
      <c r="FL14" s="326">
        <v>359440</v>
      </c>
      <c r="FM14" s="327">
        <v>425000</v>
      </c>
      <c r="FN14" s="328">
        <v>784440</v>
      </c>
      <c r="FO14" s="326">
        <v>0</v>
      </c>
      <c r="FP14" s="327">
        <v>655506</v>
      </c>
      <c r="FQ14" s="327">
        <v>973632</v>
      </c>
      <c r="FR14" s="327">
        <v>1098131</v>
      </c>
      <c r="FS14" s="327">
        <v>622472</v>
      </c>
      <c r="FT14" s="327">
        <v>343808</v>
      </c>
      <c r="FU14" s="328">
        <v>3693549</v>
      </c>
      <c r="FV14" s="330">
        <v>4477989</v>
      </c>
      <c r="FW14" s="333">
        <v>82320</v>
      </c>
      <c r="FX14" s="327">
        <v>150600</v>
      </c>
      <c r="FY14" s="331">
        <v>232920</v>
      </c>
      <c r="FZ14" s="332">
        <v>0</v>
      </c>
      <c r="GA14" s="327">
        <v>403840</v>
      </c>
      <c r="GB14" s="327">
        <v>951456</v>
      </c>
      <c r="GC14" s="327">
        <v>941792</v>
      </c>
      <c r="GD14" s="327">
        <v>600296</v>
      </c>
      <c r="GE14" s="327">
        <v>323744</v>
      </c>
      <c r="GF14" s="328">
        <v>3221128</v>
      </c>
      <c r="GG14" s="334">
        <v>3454048</v>
      </c>
      <c r="GH14" s="333">
        <v>118720</v>
      </c>
      <c r="GI14" s="327">
        <v>26400</v>
      </c>
      <c r="GJ14" s="331">
        <v>145120</v>
      </c>
      <c r="GK14" s="332">
        <v>0</v>
      </c>
      <c r="GL14" s="327">
        <v>39322</v>
      </c>
      <c r="GM14" s="327">
        <v>22176</v>
      </c>
      <c r="GN14" s="327">
        <v>18656</v>
      </c>
      <c r="GO14" s="327">
        <v>22176</v>
      </c>
      <c r="GP14" s="327">
        <v>20064</v>
      </c>
      <c r="GQ14" s="328">
        <v>122394</v>
      </c>
      <c r="GR14" s="330">
        <v>267514</v>
      </c>
      <c r="GS14" s="326">
        <v>158400</v>
      </c>
      <c r="GT14" s="327">
        <v>248000</v>
      </c>
      <c r="GU14" s="328">
        <v>406400</v>
      </c>
      <c r="GV14" s="326">
        <v>0</v>
      </c>
      <c r="GW14" s="327">
        <v>212344</v>
      </c>
      <c r="GX14" s="327">
        <v>0</v>
      </c>
      <c r="GY14" s="327">
        <v>137683</v>
      </c>
      <c r="GZ14" s="327">
        <v>0</v>
      </c>
      <c r="HA14" s="327">
        <v>0</v>
      </c>
      <c r="HB14" s="331">
        <v>350027</v>
      </c>
      <c r="HC14" s="330">
        <v>756427</v>
      </c>
      <c r="HD14" s="326">
        <v>310711</v>
      </c>
      <c r="HE14" s="327">
        <v>196593</v>
      </c>
      <c r="HF14" s="331">
        <v>507304</v>
      </c>
      <c r="HG14" s="332">
        <v>0</v>
      </c>
      <c r="HH14" s="327">
        <v>2170453</v>
      </c>
      <c r="HI14" s="327">
        <v>1701034</v>
      </c>
      <c r="HJ14" s="327">
        <v>2280114</v>
      </c>
      <c r="HK14" s="327">
        <v>2011891</v>
      </c>
      <c r="HL14" s="327">
        <v>1197045</v>
      </c>
      <c r="HM14" s="328">
        <v>9360537</v>
      </c>
      <c r="HN14" s="329">
        <v>9867841</v>
      </c>
      <c r="HO14" s="333">
        <v>0</v>
      </c>
      <c r="HP14" s="327">
        <v>0</v>
      </c>
      <c r="HQ14" s="328">
        <v>0</v>
      </c>
      <c r="HR14" s="326">
        <v>0</v>
      </c>
      <c r="HS14" s="327">
        <v>0</v>
      </c>
      <c r="HT14" s="327">
        <v>0</v>
      </c>
      <c r="HU14" s="327">
        <v>0</v>
      </c>
      <c r="HV14" s="327">
        <v>0</v>
      </c>
      <c r="HW14" s="327">
        <v>0</v>
      </c>
      <c r="HX14" s="331">
        <v>0</v>
      </c>
      <c r="HY14" s="330">
        <v>0</v>
      </c>
      <c r="HZ14" s="335">
        <v>0</v>
      </c>
      <c r="IA14" s="336">
        <v>82812</v>
      </c>
      <c r="IB14" s="337">
        <v>82812</v>
      </c>
      <c r="IC14" s="355">
        <v>0</v>
      </c>
      <c r="ID14" s="356">
        <v>3056074</v>
      </c>
      <c r="IE14" s="357">
        <v>3160312</v>
      </c>
      <c r="IF14" s="358">
        <v>2760749</v>
      </c>
      <c r="IG14" s="356">
        <v>2963619</v>
      </c>
      <c r="IH14" s="358">
        <v>948104</v>
      </c>
      <c r="II14" s="359">
        <v>12888858</v>
      </c>
      <c r="IJ14" s="341">
        <v>12971670</v>
      </c>
      <c r="IK14" s="342">
        <v>0</v>
      </c>
      <c r="IL14" s="343">
        <v>0</v>
      </c>
      <c r="IM14" s="344">
        <v>0</v>
      </c>
      <c r="IN14" s="404">
        <v>0</v>
      </c>
      <c r="IO14" s="345">
        <v>168518</v>
      </c>
      <c r="IP14" s="345">
        <v>0</v>
      </c>
      <c r="IQ14" s="345">
        <v>0</v>
      </c>
      <c r="IR14" s="345">
        <v>0</v>
      </c>
      <c r="IS14" s="345">
        <v>0</v>
      </c>
      <c r="IT14" s="346">
        <v>168518</v>
      </c>
      <c r="IU14" s="347">
        <v>168518</v>
      </c>
      <c r="IV14" s="348">
        <v>0</v>
      </c>
      <c r="IW14" s="345">
        <v>0</v>
      </c>
      <c r="IX14" s="349">
        <v>0</v>
      </c>
      <c r="IY14" s="404">
        <v>0</v>
      </c>
      <c r="IZ14" s="345">
        <v>0</v>
      </c>
      <c r="JA14" s="345">
        <v>0</v>
      </c>
      <c r="JB14" s="345">
        <v>0</v>
      </c>
      <c r="JC14" s="345">
        <v>0</v>
      </c>
      <c r="JD14" s="345">
        <v>0</v>
      </c>
      <c r="JE14" s="349">
        <v>0</v>
      </c>
      <c r="JF14" s="350">
        <v>0</v>
      </c>
      <c r="JG14" s="348">
        <v>0</v>
      </c>
      <c r="JH14" s="345">
        <v>0</v>
      </c>
      <c r="JI14" s="346">
        <v>0</v>
      </c>
      <c r="JJ14" s="351">
        <v>0</v>
      </c>
      <c r="JK14" s="345">
        <v>1143901</v>
      </c>
      <c r="JL14" s="345">
        <v>2540291</v>
      </c>
      <c r="JM14" s="345">
        <v>461942</v>
      </c>
      <c r="JN14" s="345">
        <v>485205</v>
      </c>
      <c r="JO14" s="345">
        <v>185758</v>
      </c>
      <c r="JP14" s="349">
        <v>4817097</v>
      </c>
      <c r="JQ14" s="347">
        <v>4817097</v>
      </c>
      <c r="JR14" s="348">
        <v>0</v>
      </c>
      <c r="JS14" s="345">
        <v>0</v>
      </c>
      <c r="JT14" s="346">
        <v>0</v>
      </c>
      <c r="JU14" s="351">
        <v>0</v>
      </c>
      <c r="JV14" s="345">
        <v>0</v>
      </c>
      <c r="JW14" s="345">
        <v>0</v>
      </c>
      <c r="JX14" s="345">
        <v>0</v>
      </c>
      <c r="JY14" s="345">
        <v>0</v>
      </c>
      <c r="JZ14" s="345">
        <v>0</v>
      </c>
      <c r="KA14" s="349">
        <v>0</v>
      </c>
      <c r="KB14" s="347">
        <v>0</v>
      </c>
      <c r="KC14" s="352">
        <v>0</v>
      </c>
      <c r="KD14" s="353">
        <v>82812</v>
      </c>
      <c r="KE14" s="349">
        <v>82812</v>
      </c>
      <c r="KF14" s="351">
        <v>0</v>
      </c>
      <c r="KG14" s="345">
        <v>129444</v>
      </c>
      <c r="KH14" s="345">
        <v>165491</v>
      </c>
      <c r="KI14" s="345">
        <v>444511</v>
      </c>
      <c r="KJ14" s="345">
        <v>267328</v>
      </c>
      <c r="KK14" s="345">
        <v>0</v>
      </c>
      <c r="KL14" s="349">
        <v>1006774</v>
      </c>
      <c r="KM14" s="354">
        <v>1089586</v>
      </c>
      <c r="KN14" s="342">
        <v>0</v>
      </c>
      <c r="KO14" s="343">
        <v>0</v>
      </c>
      <c r="KP14" s="344">
        <v>0</v>
      </c>
      <c r="KQ14" s="404">
        <v>0</v>
      </c>
      <c r="KR14" s="345">
        <v>1178532</v>
      </c>
      <c r="KS14" s="345">
        <v>251861</v>
      </c>
      <c r="KT14" s="345">
        <v>1285452</v>
      </c>
      <c r="KU14" s="345">
        <v>1337394</v>
      </c>
      <c r="KV14" s="345">
        <v>269952</v>
      </c>
      <c r="KW14" s="349">
        <v>4323191</v>
      </c>
      <c r="KX14" s="347">
        <v>4323191</v>
      </c>
      <c r="KY14" s="348">
        <v>0</v>
      </c>
      <c r="KZ14" s="345">
        <v>0</v>
      </c>
      <c r="LA14" s="349">
        <v>0</v>
      </c>
      <c r="LB14" s="404">
        <v>0</v>
      </c>
      <c r="LC14" s="345">
        <v>0</v>
      </c>
      <c r="LD14" s="345">
        <v>0</v>
      </c>
      <c r="LE14" s="345">
        <v>568844</v>
      </c>
      <c r="LF14" s="345">
        <v>0</v>
      </c>
      <c r="LG14" s="345">
        <v>492394</v>
      </c>
      <c r="LH14" s="349">
        <v>1061238</v>
      </c>
      <c r="LI14" s="350">
        <v>1061238</v>
      </c>
      <c r="LJ14" s="348">
        <v>0</v>
      </c>
      <c r="LK14" s="345">
        <v>0</v>
      </c>
      <c r="LL14" s="349">
        <v>0</v>
      </c>
      <c r="LM14" s="404">
        <v>0</v>
      </c>
      <c r="LN14" s="345">
        <v>0</v>
      </c>
      <c r="LO14" s="345">
        <v>0</v>
      </c>
      <c r="LP14" s="345">
        <v>0</v>
      </c>
      <c r="LQ14" s="345">
        <v>265262</v>
      </c>
      <c r="LR14" s="345">
        <v>0</v>
      </c>
      <c r="LS14" s="349">
        <v>265262</v>
      </c>
      <c r="LT14" s="347">
        <v>265262</v>
      </c>
      <c r="LU14" s="348">
        <v>0</v>
      </c>
      <c r="LV14" s="345">
        <v>0</v>
      </c>
      <c r="LW14" s="349">
        <v>0</v>
      </c>
      <c r="LX14" s="404">
        <v>0</v>
      </c>
      <c r="LY14" s="345">
        <v>435679</v>
      </c>
      <c r="LZ14" s="345">
        <v>202669</v>
      </c>
      <c r="MA14" s="345">
        <v>0</v>
      </c>
      <c r="MB14" s="345">
        <v>608430</v>
      </c>
      <c r="MC14" s="345">
        <v>0</v>
      </c>
      <c r="MD14" s="349">
        <v>1246778</v>
      </c>
      <c r="ME14" s="350">
        <v>1246778</v>
      </c>
      <c r="MF14" s="348">
        <v>0</v>
      </c>
      <c r="MG14" s="345">
        <v>0</v>
      </c>
      <c r="MH14" s="349">
        <v>0</v>
      </c>
      <c r="MI14" s="404">
        <v>0</v>
      </c>
      <c r="MJ14" s="345">
        <v>225895</v>
      </c>
      <c r="MK14" s="345">
        <v>972050</v>
      </c>
      <c r="ML14" s="345">
        <v>5365081</v>
      </c>
      <c r="MM14" s="345">
        <v>3024890</v>
      </c>
      <c r="MN14" s="345">
        <v>3526550</v>
      </c>
      <c r="MO14" s="349">
        <v>13114466</v>
      </c>
      <c r="MP14" s="354">
        <v>13114466</v>
      </c>
      <c r="MQ14" s="348">
        <v>0</v>
      </c>
      <c r="MR14" s="345">
        <v>0</v>
      </c>
      <c r="MS14" s="349">
        <v>0</v>
      </c>
      <c r="MT14" s="404">
        <v>0</v>
      </c>
      <c r="MU14" s="345">
        <v>225895</v>
      </c>
      <c r="MV14" s="345">
        <v>441500</v>
      </c>
      <c r="MW14" s="345">
        <v>2873180</v>
      </c>
      <c r="MX14" s="345">
        <v>2235124</v>
      </c>
      <c r="MY14" s="345">
        <v>2074786</v>
      </c>
      <c r="MZ14" s="349">
        <v>7850485</v>
      </c>
      <c r="NA14" s="354">
        <v>7850485</v>
      </c>
      <c r="NB14" s="348">
        <v>0</v>
      </c>
      <c r="NC14" s="345">
        <v>0</v>
      </c>
      <c r="ND14" s="349">
        <v>0</v>
      </c>
      <c r="NE14" s="404">
        <v>0</v>
      </c>
      <c r="NF14" s="345">
        <v>0</v>
      </c>
      <c r="NG14" s="345">
        <v>530550</v>
      </c>
      <c r="NH14" s="345">
        <v>2491901</v>
      </c>
      <c r="NI14" s="345">
        <v>789766</v>
      </c>
      <c r="NJ14" s="345">
        <v>1254556</v>
      </c>
      <c r="NK14" s="349">
        <v>5066773</v>
      </c>
      <c r="NL14" s="347">
        <v>5066773</v>
      </c>
      <c r="NM14" s="348">
        <v>0</v>
      </c>
      <c r="NN14" s="345">
        <v>0</v>
      </c>
      <c r="NO14" s="349">
        <v>0</v>
      </c>
      <c r="NP14" s="404">
        <v>0</v>
      </c>
      <c r="NQ14" s="345">
        <v>0</v>
      </c>
      <c r="NR14" s="345">
        <v>0</v>
      </c>
      <c r="NS14" s="345">
        <v>0</v>
      </c>
      <c r="NT14" s="345">
        <v>0</v>
      </c>
      <c r="NU14" s="345">
        <v>0</v>
      </c>
      <c r="NV14" s="349">
        <v>0</v>
      </c>
      <c r="NW14" s="350">
        <v>0</v>
      </c>
      <c r="NX14" s="348">
        <v>0</v>
      </c>
      <c r="NY14" s="345">
        <v>0</v>
      </c>
      <c r="NZ14" s="349">
        <v>0</v>
      </c>
      <c r="OA14" s="404">
        <v>0</v>
      </c>
      <c r="OB14" s="345">
        <v>0</v>
      </c>
      <c r="OC14" s="345">
        <v>0</v>
      </c>
      <c r="OD14" s="345">
        <v>0</v>
      </c>
      <c r="OE14" s="345">
        <v>0</v>
      </c>
      <c r="OF14" s="345">
        <v>197208</v>
      </c>
      <c r="OG14" s="349">
        <v>197208</v>
      </c>
      <c r="OH14" s="350">
        <v>197208</v>
      </c>
      <c r="OI14" s="348">
        <v>1082566</v>
      </c>
      <c r="OJ14" s="345">
        <v>1018742</v>
      </c>
      <c r="OK14" s="346">
        <v>2101308</v>
      </c>
      <c r="OL14" s="351">
        <v>0</v>
      </c>
      <c r="OM14" s="345">
        <v>11246590</v>
      </c>
      <c r="ON14" s="345">
        <v>13222546</v>
      </c>
      <c r="OO14" s="345">
        <v>19146897</v>
      </c>
      <c r="OP14" s="345">
        <v>13820952</v>
      </c>
      <c r="OQ14" s="345">
        <v>10749460</v>
      </c>
      <c r="OR14" s="349">
        <v>68186445</v>
      </c>
      <c r="OS14" s="354">
        <v>70287753</v>
      </c>
    </row>
    <row r="15" spans="1:409" s="70" customFormat="1" ht="21" customHeight="1" x14ac:dyDescent="0.2">
      <c r="B15" s="410" t="s">
        <v>9</v>
      </c>
      <c r="C15" s="326">
        <v>1018357</v>
      </c>
      <c r="D15" s="327">
        <v>1079628</v>
      </c>
      <c r="E15" s="328">
        <v>2097985</v>
      </c>
      <c r="F15" s="332">
        <v>0</v>
      </c>
      <c r="G15" s="327">
        <v>12267459</v>
      </c>
      <c r="H15" s="327">
        <v>11187115</v>
      </c>
      <c r="I15" s="327">
        <v>12792630</v>
      </c>
      <c r="J15" s="327">
        <v>12424615</v>
      </c>
      <c r="K15" s="327">
        <v>8453969</v>
      </c>
      <c r="L15" s="329">
        <v>57125788</v>
      </c>
      <c r="M15" s="330">
        <v>59223773</v>
      </c>
      <c r="N15" s="326">
        <v>287373</v>
      </c>
      <c r="O15" s="327">
        <v>382175</v>
      </c>
      <c r="P15" s="328">
        <v>669548</v>
      </c>
      <c r="Q15" s="326">
        <v>0</v>
      </c>
      <c r="R15" s="327">
        <v>4433344</v>
      </c>
      <c r="S15" s="327">
        <v>4051389</v>
      </c>
      <c r="T15" s="327">
        <v>4965059</v>
      </c>
      <c r="U15" s="327">
        <v>4084909</v>
      </c>
      <c r="V15" s="327">
        <v>4896211</v>
      </c>
      <c r="W15" s="328">
        <v>22430912</v>
      </c>
      <c r="X15" s="330">
        <v>23100460</v>
      </c>
      <c r="Y15" s="326">
        <v>0</v>
      </c>
      <c r="Z15" s="327">
        <v>0</v>
      </c>
      <c r="AA15" s="328">
        <v>0</v>
      </c>
      <c r="AB15" s="326">
        <v>0</v>
      </c>
      <c r="AC15" s="327">
        <v>1858850</v>
      </c>
      <c r="AD15" s="327">
        <v>2151094</v>
      </c>
      <c r="AE15" s="327">
        <v>2415794</v>
      </c>
      <c r="AF15" s="327">
        <v>2267536</v>
      </c>
      <c r="AG15" s="327">
        <v>3040231</v>
      </c>
      <c r="AH15" s="328">
        <v>11733505</v>
      </c>
      <c r="AI15" s="330">
        <v>11733505</v>
      </c>
      <c r="AJ15" s="326">
        <v>0</v>
      </c>
      <c r="AK15" s="327">
        <v>0</v>
      </c>
      <c r="AL15" s="328">
        <v>0</v>
      </c>
      <c r="AM15" s="326">
        <v>0</v>
      </c>
      <c r="AN15" s="327">
        <v>0</v>
      </c>
      <c r="AO15" s="327">
        <v>61216</v>
      </c>
      <c r="AP15" s="327">
        <v>48042</v>
      </c>
      <c r="AQ15" s="327">
        <v>38665</v>
      </c>
      <c r="AR15" s="327">
        <v>467887</v>
      </c>
      <c r="AS15" s="328">
        <v>615810</v>
      </c>
      <c r="AT15" s="330">
        <v>615810</v>
      </c>
      <c r="AU15" s="326">
        <v>207333</v>
      </c>
      <c r="AV15" s="327">
        <v>283711</v>
      </c>
      <c r="AW15" s="328">
        <v>491044</v>
      </c>
      <c r="AX15" s="326">
        <v>0</v>
      </c>
      <c r="AY15" s="327">
        <v>1662410</v>
      </c>
      <c r="AZ15" s="327">
        <v>1101894</v>
      </c>
      <c r="BA15" s="327">
        <v>1660655</v>
      </c>
      <c r="BB15" s="327">
        <v>1094699</v>
      </c>
      <c r="BC15" s="327">
        <v>1037121</v>
      </c>
      <c r="BD15" s="328">
        <v>6556779</v>
      </c>
      <c r="BE15" s="330">
        <v>7047823</v>
      </c>
      <c r="BF15" s="326">
        <v>0</v>
      </c>
      <c r="BG15" s="327">
        <v>41480</v>
      </c>
      <c r="BH15" s="331">
        <v>41480</v>
      </c>
      <c r="BI15" s="332">
        <v>0</v>
      </c>
      <c r="BJ15" s="327">
        <v>116820</v>
      </c>
      <c r="BK15" s="327">
        <v>86609</v>
      </c>
      <c r="BL15" s="327">
        <v>22352</v>
      </c>
      <c r="BM15" s="327">
        <v>98601</v>
      </c>
      <c r="BN15" s="327">
        <v>32012</v>
      </c>
      <c r="BO15" s="328">
        <v>356394</v>
      </c>
      <c r="BP15" s="330">
        <v>397874</v>
      </c>
      <c r="BQ15" s="326">
        <v>80040</v>
      </c>
      <c r="BR15" s="327">
        <v>56984</v>
      </c>
      <c r="BS15" s="328">
        <v>137024</v>
      </c>
      <c r="BT15" s="326">
        <v>0</v>
      </c>
      <c r="BU15" s="327">
        <v>795264</v>
      </c>
      <c r="BV15" s="327">
        <v>650576</v>
      </c>
      <c r="BW15" s="327">
        <v>818216</v>
      </c>
      <c r="BX15" s="327">
        <v>585408</v>
      </c>
      <c r="BY15" s="327">
        <v>318960</v>
      </c>
      <c r="BZ15" s="328">
        <v>3168424</v>
      </c>
      <c r="CA15" s="330">
        <v>3305448</v>
      </c>
      <c r="CB15" s="326">
        <v>112233</v>
      </c>
      <c r="CC15" s="327">
        <v>118851</v>
      </c>
      <c r="CD15" s="328">
        <v>231084</v>
      </c>
      <c r="CE15" s="326">
        <v>0</v>
      </c>
      <c r="CF15" s="327">
        <v>2985016</v>
      </c>
      <c r="CG15" s="327">
        <v>2527998</v>
      </c>
      <c r="CH15" s="327">
        <v>2803111</v>
      </c>
      <c r="CI15" s="327">
        <v>2162681</v>
      </c>
      <c r="CJ15" s="327">
        <v>930077</v>
      </c>
      <c r="CK15" s="328">
        <v>11408883</v>
      </c>
      <c r="CL15" s="330">
        <v>11639967</v>
      </c>
      <c r="CM15" s="326">
        <v>0</v>
      </c>
      <c r="CN15" s="327">
        <v>0</v>
      </c>
      <c r="CO15" s="328">
        <v>0</v>
      </c>
      <c r="CP15" s="332">
        <v>0</v>
      </c>
      <c r="CQ15" s="327">
        <v>2388110</v>
      </c>
      <c r="CR15" s="327">
        <v>1717029</v>
      </c>
      <c r="CS15" s="327">
        <v>2126986</v>
      </c>
      <c r="CT15" s="327">
        <v>823644</v>
      </c>
      <c r="CU15" s="327">
        <v>812810</v>
      </c>
      <c r="CV15" s="328">
        <v>7868579</v>
      </c>
      <c r="CW15" s="330">
        <v>7868579</v>
      </c>
      <c r="CX15" s="326">
        <v>112233</v>
      </c>
      <c r="CY15" s="327">
        <v>118851</v>
      </c>
      <c r="CZ15" s="328">
        <v>231084</v>
      </c>
      <c r="DA15" s="326">
        <v>0</v>
      </c>
      <c r="DB15" s="327">
        <v>596906</v>
      </c>
      <c r="DC15" s="327">
        <v>810969</v>
      </c>
      <c r="DD15" s="327">
        <v>676125</v>
      </c>
      <c r="DE15" s="327">
        <v>1339037</v>
      </c>
      <c r="DF15" s="327">
        <v>117267</v>
      </c>
      <c r="DG15" s="328">
        <v>3540304</v>
      </c>
      <c r="DH15" s="330">
        <v>3771388</v>
      </c>
      <c r="DI15" s="326">
        <v>0</v>
      </c>
      <c r="DJ15" s="327">
        <v>0</v>
      </c>
      <c r="DK15" s="331">
        <v>0</v>
      </c>
      <c r="DL15" s="332">
        <v>0</v>
      </c>
      <c r="DM15" s="327">
        <v>217474</v>
      </c>
      <c r="DN15" s="327">
        <v>611049</v>
      </c>
      <c r="DO15" s="327">
        <v>1375379</v>
      </c>
      <c r="DP15" s="327">
        <v>707381</v>
      </c>
      <c r="DQ15" s="327">
        <v>350768</v>
      </c>
      <c r="DR15" s="328">
        <v>3262051</v>
      </c>
      <c r="DS15" s="330">
        <v>3262051</v>
      </c>
      <c r="DT15" s="326">
        <v>0</v>
      </c>
      <c r="DU15" s="327">
        <v>0</v>
      </c>
      <c r="DV15" s="328">
        <v>0</v>
      </c>
      <c r="DW15" s="326">
        <v>0</v>
      </c>
      <c r="DX15" s="327">
        <v>191338</v>
      </c>
      <c r="DY15" s="327">
        <v>410495</v>
      </c>
      <c r="DZ15" s="327">
        <v>1121924</v>
      </c>
      <c r="EA15" s="327">
        <v>707381</v>
      </c>
      <c r="EB15" s="327">
        <v>276257</v>
      </c>
      <c r="EC15" s="328">
        <v>2707395</v>
      </c>
      <c r="ED15" s="330">
        <v>2707395</v>
      </c>
      <c r="EE15" s="326">
        <v>0</v>
      </c>
      <c r="EF15" s="331">
        <v>0</v>
      </c>
      <c r="EG15" s="328">
        <v>0</v>
      </c>
      <c r="EH15" s="326">
        <v>0</v>
      </c>
      <c r="EI15" s="327">
        <v>26136</v>
      </c>
      <c r="EJ15" s="327">
        <v>200554</v>
      </c>
      <c r="EK15" s="327">
        <v>253455</v>
      </c>
      <c r="EL15" s="327">
        <v>0</v>
      </c>
      <c r="EM15" s="327">
        <v>74511</v>
      </c>
      <c r="EN15" s="331">
        <v>554656</v>
      </c>
      <c r="EO15" s="330">
        <v>554656</v>
      </c>
      <c r="EP15" s="326">
        <v>0</v>
      </c>
      <c r="EQ15" s="327">
        <v>0</v>
      </c>
      <c r="ER15" s="331">
        <v>0</v>
      </c>
      <c r="ES15" s="332">
        <v>0</v>
      </c>
      <c r="ET15" s="327">
        <v>0</v>
      </c>
      <c r="EU15" s="327">
        <v>0</v>
      </c>
      <c r="EV15" s="327">
        <v>0</v>
      </c>
      <c r="EW15" s="327">
        <v>0</v>
      </c>
      <c r="EX15" s="327">
        <v>0</v>
      </c>
      <c r="EY15" s="328">
        <v>0</v>
      </c>
      <c r="EZ15" s="330">
        <v>0</v>
      </c>
      <c r="FA15" s="326">
        <v>0</v>
      </c>
      <c r="FB15" s="327">
        <v>0</v>
      </c>
      <c r="FC15" s="331">
        <v>0</v>
      </c>
      <c r="FD15" s="332">
        <v>0</v>
      </c>
      <c r="FE15" s="327">
        <v>0</v>
      </c>
      <c r="FF15" s="327">
        <v>0</v>
      </c>
      <c r="FG15" s="327">
        <v>0</v>
      </c>
      <c r="FH15" s="327">
        <v>0</v>
      </c>
      <c r="FI15" s="327">
        <v>0</v>
      </c>
      <c r="FJ15" s="328">
        <v>0</v>
      </c>
      <c r="FK15" s="330">
        <v>0</v>
      </c>
      <c r="FL15" s="326">
        <v>330480</v>
      </c>
      <c r="FM15" s="327">
        <v>290264</v>
      </c>
      <c r="FN15" s="328">
        <v>620744</v>
      </c>
      <c r="FO15" s="326">
        <v>0</v>
      </c>
      <c r="FP15" s="327">
        <v>555494</v>
      </c>
      <c r="FQ15" s="327">
        <v>970296</v>
      </c>
      <c r="FR15" s="327">
        <v>1079176</v>
      </c>
      <c r="FS15" s="327">
        <v>913656</v>
      </c>
      <c r="FT15" s="327">
        <v>617848</v>
      </c>
      <c r="FU15" s="328">
        <v>4136470</v>
      </c>
      <c r="FV15" s="330">
        <v>4757214</v>
      </c>
      <c r="FW15" s="333">
        <v>143280</v>
      </c>
      <c r="FX15" s="327">
        <v>104656</v>
      </c>
      <c r="FY15" s="331">
        <v>247936</v>
      </c>
      <c r="FZ15" s="332">
        <v>0</v>
      </c>
      <c r="GA15" s="327">
        <v>480064</v>
      </c>
      <c r="GB15" s="327">
        <v>894536</v>
      </c>
      <c r="GC15" s="327">
        <v>925456</v>
      </c>
      <c r="GD15" s="327">
        <v>712056</v>
      </c>
      <c r="GE15" s="327">
        <v>572248</v>
      </c>
      <c r="GF15" s="328">
        <v>3584360</v>
      </c>
      <c r="GG15" s="334">
        <v>3832296</v>
      </c>
      <c r="GH15" s="333">
        <v>0</v>
      </c>
      <c r="GI15" s="327">
        <v>25608</v>
      </c>
      <c r="GJ15" s="331">
        <v>25608</v>
      </c>
      <c r="GK15" s="332">
        <v>0</v>
      </c>
      <c r="GL15" s="327">
        <v>28230</v>
      </c>
      <c r="GM15" s="327">
        <v>67760</v>
      </c>
      <c r="GN15" s="327">
        <v>49720</v>
      </c>
      <c r="GO15" s="327">
        <v>17600</v>
      </c>
      <c r="GP15" s="327">
        <v>0</v>
      </c>
      <c r="GQ15" s="328">
        <v>163310</v>
      </c>
      <c r="GR15" s="330">
        <v>188918</v>
      </c>
      <c r="GS15" s="326">
        <v>187200</v>
      </c>
      <c r="GT15" s="327">
        <v>160000</v>
      </c>
      <c r="GU15" s="328">
        <v>347200</v>
      </c>
      <c r="GV15" s="326">
        <v>0</v>
      </c>
      <c r="GW15" s="327">
        <v>47200</v>
      </c>
      <c r="GX15" s="327">
        <v>8000</v>
      </c>
      <c r="GY15" s="327">
        <v>104000</v>
      </c>
      <c r="GZ15" s="327">
        <v>184000</v>
      </c>
      <c r="HA15" s="327">
        <v>45600</v>
      </c>
      <c r="HB15" s="331">
        <v>388800</v>
      </c>
      <c r="HC15" s="330">
        <v>736000</v>
      </c>
      <c r="HD15" s="326">
        <v>288271</v>
      </c>
      <c r="HE15" s="327">
        <v>288338</v>
      </c>
      <c r="HF15" s="331">
        <v>576609</v>
      </c>
      <c r="HG15" s="332">
        <v>0</v>
      </c>
      <c r="HH15" s="327">
        <v>4076131</v>
      </c>
      <c r="HI15" s="327">
        <v>3026383</v>
      </c>
      <c r="HJ15" s="327">
        <v>2569905</v>
      </c>
      <c r="HK15" s="327">
        <v>4555988</v>
      </c>
      <c r="HL15" s="327">
        <v>1659065</v>
      </c>
      <c r="HM15" s="328">
        <v>15887472</v>
      </c>
      <c r="HN15" s="329">
        <v>16464081</v>
      </c>
      <c r="HO15" s="333">
        <v>0</v>
      </c>
      <c r="HP15" s="327">
        <v>0</v>
      </c>
      <c r="HQ15" s="328">
        <v>0</v>
      </c>
      <c r="HR15" s="326">
        <v>0</v>
      </c>
      <c r="HS15" s="327">
        <v>0</v>
      </c>
      <c r="HT15" s="327">
        <v>0</v>
      </c>
      <c r="HU15" s="327">
        <v>0</v>
      </c>
      <c r="HV15" s="327">
        <v>0</v>
      </c>
      <c r="HW15" s="327">
        <v>0</v>
      </c>
      <c r="HX15" s="331">
        <v>0</v>
      </c>
      <c r="HY15" s="330">
        <v>0</v>
      </c>
      <c r="HZ15" s="360">
        <v>38814</v>
      </c>
      <c r="IA15" s="361">
        <v>0</v>
      </c>
      <c r="IB15" s="362">
        <v>38814</v>
      </c>
      <c r="IC15" s="338">
        <v>0</v>
      </c>
      <c r="ID15" s="336">
        <v>2643811</v>
      </c>
      <c r="IE15" s="339">
        <v>89548</v>
      </c>
      <c r="IF15" s="337">
        <v>4583516</v>
      </c>
      <c r="IG15" s="336">
        <v>1294203</v>
      </c>
      <c r="IH15" s="337">
        <v>648854</v>
      </c>
      <c r="II15" s="340">
        <v>9259932</v>
      </c>
      <c r="IJ15" s="363">
        <v>9298746</v>
      </c>
      <c r="IK15" s="342">
        <v>0</v>
      </c>
      <c r="IL15" s="343">
        <v>0</v>
      </c>
      <c r="IM15" s="344">
        <v>0</v>
      </c>
      <c r="IN15" s="404">
        <v>0</v>
      </c>
      <c r="IO15" s="345">
        <v>0</v>
      </c>
      <c r="IP15" s="345">
        <v>0</v>
      </c>
      <c r="IQ15" s="345">
        <v>0</v>
      </c>
      <c r="IR15" s="345">
        <v>0</v>
      </c>
      <c r="IS15" s="345">
        <v>0</v>
      </c>
      <c r="IT15" s="346">
        <v>0</v>
      </c>
      <c r="IU15" s="347">
        <v>0</v>
      </c>
      <c r="IV15" s="348">
        <v>0</v>
      </c>
      <c r="IW15" s="345">
        <v>0</v>
      </c>
      <c r="IX15" s="349">
        <v>0</v>
      </c>
      <c r="IY15" s="404">
        <v>0</v>
      </c>
      <c r="IZ15" s="345">
        <v>0</v>
      </c>
      <c r="JA15" s="345">
        <v>0</v>
      </c>
      <c r="JB15" s="345">
        <v>0</v>
      </c>
      <c r="JC15" s="345">
        <v>0</v>
      </c>
      <c r="JD15" s="345">
        <v>0</v>
      </c>
      <c r="JE15" s="349">
        <v>0</v>
      </c>
      <c r="JF15" s="350">
        <v>0</v>
      </c>
      <c r="JG15" s="348">
        <v>0</v>
      </c>
      <c r="JH15" s="345">
        <v>0</v>
      </c>
      <c r="JI15" s="346">
        <v>0</v>
      </c>
      <c r="JJ15" s="351">
        <v>0</v>
      </c>
      <c r="JK15" s="345">
        <v>1782210</v>
      </c>
      <c r="JL15" s="345">
        <v>876073</v>
      </c>
      <c r="JM15" s="345">
        <v>1562124</v>
      </c>
      <c r="JN15" s="345">
        <v>704472</v>
      </c>
      <c r="JO15" s="345">
        <v>509442</v>
      </c>
      <c r="JP15" s="349">
        <v>5434321</v>
      </c>
      <c r="JQ15" s="347">
        <v>5434321</v>
      </c>
      <c r="JR15" s="348">
        <v>0</v>
      </c>
      <c r="JS15" s="345">
        <v>0</v>
      </c>
      <c r="JT15" s="346">
        <v>0</v>
      </c>
      <c r="JU15" s="351">
        <v>0</v>
      </c>
      <c r="JV15" s="345">
        <v>0</v>
      </c>
      <c r="JW15" s="345">
        <v>0</v>
      </c>
      <c r="JX15" s="345">
        <v>0</v>
      </c>
      <c r="JY15" s="345">
        <v>0</v>
      </c>
      <c r="JZ15" s="345">
        <v>139412</v>
      </c>
      <c r="KA15" s="349">
        <v>139412</v>
      </c>
      <c r="KB15" s="347">
        <v>139412</v>
      </c>
      <c r="KC15" s="352">
        <v>38814</v>
      </c>
      <c r="KD15" s="353">
        <v>0</v>
      </c>
      <c r="KE15" s="349">
        <v>38814</v>
      </c>
      <c r="KF15" s="351">
        <v>0</v>
      </c>
      <c r="KG15" s="345">
        <v>122421</v>
      </c>
      <c r="KH15" s="345">
        <v>-1679761</v>
      </c>
      <c r="KI15" s="345">
        <v>253473</v>
      </c>
      <c r="KJ15" s="345">
        <v>0</v>
      </c>
      <c r="KK15" s="345">
        <v>0</v>
      </c>
      <c r="KL15" s="349">
        <v>-1303867</v>
      </c>
      <c r="KM15" s="354">
        <v>-1265053</v>
      </c>
      <c r="KN15" s="342">
        <v>0</v>
      </c>
      <c r="KO15" s="343">
        <v>0</v>
      </c>
      <c r="KP15" s="344">
        <v>0</v>
      </c>
      <c r="KQ15" s="404">
        <v>0</v>
      </c>
      <c r="KR15" s="345">
        <v>739180</v>
      </c>
      <c r="KS15" s="345">
        <v>519730</v>
      </c>
      <c r="KT15" s="345">
        <v>2388628</v>
      </c>
      <c r="KU15" s="345">
        <v>589731</v>
      </c>
      <c r="KV15" s="345">
        <v>0</v>
      </c>
      <c r="KW15" s="349">
        <v>4237269</v>
      </c>
      <c r="KX15" s="347">
        <v>4237269</v>
      </c>
      <c r="KY15" s="348">
        <v>0</v>
      </c>
      <c r="KZ15" s="345">
        <v>0</v>
      </c>
      <c r="LA15" s="349">
        <v>0</v>
      </c>
      <c r="LB15" s="404">
        <v>0</v>
      </c>
      <c r="LC15" s="345">
        <v>0</v>
      </c>
      <c r="LD15" s="345">
        <v>185618</v>
      </c>
      <c r="LE15" s="345">
        <v>0</v>
      </c>
      <c r="LF15" s="345">
        <v>0</v>
      </c>
      <c r="LG15" s="345">
        <v>0</v>
      </c>
      <c r="LH15" s="349">
        <v>185618</v>
      </c>
      <c r="LI15" s="350">
        <v>185618</v>
      </c>
      <c r="LJ15" s="348">
        <v>0</v>
      </c>
      <c r="LK15" s="345">
        <v>0</v>
      </c>
      <c r="LL15" s="349">
        <v>0</v>
      </c>
      <c r="LM15" s="404">
        <v>0</v>
      </c>
      <c r="LN15" s="345">
        <v>0</v>
      </c>
      <c r="LO15" s="345">
        <v>0</v>
      </c>
      <c r="LP15" s="345">
        <v>0</v>
      </c>
      <c r="LQ15" s="345">
        <v>0</v>
      </c>
      <c r="LR15" s="345">
        <v>0</v>
      </c>
      <c r="LS15" s="349">
        <v>0</v>
      </c>
      <c r="LT15" s="347">
        <v>0</v>
      </c>
      <c r="LU15" s="348">
        <v>0</v>
      </c>
      <c r="LV15" s="345">
        <v>0</v>
      </c>
      <c r="LW15" s="349">
        <v>0</v>
      </c>
      <c r="LX15" s="404">
        <v>0</v>
      </c>
      <c r="LY15" s="345">
        <v>0</v>
      </c>
      <c r="LZ15" s="345">
        <v>187888</v>
      </c>
      <c r="MA15" s="345">
        <v>379291</v>
      </c>
      <c r="MB15" s="345">
        <v>0</v>
      </c>
      <c r="MC15" s="345">
        <v>0</v>
      </c>
      <c r="MD15" s="349">
        <v>567179</v>
      </c>
      <c r="ME15" s="350">
        <v>567179</v>
      </c>
      <c r="MF15" s="348">
        <v>0</v>
      </c>
      <c r="MG15" s="345">
        <v>0</v>
      </c>
      <c r="MH15" s="349">
        <v>0</v>
      </c>
      <c r="MI15" s="404">
        <v>0</v>
      </c>
      <c r="MJ15" s="345">
        <v>0</v>
      </c>
      <c r="MK15" s="345">
        <v>1173934</v>
      </c>
      <c r="ML15" s="345">
        <v>6395821</v>
      </c>
      <c r="MM15" s="345">
        <v>8329511</v>
      </c>
      <c r="MN15" s="345">
        <v>2550311</v>
      </c>
      <c r="MO15" s="349">
        <v>18449577</v>
      </c>
      <c r="MP15" s="354">
        <v>18449577</v>
      </c>
      <c r="MQ15" s="348">
        <v>0</v>
      </c>
      <c r="MR15" s="345">
        <v>0</v>
      </c>
      <c r="MS15" s="349">
        <v>0</v>
      </c>
      <c r="MT15" s="404">
        <v>0</v>
      </c>
      <c r="MU15" s="345">
        <v>0</v>
      </c>
      <c r="MV15" s="345">
        <v>0</v>
      </c>
      <c r="MW15" s="345">
        <v>3461646</v>
      </c>
      <c r="MX15" s="345">
        <v>6962838</v>
      </c>
      <c r="MY15" s="345">
        <v>1854858</v>
      </c>
      <c r="MZ15" s="349">
        <v>12279342</v>
      </c>
      <c r="NA15" s="354">
        <v>12279342</v>
      </c>
      <c r="NB15" s="348">
        <v>0</v>
      </c>
      <c r="NC15" s="345">
        <v>0</v>
      </c>
      <c r="ND15" s="349">
        <v>0</v>
      </c>
      <c r="NE15" s="404">
        <v>0</v>
      </c>
      <c r="NF15" s="345">
        <v>0</v>
      </c>
      <c r="NG15" s="345">
        <v>1173934</v>
      </c>
      <c r="NH15" s="345">
        <v>2934175</v>
      </c>
      <c r="NI15" s="345">
        <v>1366673</v>
      </c>
      <c r="NJ15" s="345">
        <v>695453</v>
      </c>
      <c r="NK15" s="349">
        <v>6170235</v>
      </c>
      <c r="NL15" s="347">
        <v>6170235</v>
      </c>
      <c r="NM15" s="348">
        <v>0</v>
      </c>
      <c r="NN15" s="345">
        <v>0</v>
      </c>
      <c r="NO15" s="349">
        <v>0</v>
      </c>
      <c r="NP15" s="404">
        <v>0</v>
      </c>
      <c r="NQ15" s="345">
        <v>0</v>
      </c>
      <c r="NR15" s="345">
        <v>0</v>
      </c>
      <c r="NS15" s="345">
        <v>0</v>
      </c>
      <c r="NT15" s="345">
        <v>0</v>
      </c>
      <c r="NU15" s="345">
        <v>0</v>
      </c>
      <c r="NV15" s="349">
        <v>0</v>
      </c>
      <c r="NW15" s="350">
        <v>0</v>
      </c>
      <c r="NX15" s="348">
        <v>0</v>
      </c>
      <c r="NY15" s="345">
        <v>0</v>
      </c>
      <c r="NZ15" s="349">
        <v>0</v>
      </c>
      <c r="OA15" s="404">
        <v>0</v>
      </c>
      <c r="OB15" s="345">
        <v>0</v>
      </c>
      <c r="OC15" s="345">
        <v>0</v>
      </c>
      <c r="OD15" s="345">
        <v>0</v>
      </c>
      <c r="OE15" s="345">
        <v>0</v>
      </c>
      <c r="OF15" s="345">
        <v>0</v>
      </c>
      <c r="OG15" s="349">
        <v>0</v>
      </c>
      <c r="OH15" s="350">
        <v>0</v>
      </c>
      <c r="OI15" s="348">
        <v>1057171</v>
      </c>
      <c r="OJ15" s="345">
        <v>1079628</v>
      </c>
      <c r="OK15" s="346">
        <v>2136799</v>
      </c>
      <c r="OL15" s="351">
        <v>0</v>
      </c>
      <c r="OM15" s="345">
        <v>14911270</v>
      </c>
      <c r="ON15" s="345">
        <v>12450597</v>
      </c>
      <c r="OO15" s="345">
        <v>23771967</v>
      </c>
      <c r="OP15" s="345">
        <v>22048329</v>
      </c>
      <c r="OQ15" s="345">
        <v>11653134</v>
      </c>
      <c r="OR15" s="349">
        <v>84835297</v>
      </c>
      <c r="OS15" s="354">
        <v>86972096</v>
      </c>
    </row>
    <row r="16" spans="1:409" s="70" customFormat="1" ht="21" customHeight="1" x14ac:dyDescent="0.2">
      <c r="B16" s="410" t="s">
        <v>10</v>
      </c>
      <c r="C16" s="326">
        <v>1615752</v>
      </c>
      <c r="D16" s="327">
        <v>1606472</v>
      </c>
      <c r="E16" s="328">
        <v>3222224</v>
      </c>
      <c r="F16" s="364">
        <v>0</v>
      </c>
      <c r="G16" s="327">
        <v>19967191</v>
      </c>
      <c r="H16" s="327">
        <v>15593735</v>
      </c>
      <c r="I16" s="327">
        <v>15351722</v>
      </c>
      <c r="J16" s="327">
        <v>17158917</v>
      </c>
      <c r="K16" s="327">
        <v>10717802</v>
      </c>
      <c r="L16" s="329">
        <v>78789367</v>
      </c>
      <c r="M16" s="330">
        <v>82011591</v>
      </c>
      <c r="N16" s="326">
        <v>601065</v>
      </c>
      <c r="O16" s="327">
        <v>605240</v>
      </c>
      <c r="P16" s="328">
        <v>1206305</v>
      </c>
      <c r="Q16" s="326">
        <v>0</v>
      </c>
      <c r="R16" s="327">
        <v>6622688</v>
      </c>
      <c r="S16" s="327">
        <v>5376704</v>
      </c>
      <c r="T16" s="327">
        <v>5448796</v>
      </c>
      <c r="U16" s="327">
        <v>7862320</v>
      </c>
      <c r="V16" s="327">
        <v>6238185</v>
      </c>
      <c r="W16" s="328">
        <v>31548693</v>
      </c>
      <c r="X16" s="330">
        <v>32754998</v>
      </c>
      <c r="Y16" s="326">
        <v>0</v>
      </c>
      <c r="Z16" s="327">
        <v>0</v>
      </c>
      <c r="AA16" s="328">
        <v>0</v>
      </c>
      <c r="AB16" s="326">
        <v>0</v>
      </c>
      <c r="AC16" s="327">
        <v>2894156</v>
      </c>
      <c r="AD16" s="327">
        <v>2696689</v>
      </c>
      <c r="AE16" s="327">
        <v>2766341</v>
      </c>
      <c r="AF16" s="327">
        <v>4610523</v>
      </c>
      <c r="AG16" s="327">
        <v>3760901</v>
      </c>
      <c r="AH16" s="328">
        <v>16728610</v>
      </c>
      <c r="AI16" s="330">
        <v>16728610</v>
      </c>
      <c r="AJ16" s="326">
        <v>0</v>
      </c>
      <c r="AK16" s="327">
        <v>0</v>
      </c>
      <c r="AL16" s="328">
        <v>0</v>
      </c>
      <c r="AM16" s="326">
        <v>0</v>
      </c>
      <c r="AN16" s="327">
        <v>0</v>
      </c>
      <c r="AO16" s="327">
        <v>62481</v>
      </c>
      <c r="AP16" s="327">
        <v>169172</v>
      </c>
      <c r="AQ16" s="327">
        <v>377227</v>
      </c>
      <c r="AR16" s="327">
        <v>682253</v>
      </c>
      <c r="AS16" s="328">
        <v>1291133</v>
      </c>
      <c r="AT16" s="330">
        <v>1291133</v>
      </c>
      <c r="AU16" s="326">
        <v>349291</v>
      </c>
      <c r="AV16" s="327">
        <v>360755</v>
      </c>
      <c r="AW16" s="328">
        <v>710046</v>
      </c>
      <c r="AX16" s="326">
        <v>0</v>
      </c>
      <c r="AY16" s="327">
        <v>2358440</v>
      </c>
      <c r="AZ16" s="327">
        <v>1508444</v>
      </c>
      <c r="BA16" s="327">
        <v>1527073</v>
      </c>
      <c r="BB16" s="327">
        <v>1630601</v>
      </c>
      <c r="BC16" s="327">
        <v>881773</v>
      </c>
      <c r="BD16" s="328">
        <v>7906331</v>
      </c>
      <c r="BE16" s="330">
        <v>8616377</v>
      </c>
      <c r="BF16" s="326">
        <v>41478</v>
      </c>
      <c r="BG16" s="327">
        <v>89949</v>
      </c>
      <c r="BH16" s="331">
        <v>131427</v>
      </c>
      <c r="BI16" s="332">
        <v>0</v>
      </c>
      <c r="BJ16" s="327">
        <v>174708</v>
      </c>
      <c r="BK16" s="327">
        <v>175418</v>
      </c>
      <c r="BL16" s="327">
        <v>96874</v>
      </c>
      <c r="BM16" s="327">
        <v>222297</v>
      </c>
      <c r="BN16" s="327">
        <v>96458</v>
      </c>
      <c r="BO16" s="328">
        <v>765755</v>
      </c>
      <c r="BP16" s="330">
        <v>897182</v>
      </c>
      <c r="BQ16" s="326">
        <v>210296</v>
      </c>
      <c r="BR16" s="327">
        <v>154536</v>
      </c>
      <c r="BS16" s="328">
        <v>364832</v>
      </c>
      <c r="BT16" s="326">
        <v>0</v>
      </c>
      <c r="BU16" s="327">
        <v>1195384</v>
      </c>
      <c r="BV16" s="327">
        <v>933672</v>
      </c>
      <c r="BW16" s="327">
        <v>889336</v>
      </c>
      <c r="BX16" s="327">
        <v>1021672</v>
      </c>
      <c r="BY16" s="327">
        <v>816800</v>
      </c>
      <c r="BZ16" s="328">
        <v>4856864</v>
      </c>
      <c r="CA16" s="330">
        <v>5221696</v>
      </c>
      <c r="CB16" s="326">
        <v>61415</v>
      </c>
      <c r="CC16" s="327">
        <v>196348</v>
      </c>
      <c r="CD16" s="328">
        <v>257763</v>
      </c>
      <c r="CE16" s="326">
        <v>0</v>
      </c>
      <c r="CF16" s="327">
        <v>7656561</v>
      </c>
      <c r="CG16" s="327">
        <v>4487851</v>
      </c>
      <c r="CH16" s="327">
        <v>3005564</v>
      </c>
      <c r="CI16" s="327">
        <v>2010365</v>
      </c>
      <c r="CJ16" s="327">
        <v>969865</v>
      </c>
      <c r="CK16" s="328">
        <v>18130206</v>
      </c>
      <c r="CL16" s="330">
        <v>18387969</v>
      </c>
      <c r="CM16" s="326">
        <v>0</v>
      </c>
      <c r="CN16" s="327">
        <v>0</v>
      </c>
      <c r="CO16" s="328">
        <v>0</v>
      </c>
      <c r="CP16" s="332">
        <v>0</v>
      </c>
      <c r="CQ16" s="327">
        <v>5911315</v>
      </c>
      <c r="CR16" s="327">
        <v>3747310</v>
      </c>
      <c r="CS16" s="327">
        <v>1977386</v>
      </c>
      <c r="CT16" s="327">
        <v>1832234</v>
      </c>
      <c r="CU16" s="327">
        <v>541857</v>
      </c>
      <c r="CV16" s="328">
        <v>14010102</v>
      </c>
      <c r="CW16" s="330">
        <v>14010102</v>
      </c>
      <c r="CX16" s="326">
        <v>61415</v>
      </c>
      <c r="CY16" s="327">
        <v>196348</v>
      </c>
      <c r="CZ16" s="328">
        <v>257763</v>
      </c>
      <c r="DA16" s="326">
        <v>0</v>
      </c>
      <c r="DB16" s="327">
        <v>1745246</v>
      </c>
      <c r="DC16" s="327">
        <v>740541</v>
      </c>
      <c r="DD16" s="327">
        <v>1028178</v>
      </c>
      <c r="DE16" s="327">
        <v>178131</v>
      </c>
      <c r="DF16" s="327">
        <v>428008</v>
      </c>
      <c r="DG16" s="328">
        <v>4120104</v>
      </c>
      <c r="DH16" s="330">
        <v>4377867</v>
      </c>
      <c r="DI16" s="326">
        <v>0</v>
      </c>
      <c r="DJ16" s="327">
        <v>76238</v>
      </c>
      <c r="DK16" s="331">
        <v>76238</v>
      </c>
      <c r="DL16" s="332">
        <v>0</v>
      </c>
      <c r="DM16" s="327">
        <v>958834</v>
      </c>
      <c r="DN16" s="327">
        <v>681013</v>
      </c>
      <c r="DO16" s="327">
        <v>1902161</v>
      </c>
      <c r="DP16" s="327">
        <v>1094479</v>
      </c>
      <c r="DQ16" s="327">
        <v>451418</v>
      </c>
      <c r="DR16" s="328">
        <v>5087905</v>
      </c>
      <c r="DS16" s="330">
        <v>5164143</v>
      </c>
      <c r="DT16" s="326">
        <v>0</v>
      </c>
      <c r="DU16" s="327">
        <v>76238</v>
      </c>
      <c r="DV16" s="328">
        <v>76238</v>
      </c>
      <c r="DW16" s="326">
        <v>0</v>
      </c>
      <c r="DX16" s="327">
        <v>958834</v>
      </c>
      <c r="DY16" s="327">
        <v>630733</v>
      </c>
      <c r="DZ16" s="327">
        <v>1703422</v>
      </c>
      <c r="EA16" s="327">
        <v>1094479</v>
      </c>
      <c r="EB16" s="327">
        <v>304061</v>
      </c>
      <c r="EC16" s="328">
        <v>4691529</v>
      </c>
      <c r="ED16" s="330">
        <v>4767767</v>
      </c>
      <c r="EE16" s="326">
        <v>0</v>
      </c>
      <c r="EF16" s="331">
        <v>0</v>
      </c>
      <c r="EG16" s="328">
        <v>0</v>
      </c>
      <c r="EH16" s="326">
        <v>0</v>
      </c>
      <c r="EI16" s="327">
        <v>0</v>
      </c>
      <c r="EJ16" s="327">
        <v>50280</v>
      </c>
      <c r="EK16" s="327">
        <v>198739</v>
      </c>
      <c r="EL16" s="327">
        <v>0</v>
      </c>
      <c r="EM16" s="327">
        <v>147357</v>
      </c>
      <c r="EN16" s="331">
        <v>396376</v>
      </c>
      <c r="EO16" s="330">
        <v>396376</v>
      </c>
      <c r="EP16" s="326">
        <v>0</v>
      </c>
      <c r="EQ16" s="327">
        <v>0</v>
      </c>
      <c r="ER16" s="331">
        <v>0</v>
      </c>
      <c r="ES16" s="332">
        <v>0</v>
      </c>
      <c r="ET16" s="327">
        <v>0</v>
      </c>
      <c r="EU16" s="327">
        <v>0</v>
      </c>
      <c r="EV16" s="327">
        <v>0</v>
      </c>
      <c r="EW16" s="327">
        <v>0</v>
      </c>
      <c r="EX16" s="327">
        <v>0</v>
      </c>
      <c r="EY16" s="328">
        <v>0</v>
      </c>
      <c r="EZ16" s="330">
        <v>0</v>
      </c>
      <c r="FA16" s="326">
        <v>0</v>
      </c>
      <c r="FB16" s="327">
        <v>0</v>
      </c>
      <c r="FC16" s="331">
        <v>0</v>
      </c>
      <c r="FD16" s="332">
        <v>0</v>
      </c>
      <c r="FE16" s="327">
        <v>0</v>
      </c>
      <c r="FF16" s="327">
        <v>0</v>
      </c>
      <c r="FG16" s="327">
        <v>0</v>
      </c>
      <c r="FH16" s="327">
        <v>0</v>
      </c>
      <c r="FI16" s="327">
        <v>0</v>
      </c>
      <c r="FJ16" s="328">
        <v>0</v>
      </c>
      <c r="FK16" s="330">
        <v>0</v>
      </c>
      <c r="FL16" s="326">
        <v>382024</v>
      </c>
      <c r="FM16" s="327">
        <v>609768</v>
      </c>
      <c r="FN16" s="328">
        <v>991792</v>
      </c>
      <c r="FO16" s="326">
        <v>0</v>
      </c>
      <c r="FP16" s="327">
        <v>1256371</v>
      </c>
      <c r="FQ16" s="327">
        <v>1393808</v>
      </c>
      <c r="FR16" s="327">
        <v>1237720</v>
      </c>
      <c r="FS16" s="327">
        <v>1285504</v>
      </c>
      <c r="FT16" s="327">
        <v>868856</v>
      </c>
      <c r="FU16" s="328">
        <v>6042259</v>
      </c>
      <c r="FV16" s="330">
        <v>7034051</v>
      </c>
      <c r="FW16" s="333">
        <v>287848</v>
      </c>
      <c r="FX16" s="327">
        <v>413624</v>
      </c>
      <c r="FY16" s="331">
        <v>701472</v>
      </c>
      <c r="FZ16" s="332">
        <v>0</v>
      </c>
      <c r="GA16" s="327">
        <v>943592</v>
      </c>
      <c r="GB16" s="327">
        <v>1380432</v>
      </c>
      <c r="GC16" s="327">
        <v>1100120</v>
      </c>
      <c r="GD16" s="327">
        <v>1112504</v>
      </c>
      <c r="GE16" s="327">
        <v>740856</v>
      </c>
      <c r="GF16" s="328">
        <v>5277504</v>
      </c>
      <c r="GG16" s="334">
        <v>5978976</v>
      </c>
      <c r="GH16" s="333">
        <v>22176</v>
      </c>
      <c r="GI16" s="327">
        <v>43824</v>
      </c>
      <c r="GJ16" s="331">
        <v>66000</v>
      </c>
      <c r="GK16" s="332">
        <v>0</v>
      </c>
      <c r="GL16" s="327">
        <v>75539</v>
      </c>
      <c r="GM16" s="327">
        <v>13376</v>
      </c>
      <c r="GN16" s="327">
        <v>137600</v>
      </c>
      <c r="GO16" s="327">
        <v>27720</v>
      </c>
      <c r="GP16" s="327">
        <v>0</v>
      </c>
      <c r="GQ16" s="328">
        <v>254235</v>
      </c>
      <c r="GR16" s="330">
        <v>320235</v>
      </c>
      <c r="GS16" s="326">
        <v>72000</v>
      </c>
      <c r="GT16" s="327">
        <v>152320</v>
      </c>
      <c r="GU16" s="328">
        <v>224320</v>
      </c>
      <c r="GV16" s="326">
        <v>0</v>
      </c>
      <c r="GW16" s="327">
        <v>237240</v>
      </c>
      <c r="GX16" s="327">
        <v>0</v>
      </c>
      <c r="GY16" s="327">
        <v>0</v>
      </c>
      <c r="GZ16" s="327">
        <v>145280</v>
      </c>
      <c r="HA16" s="327">
        <v>128000</v>
      </c>
      <c r="HB16" s="331">
        <v>510520</v>
      </c>
      <c r="HC16" s="330">
        <v>734840</v>
      </c>
      <c r="HD16" s="326">
        <v>571248</v>
      </c>
      <c r="HE16" s="327">
        <v>118878</v>
      </c>
      <c r="HF16" s="331">
        <v>690126</v>
      </c>
      <c r="HG16" s="332">
        <v>0</v>
      </c>
      <c r="HH16" s="327">
        <v>3472737</v>
      </c>
      <c r="HI16" s="327">
        <v>3654359</v>
      </c>
      <c r="HJ16" s="327">
        <v>3757481</v>
      </c>
      <c r="HK16" s="327">
        <v>4906249</v>
      </c>
      <c r="HL16" s="327">
        <v>2189478</v>
      </c>
      <c r="HM16" s="328">
        <v>17980304</v>
      </c>
      <c r="HN16" s="329">
        <v>18670430</v>
      </c>
      <c r="HO16" s="333">
        <v>0</v>
      </c>
      <c r="HP16" s="327">
        <v>0</v>
      </c>
      <c r="HQ16" s="328">
        <v>0</v>
      </c>
      <c r="HR16" s="326">
        <v>0</v>
      </c>
      <c r="HS16" s="327">
        <v>0</v>
      </c>
      <c r="HT16" s="327">
        <v>0</v>
      </c>
      <c r="HU16" s="327">
        <v>0</v>
      </c>
      <c r="HV16" s="327">
        <v>0</v>
      </c>
      <c r="HW16" s="327">
        <v>0</v>
      </c>
      <c r="HX16" s="331">
        <v>0</v>
      </c>
      <c r="HY16" s="330">
        <v>0</v>
      </c>
      <c r="HZ16" s="358">
        <v>43185</v>
      </c>
      <c r="IA16" s="356">
        <v>0</v>
      </c>
      <c r="IB16" s="358">
        <v>43185</v>
      </c>
      <c r="IC16" s="355">
        <v>0</v>
      </c>
      <c r="ID16" s="356">
        <v>5042354</v>
      </c>
      <c r="IE16" s="357">
        <v>3904706</v>
      </c>
      <c r="IF16" s="358">
        <v>5339684</v>
      </c>
      <c r="IG16" s="356">
        <v>5340561</v>
      </c>
      <c r="IH16" s="358">
        <v>4524863</v>
      </c>
      <c r="II16" s="359">
        <v>24152168</v>
      </c>
      <c r="IJ16" s="358">
        <v>24195353</v>
      </c>
      <c r="IK16" s="342">
        <v>0</v>
      </c>
      <c r="IL16" s="343">
        <v>0</v>
      </c>
      <c r="IM16" s="344">
        <v>0</v>
      </c>
      <c r="IN16" s="404">
        <v>0</v>
      </c>
      <c r="IO16" s="345">
        <v>66158</v>
      </c>
      <c r="IP16" s="345">
        <v>52265</v>
      </c>
      <c r="IQ16" s="345">
        <v>254444</v>
      </c>
      <c r="IR16" s="345">
        <v>241488</v>
      </c>
      <c r="IS16" s="345">
        <v>0</v>
      </c>
      <c r="IT16" s="346">
        <v>614355</v>
      </c>
      <c r="IU16" s="347">
        <v>614355</v>
      </c>
      <c r="IV16" s="348">
        <v>0</v>
      </c>
      <c r="IW16" s="345">
        <v>0</v>
      </c>
      <c r="IX16" s="349">
        <v>0</v>
      </c>
      <c r="IY16" s="404">
        <v>0</v>
      </c>
      <c r="IZ16" s="345">
        <v>10501</v>
      </c>
      <c r="JA16" s="345">
        <v>10501</v>
      </c>
      <c r="JB16" s="345">
        <v>10501</v>
      </c>
      <c r="JC16" s="345">
        <v>0</v>
      </c>
      <c r="JD16" s="345">
        <v>0</v>
      </c>
      <c r="JE16" s="349">
        <v>31503</v>
      </c>
      <c r="JF16" s="350">
        <v>31503</v>
      </c>
      <c r="JG16" s="348">
        <v>0</v>
      </c>
      <c r="JH16" s="345">
        <v>0</v>
      </c>
      <c r="JI16" s="346">
        <v>0</v>
      </c>
      <c r="JJ16" s="351">
        <v>0</v>
      </c>
      <c r="JK16" s="345">
        <v>1720444</v>
      </c>
      <c r="JL16" s="345">
        <v>916474</v>
      </c>
      <c r="JM16" s="345">
        <v>792618</v>
      </c>
      <c r="JN16" s="345">
        <v>499101</v>
      </c>
      <c r="JO16" s="345">
        <v>260547</v>
      </c>
      <c r="JP16" s="349">
        <v>4189184</v>
      </c>
      <c r="JQ16" s="347">
        <v>4189184</v>
      </c>
      <c r="JR16" s="348">
        <v>0</v>
      </c>
      <c r="JS16" s="345">
        <v>0</v>
      </c>
      <c r="JT16" s="346">
        <v>0</v>
      </c>
      <c r="JU16" s="351">
        <v>0</v>
      </c>
      <c r="JV16" s="345">
        <v>353337</v>
      </c>
      <c r="JW16" s="345">
        <v>0</v>
      </c>
      <c r="JX16" s="345">
        <v>116960</v>
      </c>
      <c r="JY16" s="345">
        <v>0</v>
      </c>
      <c r="JZ16" s="345">
        <v>0</v>
      </c>
      <c r="KA16" s="349">
        <v>470297</v>
      </c>
      <c r="KB16" s="347">
        <v>470297</v>
      </c>
      <c r="KC16" s="352">
        <v>43185</v>
      </c>
      <c r="KD16" s="353">
        <v>0</v>
      </c>
      <c r="KE16" s="349">
        <v>43185</v>
      </c>
      <c r="KF16" s="351">
        <v>0</v>
      </c>
      <c r="KG16" s="345">
        <v>648465</v>
      </c>
      <c r="KH16" s="345">
        <v>159348</v>
      </c>
      <c r="KI16" s="345">
        <v>497820</v>
      </c>
      <c r="KJ16" s="345">
        <v>803430</v>
      </c>
      <c r="KK16" s="345">
        <v>0</v>
      </c>
      <c r="KL16" s="349">
        <v>2109063</v>
      </c>
      <c r="KM16" s="354">
        <v>2152248</v>
      </c>
      <c r="KN16" s="342">
        <v>0</v>
      </c>
      <c r="KO16" s="343">
        <v>0</v>
      </c>
      <c r="KP16" s="344">
        <v>0</v>
      </c>
      <c r="KQ16" s="404">
        <v>0</v>
      </c>
      <c r="KR16" s="345">
        <v>1738376</v>
      </c>
      <c r="KS16" s="345">
        <v>1474818</v>
      </c>
      <c r="KT16" s="345">
        <v>2381039</v>
      </c>
      <c r="KU16" s="345">
        <v>1343104</v>
      </c>
      <c r="KV16" s="345">
        <v>1685482</v>
      </c>
      <c r="KW16" s="349">
        <v>8622819</v>
      </c>
      <c r="KX16" s="347">
        <v>8622819</v>
      </c>
      <c r="KY16" s="348">
        <v>0</v>
      </c>
      <c r="KZ16" s="345">
        <v>0</v>
      </c>
      <c r="LA16" s="349">
        <v>0</v>
      </c>
      <c r="LB16" s="404">
        <v>0</v>
      </c>
      <c r="LC16" s="345">
        <v>323197</v>
      </c>
      <c r="LD16" s="345">
        <v>181397</v>
      </c>
      <c r="LE16" s="345">
        <v>403782</v>
      </c>
      <c r="LF16" s="345">
        <v>508508</v>
      </c>
      <c r="LG16" s="345">
        <v>241247</v>
      </c>
      <c r="LH16" s="349">
        <v>1658131</v>
      </c>
      <c r="LI16" s="350">
        <v>1658131</v>
      </c>
      <c r="LJ16" s="348">
        <v>0</v>
      </c>
      <c r="LK16" s="345">
        <v>0</v>
      </c>
      <c r="LL16" s="349">
        <v>0</v>
      </c>
      <c r="LM16" s="404">
        <v>0</v>
      </c>
      <c r="LN16" s="345">
        <v>0</v>
      </c>
      <c r="LO16" s="345">
        <v>221778</v>
      </c>
      <c r="LP16" s="345">
        <v>275396</v>
      </c>
      <c r="LQ16" s="345">
        <v>905797</v>
      </c>
      <c r="LR16" s="345">
        <v>1784360</v>
      </c>
      <c r="LS16" s="349">
        <v>3187331</v>
      </c>
      <c r="LT16" s="347">
        <v>3187331</v>
      </c>
      <c r="LU16" s="348">
        <v>0</v>
      </c>
      <c r="LV16" s="345">
        <v>0</v>
      </c>
      <c r="LW16" s="349">
        <v>0</v>
      </c>
      <c r="LX16" s="404">
        <v>0</v>
      </c>
      <c r="LY16" s="345">
        <v>181876</v>
      </c>
      <c r="LZ16" s="345">
        <v>888125</v>
      </c>
      <c r="MA16" s="345">
        <v>607124</v>
      </c>
      <c r="MB16" s="345">
        <v>1039133</v>
      </c>
      <c r="MC16" s="345">
        <v>553227</v>
      </c>
      <c r="MD16" s="349">
        <v>3269485</v>
      </c>
      <c r="ME16" s="350">
        <v>3269485</v>
      </c>
      <c r="MF16" s="348">
        <v>0</v>
      </c>
      <c r="MG16" s="345">
        <v>0</v>
      </c>
      <c r="MH16" s="349">
        <v>0</v>
      </c>
      <c r="MI16" s="404">
        <v>0</v>
      </c>
      <c r="MJ16" s="345">
        <v>831874</v>
      </c>
      <c r="MK16" s="345">
        <v>1708499</v>
      </c>
      <c r="ML16" s="345">
        <v>5829553</v>
      </c>
      <c r="MM16" s="345">
        <v>12205822</v>
      </c>
      <c r="MN16" s="345">
        <v>7651245</v>
      </c>
      <c r="MO16" s="349">
        <v>28226993</v>
      </c>
      <c r="MP16" s="354">
        <v>28226993</v>
      </c>
      <c r="MQ16" s="348">
        <v>0</v>
      </c>
      <c r="MR16" s="345">
        <v>0</v>
      </c>
      <c r="MS16" s="349">
        <v>0</v>
      </c>
      <c r="MT16" s="404">
        <v>0</v>
      </c>
      <c r="MU16" s="345">
        <v>223448</v>
      </c>
      <c r="MV16" s="345">
        <v>0</v>
      </c>
      <c r="MW16" s="345">
        <v>3790841</v>
      </c>
      <c r="MX16" s="345">
        <v>9140500</v>
      </c>
      <c r="MY16" s="345">
        <v>4350398</v>
      </c>
      <c r="MZ16" s="349">
        <v>17505187</v>
      </c>
      <c r="NA16" s="354">
        <v>17505187</v>
      </c>
      <c r="NB16" s="348">
        <v>0</v>
      </c>
      <c r="NC16" s="345">
        <v>0</v>
      </c>
      <c r="ND16" s="349">
        <v>0</v>
      </c>
      <c r="NE16" s="404">
        <v>0</v>
      </c>
      <c r="NF16" s="345">
        <v>608426</v>
      </c>
      <c r="NG16" s="345">
        <v>1708499</v>
      </c>
      <c r="NH16" s="345">
        <v>2038712</v>
      </c>
      <c r="NI16" s="345">
        <v>3065322</v>
      </c>
      <c r="NJ16" s="345">
        <v>2911818</v>
      </c>
      <c r="NK16" s="349">
        <v>10332777</v>
      </c>
      <c r="NL16" s="347">
        <v>10332777</v>
      </c>
      <c r="NM16" s="348">
        <v>0</v>
      </c>
      <c r="NN16" s="345">
        <v>0</v>
      </c>
      <c r="NO16" s="349">
        <v>0</v>
      </c>
      <c r="NP16" s="404">
        <v>0</v>
      </c>
      <c r="NQ16" s="345">
        <v>0</v>
      </c>
      <c r="NR16" s="345">
        <v>0</v>
      </c>
      <c r="NS16" s="345">
        <v>0</v>
      </c>
      <c r="NT16" s="345">
        <v>0</v>
      </c>
      <c r="NU16" s="345">
        <v>0</v>
      </c>
      <c r="NV16" s="349">
        <v>0</v>
      </c>
      <c r="NW16" s="350">
        <v>0</v>
      </c>
      <c r="NX16" s="348">
        <v>0</v>
      </c>
      <c r="NY16" s="345">
        <v>0</v>
      </c>
      <c r="NZ16" s="349">
        <v>0</v>
      </c>
      <c r="OA16" s="404">
        <v>0</v>
      </c>
      <c r="OB16" s="345">
        <v>0</v>
      </c>
      <c r="OC16" s="345">
        <v>0</v>
      </c>
      <c r="OD16" s="345">
        <v>0</v>
      </c>
      <c r="OE16" s="345">
        <v>0</v>
      </c>
      <c r="OF16" s="345">
        <v>389029</v>
      </c>
      <c r="OG16" s="349">
        <v>389029</v>
      </c>
      <c r="OH16" s="350">
        <v>389029</v>
      </c>
      <c r="OI16" s="348">
        <v>1658937</v>
      </c>
      <c r="OJ16" s="345">
        <v>1606472</v>
      </c>
      <c r="OK16" s="346">
        <v>3265409</v>
      </c>
      <c r="OL16" s="351">
        <v>0</v>
      </c>
      <c r="OM16" s="345">
        <v>25841419</v>
      </c>
      <c r="ON16" s="345">
        <v>21206940</v>
      </c>
      <c r="OO16" s="345">
        <v>26520959</v>
      </c>
      <c r="OP16" s="345">
        <v>34705300</v>
      </c>
      <c r="OQ16" s="345">
        <v>22893910</v>
      </c>
      <c r="OR16" s="349">
        <v>131168528</v>
      </c>
      <c r="OS16" s="354">
        <v>134433937</v>
      </c>
    </row>
    <row r="17" spans="2:409" s="70" customFormat="1" ht="21" customHeight="1" x14ac:dyDescent="0.2">
      <c r="B17" s="410" t="s">
        <v>11</v>
      </c>
      <c r="C17" s="326">
        <v>980041</v>
      </c>
      <c r="D17" s="327">
        <v>465414</v>
      </c>
      <c r="E17" s="365">
        <v>1445455</v>
      </c>
      <c r="F17" s="332">
        <v>0</v>
      </c>
      <c r="G17" s="327">
        <v>8342836</v>
      </c>
      <c r="H17" s="327">
        <v>6447617</v>
      </c>
      <c r="I17" s="327">
        <v>6054095</v>
      </c>
      <c r="J17" s="327">
        <v>10047288</v>
      </c>
      <c r="K17" s="327">
        <v>4821796</v>
      </c>
      <c r="L17" s="329">
        <v>35713632</v>
      </c>
      <c r="M17" s="330">
        <v>37159087</v>
      </c>
      <c r="N17" s="326">
        <v>173154</v>
      </c>
      <c r="O17" s="327">
        <v>131821</v>
      </c>
      <c r="P17" s="328">
        <v>304975</v>
      </c>
      <c r="Q17" s="326">
        <v>0</v>
      </c>
      <c r="R17" s="327">
        <v>1628792</v>
      </c>
      <c r="S17" s="327">
        <v>1132609</v>
      </c>
      <c r="T17" s="327">
        <v>2236181</v>
      </c>
      <c r="U17" s="327">
        <v>3278732</v>
      </c>
      <c r="V17" s="327">
        <v>2985148</v>
      </c>
      <c r="W17" s="328">
        <v>11261462</v>
      </c>
      <c r="X17" s="330">
        <v>11566437</v>
      </c>
      <c r="Y17" s="326">
        <v>0</v>
      </c>
      <c r="Z17" s="327">
        <v>0</v>
      </c>
      <c r="AA17" s="328">
        <v>0</v>
      </c>
      <c r="AB17" s="326">
        <v>0</v>
      </c>
      <c r="AC17" s="327">
        <v>853254</v>
      </c>
      <c r="AD17" s="327">
        <v>334531</v>
      </c>
      <c r="AE17" s="327">
        <v>1270780</v>
      </c>
      <c r="AF17" s="327">
        <v>1673315</v>
      </c>
      <c r="AG17" s="327">
        <v>2079494</v>
      </c>
      <c r="AH17" s="328">
        <v>6211374</v>
      </c>
      <c r="AI17" s="330">
        <v>6211374</v>
      </c>
      <c r="AJ17" s="326">
        <v>0</v>
      </c>
      <c r="AK17" s="327">
        <v>0</v>
      </c>
      <c r="AL17" s="328">
        <v>0</v>
      </c>
      <c r="AM17" s="326">
        <v>0</v>
      </c>
      <c r="AN17" s="327">
        <v>0</v>
      </c>
      <c r="AO17" s="327">
        <v>106700</v>
      </c>
      <c r="AP17" s="327">
        <v>0</v>
      </c>
      <c r="AQ17" s="327">
        <v>284532</v>
      </c>
      <c r="AR17" s="327">
        <v>345837</v>
      </c>
      <c r="AS17" s="328">
        <v>737069</v>
      </c>
      <c r="AT17" s="330">
        <v>737069</v>
      </c>
      <c r="AU17" s="326">
        <v>123578</v>
      </c>
      <c r="AV17" s="327">
        <v>57522</v>
      </c>
      <c r="AW17" s="328">
        <v>181100</v>
      </c>
      <c r="AX17" s="326">
        <v>0</v>
      </c>
      <c r="AY17" s="327">
        <v>408883</v>
      </c>
      <c r="AZ17" s="327">
        <v>362403</v>
      </c>
      <c r="BA17" s="327">
        <v>662337</v>
      </c>
      <c r="BB17" s="327">
        <v>857751</v>
      </c>
      <c r="BC17" s="327">
        <v>389370</v>
      </c>
      <c r="BD17" s="328">
        <v>2680744</v>
      </c>
      <c r="BE17" s="330">
        <v>2861844</v>
      </c>
      <c r="BF17" s="326">
        <v>0</v>
      </c>
      <c r="BG17" s="327">
        <v>52299</v>
      </c>
      <c r="BH17" s="331">
        <v>52299</v>
      </c>
      <c r="BI17" s="332">
        <v>0</v>
      </c>
      <c r="BJ17" s="327">
        <v>46791</v>
      </c>
      <c r="BK17" s="327">
        <v>23407</v>
      </c>
      <c r="BL17" s="327">
        <v>38992</v>
      </c>
      <c r="BM17" s="327">
        <v>105734</v>
      </c>
      <c r="BN17" s="327">
        <v>46791</v>
      </c>
      <c r="BO17" s="328">
        <v>261715</v>
      </c>
      <c r="BP17" s="330">
        <v>314014</v>
      </c>
      <c r="BQ17" s="326">
        <v>49576</v>
      </c>
      <c r="BR17" s="327">
        <v>22000</v>
      </c>
      <c r="BS17" s="328">
        <v>71576</v>
      </c>
      <c r="BT17" s="326">
        <v>0</v>
      </c>
      <c r="BU17" s="327">
        <v>319864</v>
      </c>
      <c r="BV17" s="327">
        <v>305568</v>
      </c>
      <c r="BW17" s="327">
        <v>264072</v>
      </c>
      <c r="BX17" s="327">
        <v>357400</v>
      </c>
      <c r="BY17" s="327">
        <v>123656</v>
      </c>
      <c r="BZ17" s="328">
        <v>1370560</v>
      </c>
      <c r="CA17" s="330">
        <v>1442136</v>
      </c>
      <c r="CB17" s="326">
        <v>201426</v>
      </c>
      <c r="CC17" s="327">
        <v>71207</v>
      </c>
      <c r="CD17" s="328">
        <v>272633</v>
      </c>
      <c r="CE17" s="326">
        <v>0</v>
      </c>
      <c r="CF17" s="327">
        <v>3357079</v>
      </c>
      <c r="CG17" s="327">
        <v>2144849</v>
      </c>
      <c r="CH17" s="327">
        <v>1569251</v>
      </c>
      <c r="CI17" s="327">
        <v>1546730</v>
      </c>
      <c r="CJ17" s="327">
        <v>214386</v>
      </c>
      <c r="CK17" s="328">
        <v>8832295</v>
      </c>
      <c r="CL17" s="330">
        <v>9104928</v>
      </c>
      <c r="CM17" s="326">
        <v>0</v>
      </c>
      <c r="CN17" s="327">
        <v>0</v>
      </c>
      <c r="CO17" s="328">
        <v>0</v>
      </c>
      <c r="CP17" s="332">
        <v>0</v>
      </c>
      <c r="CQ17" s="327">
        <v>2401293</v>
      </c>
      <c r="CR17" s="327">
        <v>1737291</v>
      </c>
      <c r="CS17" s="327">
        <v>1222835</v>
      </c>
      <c r="CT17" s="327">
        <v>699486</v>
      </c>
      <c r="CU17" s="327">
        <v>163570</v>
      </c>
      <c r="CV17" s="328">
        <v>6224475</v>
      </c>
      <c r="CW17" s="330">
        <v>6224475</v>
      </c>
      <c r="CX17" s="326">
        <v>201426</v>
      </c>
      <c r="CY17" s="327">
        <v>71207</v>
      </c>
      <c r="CZ17" s="328">
        <v>272633</v>
      </c>
      <c r="DA17" s="326">
        <v>0</v>
      </c>
      <c r="DB17" s="327">
        <v>955786</v>
      </c>
      <c r="DC17" s="327">
        <v>407558</v>
      </c>
      <c r="DD17" s="327">
        <v>346416</v>
      </c>
      <c r="DE17" s="327">
        <v>847244</v>
      </c>
      <c r="DF17" s="327">
        <v>50816</v>
      </c>
      <c r="DG17" s="328">
        <v>2607820</v>
      </c>
      <c r="DH17" s="330">
        <v>2880453</v>
      </c>
      <c r="DI17" s="326">
        <v>0</v>
      </c>
      <c r="DJ17" s="327">
        <v>0</v>
      </c>
      <c r="DK17" s="331">
        <v>0</v>
      </c>
      <c r="DL17" s="332">
        <v>0</v>
      </c>
      <c r="DM17" s="327">
        <v>332916</v>
      </c>
      <c r="DN17" s="327">
        <v>357000</v>
      </c>
      <c r="DO17" s="327">
        <v>352163</v>
      </c>
      <c r="DP17" s="327">
        <v>383835</v>
      </c>
      <c r="DQ17" s="327">
        <v>0</v>
      </c>
      <c r="DR17" s="328">
        <v>1425914</v>
      </c>
      <c r="DS17" s="330">
        <v>1425914</v>
      </c>
      <c r="DT17" s="326">
        <v>0</v>
      </c>
      <c r="DU17" s="327">
        <v>0</v>
      </c>
      <c r="DV17" s="328">
        <v>0</v>
      </c>
      <c r="DW17" s="326">
        <v>0</v>
      </c>
      <c r="DX17" s="327">
        <v>228450</v>
      </c>
      <c r="DY17" s="327">
        <v>357000</v>
      </c>
      <c r="DZ17" s="327">
        <v>352163</v>
      </c>
      <c r="EA17" s="327">
        <v>248345</v>
      </c>
      <c r="EB17" s="327">
        <v>0</v>
      </c>
      <c r="EC17" s="328">
        <v>1185958</v>
      </c>
      <c r="ED17" s="330">
        <v>1185958</v>
      </c>
      <c r="EE17" s="326">
        <v>0</v>
      </c>
      <c r="EF17" s="331">
        <v>0</v>
      </c>
      <c r="EG17" s="328">
        <v>0</v>
      </c>
      <c r="EH17" s="326">
        <v>0</v>
      </c>
      <c r="EI17" s="327">
        <v>104466</v>
      </c>
      <c r="EJ17" s="327">
        <v>0</v>
      </c>
      <c r="EK17" s="327">
        <v>0</v>
      </c>
      <c r="EL17" s="327">
        <v>135490</v>
      </c>
      <c r="EM17" s="327">
        <v>0</v>
      </c>
      <c r="EN17" s="331">
        <v>239956</v>
      </c>
      <c r="EO17" s="330">
        <v>239956</v>
      </c>
      <c r="EP17" s="326">
        <v>0</v>
      </c>
      <c r="EQ17" s="327">
        <v>0</v>
      </c>
      <c r="ER17" s="331">
        <v>0</v>
      </c>
      <c r="ES17" s="332">
        <v>0</v>
      </c>
      <c r="ET17" s="327">
        <v>0</v>
      </c>
      <c r="EU17" s="327">
        <v>0</v>
      </c>
      <c r="EV17" s="327">
        <v>0</v>
      </c>
      <c r="EW17" s="327">
        <v>0</v>
      </c>
      <c r="EX17" s="327">
        <v>0</v>
      </c>
      <c r="EY17" s="328">
        <v>0</v>
      </c>
      <c r="EZ17" s="330">
        <v>0</v>
      </c>
      <c r="FA17" s="326">
        <v>0</v>
      </c>
      <c r="FB17" s="327">
        <v>0</v>
      </c>
      <c r="FC17" s="331">
        <v>0</v>
      </c>
      <c r="FD17" s="332">
        <v>0</v>
      </c>
      <c r="FE17" s="327">
        <v>0</v>
      </c>
      <c r="FF17" s="327">
        <v>0</v>
      </c>
      <c r="FG17" s="327">
        <v>0</v>
      </c>
      <c r="FH17" s="327">
        <v>0</v>
      </c>
      <c r="FI17" s="327">
        <v>0</v>
      </c>
      <c r="FJ17" s="328">
        <v>0</v>
      </c>
      <c r="FK17" s="330">
        <v>0</v>
      </c>
      <c r="FL17" s="326">
        <v>310240</v>
      </c>
      <c r="FM17" s="327">
        <v>164224</v>
      </c>
      <c r="FN17" s="328">
        <v>474464</v>
      </c>
      <c r="FO17" s="326">
        <v>0</v>
      </c>
      <c r="FP17" s="327">
        <v>577912</v>
      </c>
      <c r="FQ17" s="327">
        <v>777876</v>
      </c>
      <c r="FR17" s="327">
        <v>447248</v>
      </c>
      <c r="FS17" s="327">
        <v>531320</v>
      </c>
      <c r="FT17" s="327">
        <v>271584</v>
      </c>
      <c r="FU17" s="328">
        <v>2605940</v>
      </c>
      <c r="FV17" s="330">
        <v>3080404</v>
      </c>
      <c r="FW17" s="333">
        <v>79840</v>
      </c>
      <c r="FX17" s="327">
        <v>140112</v>
      </c>
      <c r="FY17" s="331">
        <v>219952</v>
      </c>
      <c r="FZ17" s="332">
        <v>0</v>
      </c>
      <c r="GA17" s="327">
        <v>275408</v>
      </c>
      <c r="GB17" s="327">
        <v>661584</v>
      </c>
      <c r="GC17" s="327">
        <v>431760</v>
      </c>
      <c r="GD17" s="327">
        <v>531320</v>
      </c>
      <c r="GE17" s="327">
        <v>271584</v>
      </c>
      <c r="GF17" s="328">
        <v>2171656</v>
      </c>
      <c r="GG17" s="334">
        <v>2391608</v>
      </c>
      <c r="GH17" s="333">
        <v>0</v>
      </c>
      <c r="GI17" s="327">
        <v>24112</v>
      </c>
      <c r="GJ17" s="331">
        <v>24112</v>
      </c>
      <c r="GK17" s="332">
        <v>0</v>
      </c>
      <c r="GL17" s="327">
        <v>86504</v>
      </c>
      <c r="GM17" s="327">
        <v>74052</v>
      </c>
      <c r="GN17" s="327">
        <v>15488</v>
      </c>
      <c r="GO17" s="327">
        <v>0</v>
      </c>
      <c r="GP17" s="327">
        <v>0</v>
      </c>
      <c r="GQ17" s="328">
        <v>176044</v>
      </c>
      <c r="GR17" s="330">
        <v>200156</v>
      </c>
      <c r="GS17" s="326">
        <v>230400</v>
      </c>
      <c r="GT17" s="327">
        <v>0</v>
      </c>
      <c r="GU17" s="328">
        <v>230400</v>
      </c>
      <c r="GV17" s="326">
        <v>0</v>
      </c>
      <c r="GW17" s="327">
        <v>216000</v>
      </c>
      <c r="GX17" s="327">
        <v>42240</v>
      </c>
      <c r="GY17" s="327">
        <v>0</v>
      </c>
      <c r="GZ17" s="327">
        <v>0</v>
      </c>
      <c r="HA17" s="327">
        <v>0</v>
      </c>
      <c r="HB17" s="331">
        <v>258240</v>
      </c>
      <c r="HC17" s="330">
        <v>488640</v>
      </c>
      <c r="HD17" s="326">
        <v>295221</v>
      </c>
      <c r="HE17" s="327">
        <v>98162</v>
      </c>
      <c r="HF17" s="331">
        <v>393383</v>
      </c>
      <c r="HG17" s="332">
        <v>0</v>
      </c>
      <c r="HH17" s="327">
        <v>2446137</v>
      </c>
      <c r="HI17" s="327">
        <v>2035283</v>
      </c>
      <c r="HJ17" s="327">
        <v>1449252</v>
      </c>
      <c r="HK17" s="327">
        <v>4306671</v>
      </c>
      <c r="HL17" s="327">
        <v>1350678</v>
      </c>
      <c r="HM17" s="328">
        <v>11588021</v>
      </c>
      <c r="HN17" s="329">
        <v>11981404</v>
      </c>
      <c r="HO17" s="333">
        <v>0</v>
      </c>
      <c r="HP17" s="327">
        <v>0</v>
      </c>
      <c r="HQ17" s="328">
        <v>0</v>
      </c>
      <c r="HR17" s="326">
        <v>0</v>
      </c>
      <c r="HS17" s="327">
        <v>0</v>
      </c>
      <c r="HT17" s="327">
        <v>0</v>
      </c>
      <c r="HU17" s="327">
        <v>0</v>
      </c>
      <c r="HV17" s="327">
        <v>0</v>
      </c>
      <c r="HW17" s="327">
        <v>0</v>
      </c>
      <c r="HX17" s="331">
        <v>0</v>
      </c>
      <c r="HY17" s="330">
        <v>0</v>
      </c>
      <c r="HZ17" s="335">
        <v>0</v>
      </c>
      <c r="IA17" s="336">
        <v>0</v>
      </c>
      <c r="IB17" s="337">
        <v>0</v>
      </c>
      <c r="IC17" s="338">
        <v>0</v>
      </c>
      <c r="ID17" s="336">
        <v>1664662</v>
      </c>
      <c r="IE17" s="339">
        <v>1854653</v>
      </c>
      <c r="IF17" s="337">
        <v>1411358</v>
      </c>
      <c r="IG17" s="336">
        <v>1277562</v>
      </c>
      <c r="IH17" s="337">
        <v>469084</v>
      </c>
      <c r="II17" s="340">
        <v>6677319</v>
      </c>
      <c r="IJ17" s="341">
        <v>6677319</v>
      </c>
      <c r="IK17" s="342">
        <v>0</v>
      </c>
      <c r="IL17" s="343">
        <v>0</v>
      </c>
      <c r="IM17" s="344">
        <v>0</v>
      </c>
      <c r="IN17" s="404">
        <v>0</v>
      </c>
      <c r="IO17" s="345">
        <v>151691</v>
      </c>
      <c r="IP17" s="345">
        <v>0</v>
      </c>
      <c r="IQ17" s="345">
        <v>0</v>
      </c>
      <c r="IR17" s="345">
        <v>0</v>
      </c>
      <c r="IS17" s="345">
        <v>0</v>
      </c>
      <c r="IT17" s="346">
        <v>151691</v>
      </c>
      <c r="IU17" s="347">
        <v>151691</v>
      </c>
      <c r="IV17" s="348">
        <v>0</v>
      </c>
      <c r="IW17" s="345">
        <v>0</v>
      </c>
      <c r="IX17" s="349">
        <v>0</v>
      </c>
      <c r="IY17" s="404">
        <v>0</v>
      </c>
      <c r="IZ17" s="345">
        <v>0</v>
      </c>
      <c r="JA17" s="345">
        <v>16751</v>
      </c>
      <c r="JB17" s="345">
        <v>0</v>
      </c>
      <c r="JC17" s="345">
        <v>0</v>
      </c>
      <c r="JD17" s="345">
        <v>0</v>
      </c>
      <c r="JE17" s="349">
        <v>16751</v>
      </c>
      <c r="JF17" s="350">
        <v>16751</v>
      </c>
      <c r="JG17" s="348">
        <v>0</v>
      </c>
      <c r="JH17" s="345">
        <v>0</v>
      </c>
      <c r="JI17" s="346">
        <v>0</v>
      </c>
      <c r="JJ17" s="351">
        <v>0</v>
      </c>
      <c r="JK17" s="345">
        <v>1007020</v>
      </c>
      <c r="JL17" s="345">
        <v>247417</v>
      </c>
      <c r="JM17" s="345">
        <v>324328</v>
      </c>
      <c r="JN17" s="345">
        <v>246142</v>
      </c>
      <c r="JO17" s="345">
        <v>132363</v>
      </c>
      <c r="JP17" s="349">
        <v>1957270</v>
      </c>
      <c r="JQ17" s="347">
        <v>1957270</v>
      </c>
      <c r="JR17" s="348">
        <v>0</v>
      </c>
      <c r="JS17" s="345">
        <v>0</v>
      </c>
      <c r="JT17" s="346">
        <v>0</v>
      </c>
      <c r="JU17" s="351">
        <v>0</v>
      </c>
      <c r="JV17" s="345">
        <v>0</v>
      </c>
      <c r="JW17" s="345">
        <v>96511</v>
      </c>
      <c r="JX17" s="345">
        <v>295491</v>
      </c>
      <c r="JY17" s="345">
        <v>0</v>
      </c>
      <c r="JZ17" s="345">
        <v>0</v>
      </c>
      <c r="KA17" s="349">
        <v>392002</v>
      </c>
      <c r="KB17" s="347">
        <v>392002</v>
      </c>
      <c r="KC17" s="352">
        <v>0</v>
      </c>
      <c r="KD17" s="353">
        <v>0</v>
      </c>
      <c r="KE17" s="349">
        <v>0</v>
      </c>
      <c r="KF17" s="351">
        <v>0</v>
      </c>
      <c r="KG17" s="345">
        <v>112758</v>
      </c>
      <c r="KH17" s="345">
        <v>535304</v>
      </c>
      <c r="KI17" s="345">
        <v>253402</v>
      </c>
      <c r="KJ17" s="345">
        <v>0</v>
      </c>
      <c r="KK17" s="345">
        <v>0</v>
      </c>
      <c r="KL17" s="349">
        <v>901464</v>
      </c>
      <c r="KM17" s="354">
        <v>901464</v>
      </c>
      <c r="KN17" s="342">
        <v>0</v>
      </c>
      <c r="KO17" s="343">
        <v>0</v>
      </c>
      <c r="KP17" s="344">
        <v>0</v>
      </c>
      <c r="KQ17" s="404">
        <v>0</v>
      </c>
      <c r="KR17" s="345">
        <v>245215</v>
      </c>
      <c r="KS17" s="345">
        <v>764770</v>
      </c>
      <c r="KT17" s="345">
        <v>267712</v>
      </c>
      <c r="KU17" s="345">
        <v>1031420</v>
      </c>
      <c r="KV17" s="345">
        <v>0</v>
      </c>
      <c r="KW17" s="349">
        <v>2309117</v>
      </c>
      <c r="KX17" s="347">
        <v>2309117</v>
      </c>
      <c r="KY17" s="348">
        <v>0</v>
      </c>
      <c r="KZ17" s="345">
        <v>0</v>
      </c>
      <c r="LA17" s="349">
        <v>0</v>
      </c>
      <c r="LB17" s="404">
        <v>0</v>
      </c>
      <c r="LC17" s="345">
        <v>0</v>
      </c>
      <c r="LD17" s="345">
        <v>0</v>
      </c>
      <c r="LE17" s="345">
        <v>0</v>
      </c>
      <c r="LF17" s="345">
        <v>0</v>
      </c>
      <c r="LG17" s="345">
        <v>0</v>
      </c>
      <c r="LH17" s="349">
        <v>0</v>
      </c>
      <c r="LI17" s="350">
        <v>0</v>
      </c>
      <c r="LJ17" s="348">
        <v>0</v>
      </c>
      <c r="LK17" s="345">
        <v>0</v>
      </c>
      <c r="LL17" s="349">
        <v>0</v>
      </c>
      <c r="LM17" s="404">
        <v>0</v>
      </c>
      <c r="LN17" s="345">
        <v>0</v>
      </c>
      <c r="LO17" s="345">
        <v>0</v>
      </c>
      <c r="LP17" s="345">
        <v>0</v>
      </c>
      <c r="LQ17" s="345">
        <v>0</v>
      </c>
      <c r="LR17" s="345">
        <v>0</v>
      </c>
      <c r="LS17" s="349">
        <v>0</v>
      </c>
      <c r="LT17" s="347">
        <v>0</v>
      </c>
      <c r="LU17" s="348">
        <v>0</v>
      </c>
      <c r="LV17" s="345">
        <v>0</v>
      </c>
      <c r="LW17" s="349">
        <v>0</v>
      </c>
      <c r="LX17" s="404">
        <v>0</v>
      </c>
      <c r="LY17" s="345">
        <v>147978</v>
      </c>
      <c r="LZ17" s="345">
        <v>193900</v>
      </c>
      <c r="MA17" s="345">
        <v>270425</v>
      </c>
      <c r="MB17" s="345">
        <v>0</v>
      </c>
      <c r="MC17" s="345">
        <v>336721</v>
      </c>
      <c r="MD17" s="349">
        <v>949024</v>
      </c>
      <c r="ME17" s="350">
        <v>949024</v>
      </c>
      <c r="MF17" s="348">
        <v>0</v>
      </c>
      <c r="MG17" s="345">
        <v>0</v>
      </c>
      <c r="MH17" s="349">
        <v>0</v>
      </c>
      <c r="MI17" s="404">
        <v>0</v>
      </c>
      <c r="MJ17" s="345">
        <v>0</v>
      </c>
      <c r="MK17" s="345">
        <v>356236</v>
      </c>
      <c r="ML17" s="345">
        <v>3491928</v>
      </c>
      <c r="MM17" s="345">
        <v>6626604</v>
      </c>
      <c r="MN17" s="345">
        <v>2772839</v>
      </c>
      <c r="MO17" s="349">
        <v>13247607</v>
      </c>
      <c r="MP17" s="354">
        <v>13247607</v>
      </c>
      <c r="MQ17" s="348">
        <v>0</v>
      </c>
      <c r="MR17" s="345">
        <v>0</v>
      </c>
      <c r="MS17" s="349">
        <v>0</v>
      </c>
      <c r="MT17" s="404">
        <v>0</v>
      </c>
      <c r="MU17" s="345">
        <v>0</v>
      </c>
      <c r="MV17" s="345">
        <v>0</v>
      </c>
      <c r="MW17" s="345">
        <v>1295466</v>
      </c>
      <c r="MX17" s="345">
        <v>4498593</v>
      </c>
      <c r="MY17" s="345">
        <v>1147063</v>
      </c>
      <c r="MZ17" s="349">
        <v>6941122</v>
      </c>
      <c r="NA17" s="354">
        <v>6941122</v>
      </c>
      <c r="NB17" s="348">
        <v>0</v>
      </c>
      <c r="NC17" s="345">
        <v>0</v>
      </c>
      <c r="ND17" s="349">
        <v>0</v>
      </c>
      <c r="NE17" s="404">
        <v>0</v>
      </c>
      <c r="NF17" s="345">
        <v>0</v>
      </c>
      <c r="NG17" s="345">
        <v>356236</v>
      </c>
      <c r="NH17" s="345">
        <v>2196462</v>
      </c>
      <c r="NI17" s="345">
        <v>1790765</v>
      </c>
      <c r="NJ17" s="345">
        <v>1625776</v>
      </c>
      <c r="NK17" s="349">
        <v>5969239</v>
      </c>
      <c r="NL17" s="347">
        <v>5969239</v>
      </c>
      <c r="NM17" s="348">
        <v>0</v>
      </c>
      <c r="NN17" s="345">
        <v>0</v>
      </c>
      <c r="NO17" s="349">
        <v>0</v>
      </c>
      <c r="NP17" s="404">
        <v>0</v>
      </c>
      <c r="NQ17" s="345">
        <v>0</v>
      </c>
      <c r="NR17" s="345">
        <v>0</v>
      </c>
      <c r="NS17" s="345">
        <v>0</v>
      </c>
      <c r="NT17" s="345">
        <v>0</v>
      </c>
      <c r="NU17" s="345">
        <v>0</v>
      </c>
      <c r="NV17" s="349">
        <v>0</v>
      </c>
      <c r="NW17" s="350">
        <v>0</v>
      </c>
      <c r="NX17" s="348">
        <v>0</v>
      </c>
      <c r="NY17" s="345">
        <v>0</v>
      </c>
      <c r="NZ17" s="349">
        <v>0</v>
      </c>
      <c r="OA17" s="404">
        <v>0</v>
      </c>
      <c r="OB17" s="345">
        <v>0</v>
      </c>
      <c r="OC17" s="345">
        <v>0</v>
      </c>
      <c r="OD17" s="345">
        <v>0</v>
      </c>
      <c r="OE17" s="345">
        <v>337246</v>
      </c>
      <c r="OF17" s="345">
        <v>0</v>
      </c>
      <c r="OG17" s="349">
        <v>337246</v>
      </c>
      <c r="OH17" s="350">
        <v>337246</v>
      </c>
      <c r="OI17" s="348">
        <v>980041</v>
      </c>
      <c r="OJ17" s="345">
        <v>465414</v>
      </c>
      <c r="OK17" s="346">
        <v>1445455</v>
      </c>
      <c r="OL17" s="351">
        <v>0</v>
      </c>
      <c r="OM17" s="345">
        <v>10007498</v>
      </c>
      <c r="ON17" s="345">
        <v>8658506</v>
      </c>
      <c r="OO17" s="345">
        <v>10957381</v>
      </c>
      <c r="OP17" s="345">
        <v>17951454</v>
      </c>
      <c r="OQ17" s="345">
        <v>8063719</v>
      </c>
      <c r="OR17" s="349">
        <v>55638558</v>
      </c>
      <c r="OS17" s="354">
        <v>57084013</v>
      </c>
    </row>
    <row r="18" spans="2:409" s="70" customFormat="1" ht="21" customHeight="1" x14ac:dyDescent="0.2">
      <c r="B18" s="410" t="s">
        <v>12</v>
      </c>
      <c r="C18" s="326">
        <v>875263</v>
      </c>
      <c r="D18" s="327">
        <v>2597102</v>
      </c>
      <c r="E18" s="328">
        <v>3472365</v>
      </c>
      <c r="F18" s="329">
        <v>0</v>
      </c>
      <c r="G18" s="327">
        <v>7612858</v>
      </c>
      <c r="H18" s="366">
        <v>11918127</v>
      </c>
      <c r="I18" s="366">
        <v>9828272</v>
      </c>
      <c r="J18" s="366">
        <v>10267368</v>
      </c>
      <c r="K18" s="366">
        <v>4168386</v>
      </c>
      <c r="L18" s="331">
        <v>43795011</v>
      </c>
      <c r="M18" s="330">
        <v>47267376</v>
      </c>
      <c r="N18" s="326">
        <v>291382</v>
      </c>
      <c r="O18" s="327">
        <v>838760</v>
      </c>
      <c r="P18" s="328">
        <v>1130142</v>
      </c>
      <c r="Q18" s="326">
        <v>0</v>
      </c>
      <c r="R18" s="327">
        <v>1836437</v>
      </c>
      <c r="S18" s="327">
        <v>4167283</v>
      </c>
      <c r="T18" s="327">
        <v>3054658</v>
      </c>
      <c r="U18" s="327">
        <v>4278849</v>
      </c>
      <c r="V18" s="327">
        <v>2172598</v>
      </c>
      <c r="W18" s="328">
        <v>15509825</v>
      </c>
      <c r="X18" s="330">
        <v>16639967</v>
      </c>
      <c r="Y18" s="326">
        <v>0</v>
      </c>
      <c r="Z18" s="327">
        <v>0</v>
      </c>
      <c r="AA18" s="328">
        <v>0</v>
      </c>
      <c r="AB18" s="326">
        <v>0</v>
      </c>
      <c r="AC18" s="327">
        <v>915806</v>
      </c>
      <c r="AD18" s="327">
        <v>2089126</v>
      </c>
      <c r="AE18" s="327">
        <v>1464189</v>
      </c>
      <c r="AF18" s="327">
        <v>2977750</v>
      </c>
      <c r="AG18" s="327">
        <v>1318094</v>
      </c>
      <c r="AH18" s="328">
        <v>8764965</v>
      </c>
      <c r="AI18" s="330">
        <v>8764965</v>
      </c>
      <c r="AJ18" s="326">
        <v>0</v>
      </c>
      <c r="AK18" s="327">
        <v>0</v>
      </c>
      <c r="AL18" s="328">
        <v>0</v>
      </c>
      <c r="AM18" s="326">
        <v>0</v>
      </c>
      <c r="AN18" s="327">
        <v>0</v>
      </c>
      <c r="AO18" s="327">
        <v>0</v>
      </c>
      <c r="AP18" s="327">
        <v>106699</v>
      </c>
      <c r="AQ18" s="327">
        <v>142886</v>
      </c>
      <c r="AR18" s="327">
        <v>106699</v>
      </c>
      <c r="AS18" s="328">
        <v>356284</v>
      </c>
      <c r="AT18" s="330">
        <v>356284</v>
      </c>
      <c r="AU18" s="326">
        <v>256830</v>
      </c>
      <c r="AV18" s="327">
        <v>678497</v>
      </c>
      <c r="AW18" s="328">
        <v>935327</v>
      </c>
      <c r="AX18" s="326">
        <v>0</v>
      </c>
      <c r="AY18" s="327">
        <v>653011</v>
      </c>
      <c r="AZ18" s="327">
        <v>1568530</v>
      </c>
      <c r="BA18" s="327">
        <v>1037889</v>
      </c>
      <c r="BB18" s="327">
        <v>491193</v>
      </c>
      <c r="BC18" s="327">
        <v>479283</v>
      </c>
      <c r="BD18" s="328">
        <v>4229906</v>
      </c>
      <c r="BE18" s="330">
        <v>5165233</v>
      </c>
      <c r="BF18" s="326">
        <v>0</v>
      </c>
      <c r="BG18" s="327">
        <v>26791</v>
      </c>
      <c r="BH18" s="331">
        <v>26791</v>
      </c>
      <c r="BI18" s="332">
        <v>0</v>
      </c>
      <c r="BJ18" s="327">
        <v>56420</v>
      </c>
      <c r="BK18" s="327">
        <v>74203</v>
      </c>
      <c r="BL18" s="327">
        <v>48993</v>
      </c>
      <c r="BM18" s="327">
        <v>166100</v>
      </c>
      <c r="BN18" s="327">
        <v>76042</v>
      </c>
      <c r="BO18" s="328">
        <v>421758</v>
      </c>
      <c r="BP18" s="330">
        <v>448549</v>
      </c>
      <c r="BQ18" s="326">
        <v>34552</v>
      </c>
      <c r="BR18" s="327">
        <v>133472</v>
      </c>
      <c r="BS18" s="328">
        <v>168024</v>
      </c>
      <c r="BT18" s="326">
        <v>0</v>
      </c>
      <c r="BU18" s="327">
        <v>211200</v>
      </c>
      <c r="BV18" s="327">
        <v>435424</v>
      </c>
      <c r="BW18" s="327">
        <v>396888</v>
      </c>
      <c r="BX18" s="327">
        <v>500920</v>
      </c>
      <c r="BY18" s="327">
        <v>192480</v>
      </c>
      <c r="BZ18" s="328">
        <v>1736912</v>
      </c>
      <c r="CA18" s="330">
        <v>1904936</v>
      </c>
      <c r="CB18" s="326">
        <v>177477</v>
      </c>
      <c r="CC18" s="327">
        <v>636724</v>
      </c>
      <c r="CD18" s="328">
        <v>814201</v>
      </c>
      <c r="CE18" s="326">
        <v>0</v>
      </c>
      <c r="CF18" s="327">
        <v>3139128</v>
      </c>
      <c r="CG18" s="327">
        <v>3360424</v>
      </c>
      <c r="CH18" s="327">
        <v>2856260</v>
      </c>
      <c r="CI18" s="327">
        <v>1359583</v>
      </c>
      <c r="CJ18" s="327">
        <v>253252</v>
      </c>
      <c r="CK18" s="328">
        <v>10968647</v>
      </c>
      <c r="CL18" s="330">
        <v>11782848</v>
      </c>
      <c r="CM18" s="326">
        <v>0</v>
      </c>
      <c r="CN18" s="327">
        <v>0</v>
      </c>
      <c r="CO18" s="328">
        <v>0</v>
      </c>
      <c r="CP18" s="332">
        <v>0</v>
      </c>
      <c r="CQ18" s="327">
        <v>2876023</v>
      </c>
      <c r="CR18" s="327">
        <v>2345045</v>
      </c>
      <c r="CS18" s="327">
        <v>1882849</v>
      </c>
      <c r="CT18" s="327">
        <v>822228</v>
      </c>
      <c r="CU18" s="327">
        <v>64545</v>
      </c>
      <c r="CV18" s="328">
        <v>7990690</v>
      </c>
      <c r="CW18" s="330">
        <v>7990690</v>
      </c>
      <c r="CX18" s="326">
        <v>177477</v>
      </c>
      <c r="CY18" s="327">
        <v>636724</v>
      </c>
      <c r="CZ18" s="328">
        <v>814201</v>
      </c>
      <c r="DA18" s="326">
        <v>0</v>
      </c>
      <c r="DB18" s="327">
        <v>263105</v>
      </c>
      <c r="DC18" s="327">
        <v>1015379</v>
      </c>
      <c r="DD18" s="327">
        <v>973411</v>
      </c>
      <c r="DE18" s="327">
        <v>537355</v>
      </c>
      <c r="DF18" s="327">
        <v>188707</v>
      </c>
      <c r="DG18" s="328">
        <v>2977957</v>
      </c>
      <c r="DH18" s="330">
        <v>3792158</v>
      </c>
      <c r="DI18" s="326">
        <v>0</v>
      </c>
      <c r="DJ18" s="327">
        <v>45988</v>
      </c>
      <c r="DK18" s="331">
        <v>45988</v>
      </c>
      <c r="DL18" s="332">
        <v>0</v>
      </c>
      <c r="DM18" s="327">
        <v>211321</v>
      </c>
      <c r="DN18" s="327">
        <v>705892</v>
      </c>
      <c r="DO18" s="327">
        <v>386885</v>
      </c>
      <c r="DP18" s="327">
        <v>1274879</v>
      </c>
      <c r="DQ18" s="327">
        <v>453495</v>
      </c>
      <c r="DR18" s="328">
        <v>3032472</v>
      </c>
      <c r="DS18" s="330">
        <v>3078460</v>
      </c>
      <c r="DT18" s="326">
        <v>0</v>
      </c>
      <c r="DU18" s="327">
        <v>45988</v>
      </c>
      <c r="DV18" s="328">
        <v>45988</v>
      </c>
      <c r="DW18" s="326">
        <v>0</v>
      </c>
      <c r="DX18" s="327">
        <v>211321</v>
      </c>
      <c r="DY18" s="327">
        <v>652799</v>
      </c>
      <c r="DZ18" s="327">
        <v>386885</v>
      </c>
      <c r="EA18" s="327">
        <v>1165475</v>
      </c>
      <c r="EB18" s="327">
        <v>453495</v>
      </c>
      <c r="EC18" s="328">
        <v>2869975</v>
      </c>
      <c r="ED18" s="330">
        <v>2915963</v>
      </c>
      <c r="EE18" s="326">
        <v>0</v>
      </c>
      <c r="EF18" s="331">
        <v>0</v>
      </c>
      <c r="EG18" s="328">
        <v>0</v>
      </c>
      <c r="EH18" s="326">
        <v>0</v>
      </c>
      <c r="EI18" s="327">
        <v>0</v>
      </c>
      <c r="EJ18" s="327">
        <v>53093</v>
      </c>
      <c r="EK18" s="327">
        <v>0</v>
      </c>
      <c r="EL18" s="327">
        <v>109404</v>
      </c>
      <c r="EM18" s="327">
        <v>0</v>
      </c>
      <c r="EN18" s="331">
        <v>162497</v>
      </c>
      <c r="EO18" s="330">
        <v>162497</v>
      </c>
      <c r="EP18" s="326">
        <v>0</v>
      </c>
      <c r="EQ18" s="327">
        <v>0</v>
      </c>
      <c r="ER18" s="331">
        <v>0</v>
      </c>
      <c r="ES18" s="332">
        <v>0</v>
      </c>
      <c r="ET18" s="327">
        <v>0</v>
      </c>
      <c r="EU18" s="327">
        <v>0</v>
      </c>
      <c r="EV18" s="327">
        <v>0</v>
      </c>
      <c r="EW18" s="327">
        <v>0</v>
      </c>
      <c r="EX18" s="327">
        <v>0</v>
      </c>
      <c r="EY18" s="328">
        <v>0</v>
      </c>
      <c r="EZ18" s="330">
        <v>0</v>
      </c>
      <c r="FA18" s="326">
        <v>0</v>
      </c>
      <c r="FB18" s="327">
        <v>0</v>
      </c>
      <c r="FC18" s="331">
        <v>0</v>
      </c>
      <c r="FD18" s="332">
        <v>0</v>
      </c>
      <c r="FE18" s="327">
        <v>0</v>
      </c>
      <c r="FF18" s="327">
        <v>0</v>
      </c>
      <c r="FG18" s="327">
        <v>0</v>
      </c>
      <c r="FH18" s="327">
        <v>0</v>
      </c>
      <c r="FI18" s="327">
        <v>0</v>
      </c>
      <c r="FJ18" s="328">
        <v>0</v>
      </c>
      <c r="FK18" s="330">
        <v>0</v>
      </c>
      <c r="FL18" s="326">
        <v>281808</v>
      </c>
      <c r="FM18" s="327">
        <v>491664</v>
      </c>
      <c r="FN18" s="328">
        <v>773472</v>
      </c>
      <c r="FO18" s="326">
        <v>0</v>
      </c>
      <c r="FP18" s="327">
        <v>393888</v>
      </c>
      <c r="FQ18" s="327">
        <v>1196256</v>
      </c>
      <c r="FR18" s="327">
        <v>981864</v>
      </c>
      <c r="FS18" s="327">
        <v>722584</v>
      </c>
      <c r="FT18" s="327">
        <v>300624</v>
      </c>
      <c r="FU18" s="328">
        <v>3595216</v>
      </c>
      <c r="FV18" s="330">
        <v>4368688</v>
      </c>
      <c r="FW18" s="333">
        <v>104208</v>
      </c>
      <c r="FX18" s="327">
        <v>307728</v>
      </c>
      <c r="FY18" s="331">
        <v>411936</v>
      </c>
      <c r="FZ18" s="332">
        <v>0</v>
      </c>
      <c r="GA18" s="327">
        <v>159280</v>
      </c>
      <c r="GB18" s="327">
        <v>990160</v>
      </c>
      <c r="GC18" s="327">
        <v>853272</v>
      </c>
      <c r="GD18" s="327">
        <v>722584</v>
      </c>
      <c r="GE18" s="327">
        <v>274224</v>
      </c>
      <c r="GF18" s="328">
        <v>2999520</v>
      </c>
      <c r="GG18" s="334">
        <v>3411456</v>
      </c>
      <c r="GH18" s="333">
        <v>0</v>
      </c>
      <c r="GI18" s="327">
        <v>41136</v>
      </c>
      <c r="GJ18" s="331">
        <v>41136</v>
      </c>
      <c r="GK18" s="332">
        <v>0</v>
      </c>
      <c r="GL18" s="327">
        <v>15488</v>
      </c>
      <c r="GM18" s="327">
        <v>58080</v>
      </c>
      <c r="GN18" s="327">
        <v>100592</v>
      </c>
      <c r="GO18" s="327">
        <v>0</v>
      </c>
      <c r="GP18" s="327">
        <v>26400</v>
      </c>
      <c r="GQ18" s="328">
        <v>200560</v>
      </c>
      <c r="GR18" s="330">
        <v>241696</v>
      </c>
      <c r="GS18" s="326">
        <v>177600</v>
      </c>
      <c r="GT18" s="327">
        <v>142800</v>
      </c>
      <c r="GU18" s="328">
        <v>320400</v>
      </c>
      <c r="GV18" s="326">
        <v>0</v>
      </c>
      <c r="GW18" s="327">
        <v>219120</v>
      </c>
      <c r="GX18" s="327">
        <v>148016</v>
      </c>
      <c r="GY18" s="327">
        <v>28000</v>
      </c>
      <c r="GZ18" s="327">
        <v>0</v>
      </c>
      <c r="HA18" s="327">
        <v>0</v>
      </c>
      <c r="HB18" s="331">
        <v>395136</v>
      </c>
      <c r="HC18" s="330">
        <v>715536</v>
      </c>
      <c r="HD18" s="326">
        <v>124596</v>
      </c>
      <c r="HE18" s="327">
        <v>583966</v>
      </c>
      <c r="HF18" s="331">
        <v>708562</v>
      </c>
      <c r="HG18" s="332">
        <v>0</v>
      </c>
      <c r="HH18" s="327">
        <v>2032084</v>
      </c>
      <c r="HI18" s="327">
        <v>2488272</v>
      </c>
      <c r="HJ18" s="327">
        <v>2548605</v>
      </c>
      <c r="HK18" s="327">
        <v>2631473</v>
      </c>
      <c r="HL18" s="327">
        <v>988417</v>
      </c>
      <c r="HM18" s="328">
        <v>10688851</v>
      </c>
      <c r="HN18" s="329">
        <v>11397413</v>
      </c>
      <c r="HO18" s="333">
        <v>0</v>
      </c>
      <c r="HP18" s="327">
        <v>0</v>
      </c>
      <c r="HQ18" s="328">
        <v>0</v>
      </c>
      <c r="HR18" s="326">
        <v>0</v>
      </c>
      <c r="HS18" s="327">
        <v>0</v>
      </c>
      <c r="HT18" s="327">
        <v>0</v>
      </c>
      <c r="HU18" s="327">
        <v>0</v>
      </c>
      <c r="HV18" s="327">
        <v>0</v>
      </c>
      <c r="HW18" s="327">
        <v>0</v>
      </c>
      <c r="HX18" s="331">
        <v>0</v>
      </c>
      <c r="HY18" s="330">
        <v>0</v>
      </c>
      <c r="HZ18" s="358">
        <v>0</v>
      </c>
      <c r="IA18" s="356">
        <v>0</v>
      </c>
      <c r="IB18" s="358">
        <v>0</v>
      </c>
      <c r="IC18" s="355">
        <v>0</v>
      </c>
      <c r="ID18" s="356">
        <v>1818528</v>
      </c>
      <c r="IE18" s="357">
        <v>2986142</v>
      </c>
      <c r="IF18" s="358">
        <v>2237750</v>
      </c>
      <c r="IG18" s="356">
        <v>3374672</v>
      </c>
      <c r="IH18" s="358">
        <v>2504951</v>
      </c>
      <c r="II18" s="359">
        <v>12922043</v>
      </c>
      <c r="IJ18" s="358">
        <v>12922043</v>
      </c>
      <c r="IK18" s="342">
        <v>0</v>
      </c>
      <c r="IL18" s="343">
        <v>0</v>
      </c>
      <c r="IM18" s="344">
        <v>0</v>
      </c>
      <c r="IN18" s="404">
        <v>0</v>
      </c>
      <c r="IO18" s="345">
        <v>0</v>
      </c>
      <c r="IP18" s="345">
        <v>0</v>
      </c>
      <c r="IQ18" s="345">
        <v>0</v>
      </c>
      <c r="IR18" s="345">
        <v>0</v>
      </c>
      <c r="IS18" s="345">
        <v>0</v>
      </c>
      <c r="IT18" s="346">
        <v>0</v>
      </c>
      <c r="IU18" s="347">
        <v>0</v>
      </c>
      <c r="IV18" s="348">
        <v>0</v>
      </c>
      <c r="IW18" s="345">
        <v>0</v>
      </c>
      <c r="IX18" s="349">
        <v>0</v>
      </c>
      <c r="IY18" s="404">
        <v>0</v>
      </c>
      <c r="IZ18" s="345">
        <v>0</v>
      </c>
      <c r="JA18" s="345">
        <v>0</v>
      </c>
      <c r="JB18" s="345">
        <v>0</v>
      </c>
      <c r="JC18" s="345">
        <v>0</v>
      </c>
      <c r="JD18" s="345">
        <v>0</v>
      </c>
      <c r="JE18" s="349">
        <v>0</v>
      </c>
      <c r="JF18" s="350">
        <v>0</v>
      </c>
      <c r="JG18" s="348">
        <v>0</v>
      </c>
      <c r="JH18" s="345">
        <v>0</v>
      </c>
      <c r="JI18" s="346">
        <v>0</v>
      </c>
      <c r="JJ18" s="351">
        <v>0</v>
      </c>
      <c r="JK18" s="345">
        <v>1322513</v>
      </c>
      <c r="JL18" s="345">
        <v>1401283</v>
      </c>
      <c r="JM18" s="345">
        <v>483982</v>
      </c>
      <c r="JN18" s="345">
        <v>262226</v>
      </c>
      <c r="JO18" s="345">
        <v>227400</v>
      </c>
      <c r="JP18" s="349">
        <v>3697404</v>
      </c>
      <c r="JQ18" s="347">
        <v>3697404</v>
      </c>
      <c r="JR18" s="348">
        <v>0</v>
      </c>
      <c r="JS18" s="345">
        <v>0</v>
      </c>
      <c r="JT18" s="346">
        <v>0</v>
      </c>
      <c r="JU18" s="351">
        <v>0</v>
      </c>
      <c r="JV18" s="345">
        <v>0</v>
      </c>
      <c r="JW18" s="345">
        <v>0</v>
      </c>
      <c r="JX18" s="345">
        <v>0</v>
      </c>
      <c r="JY18" s="345">
        <v>0</v>
      </c>
      <c r="JZ18" s="345">
        <v>0</v>
      </c>
      <c r="KA18" s="349">
        <v>0</v>
      </c>
      <c r="KB18" s="347">
        <v>0</v>
      </c>
      <c r="KC18" s="352">
        <v>0</v>
      </c>
      <c r="KD18" s="353">
        <v>0</v>
      </c>
      <c r="KE18" s="349">
        <v>0</v>
      </c>
      <c r="KF18" s="351">
        <v>0</v>
      </c>
      <c r="KG18" s="345">
        <v>251628</v>
      </c>
      <c r="KH18" s="345">
        <v>645564</v>
      </c>
      <c r="KI18" s="345">
        <v>733468</v>
      </c>
      <c r="KJ18" s="345">
        <v>557832</v>
      </c>
      <c r="KK18" s="345">
        <v>1210978</v>
      </c>
      <c r="KL18" s="349">
        <v>3399470</v>
      </c>
      <c r="KM18" s="354">
        <v>3399470</v>
      </c>
      <c r="KN18" s="342">
        <v>0</v>
      </c>
      <c r="KO18" s="343">
        <v>0</v>
      </c>
      <c r="KP18" s="344">
        <v>0</v>
      </c>
      <c r="KQ18" s="404">
        <v>0</v>
      </c>
      <c r="KR18" s="345">
        <v>244387</v>
      </c>
      <c r="KS18" s="345">
        <v>157694</v>
      </c>
      <c r="KT18" s="345">
        <v>260472</v>
      </c>
      <c r="KU18" s="345">
        <v>531953</v>
      </c>
      <c r="KV18" s="345">
        <v>427269</v>
      </c>
      <c r="KW18" s="349">
        <v>1621775</v>
      </c>
      <c r="KX18" s="347">
        <v>1621775</v>
      </c>
      <c r="KY18" s="348">
        <v>0</v>
      </c>
      <c r="KZ18" s="345">
        <v>0</v>
      </c>
      <c r="LA18" s="349">
        <v>0</v>
      </c>
      <c r="LB18" s="404">
        <v>0</v>
      </c>
      <c r="LC18" s="345">
        <v>0</v>
      </c>
      <c r="LD18" s="345">
        <v>575784</v>
      </c>
      <c r="LE18" s="345">
        <v>212686</v>
      </c>
      <c r="LF18" s="345">
        <v>695064</v>
      </c>
      <c r="LG18" s="345">
        <v>0</v>
      </c>
      <c r="LH18" s="349">
        <v>1483534</v>
      </c>
      <c r="LI18" s="350">
        <v>1483534</v>
      </c>
      <c r="LJ18" s="348">
        <v>0</v>
      </c>
      <c r="LK18" s="345">
        <v>0</v>
      </c>
      <c r="LL18" s="349">
        <v>0</v>
      </c>
      <c r="LM18" s="404">
        <v>0</v>
      </c>
      <c r="LN18" s="345">
        <v>0</v>
      </c>
      <c r="LO18" s="345">
        <v>0</v>
      </c>
      <c r="LP18" s="345">
        <v>277400</v>
      </c>
      <c r="LQ18" s="345">
        <v>188893</v>
      </c>
      <c r="LR18" s="345">
        <v>639304</v>
      </c>
      <c r="LS18" s="349">
        <v>1105597</v>
      </c>
      <c r="LT18" s="347">
        <v>1105597</v>
      </c>
      <c r="LU18" s="348">
        <v>0</v>
      </c>
      <c r="LV18" s="345">
        <v>0</v>
      </c>
      <c r="LW18" s="349">
        <v>0</v>
      </c>
      <c r="LX18" s="404">
        <v>0</v>
      </c>
      <c r="LY18" s="345">
        <v>0</v>
      </c>
      <c r="LZ18" s="345">
        <v>205817</v>
      </c>
      <c r="MA18" s="345">
        <v>269742</v>
      </c>
      <c r="MB18" s="345">
        <v>1138704</v>
      </c>
      <c r="MC18" s="345">
        <v>0</v>
      </c>
      <c r="MD18" s="349">
        <v>1614263</v>
      </c>
      <c r="ME18" s="350">
        <v>1614263</v>
      </c>
      <c r="MF18" s="348">
        <v>0</v>
      </c>
      <c r="MG18" s="345">
        <v>0</v>
      </c>
      <c r="MH18" s="349">
        <v>0</v>
      </c>
      <c r="MI18" s="404">
        <v>0</v>
      </c>
      <c r="MJ18" s="345">
        <v>244588</v>
      </c>
      <c r="MK18" s="345">
        <v>541316</v>
      </c>
      <c r="ML18" s="345">
        <v>5230297</v>
      </c>
      <c r="MM18" s="345">
        <v>6218250</v>
      </c>
      <c r="MN18" s="345">
        <v>2683508</v>
      </c>
      <c r="MO18" s="349">
        <v>14917959</v>
      </c>
      <c r="MP18" s="354">
        <v>14917959</v>
      </c>
      <c r="MQ18" s="348">
        <v>0</v>
      </c>
      <c r="MR18" s="345">
        <v>0</v>
      </c>
      <c r="MS18" s="349">
        <v>0</v>
      </c>
      <c r="MT18" s="404">
        <v>0</v>
      </c>
      <c r="MU18" s="345">
        <v>0</v>
      </c>
      <c r="MV18" s="345">
        <v>0</v>
      </c>
      <c r="MW18" s="345">
        <v>2359396</v>
      </c>
      <c r="MX18" s="345">
        <v>1664894</v>
      </c>
      <c r="MY18" s="345">
        <v>1837328</v>
      </c>
      <c r="MZ18" s="349">
        <v>5861618</v>
      </c>
      <c r="NA18" s="354">
        <v>5861618</v>
      </c>
      <c r="NB18" s="348">
        <v>0</v>
      </c>
      <c r="NC18" s="345">
        <v>0</v>
      </c>
      <c r="ND18" s="349">
        <v>0</v>
      </c>
      <c r="NE18" s="404">
        <v>0</v>
      </c>
      <c r="NF18" s="345">
        <v>244588</v>
      </c>
      <c r="NG18" s="345">
        <v>541316</v>
      </c>
      <c r="NH18" s="345">
        <v>2870901</v>
      </c>
      <c r="NI18" s="345">
        <v>4553356</v>
      </c>
      <c r="NJ18" s="345">
        <v>846180</v>
      </c>
      <c r="NK18" s="349">
        <v>9056341</v>
      </c>
      <c r="NL18" s="347">
        <v>9056341</v>
      </c>
      <c r="NM18" s="348">
        <v>0</v>
      </c>
      <c r="NN18" s="345">
        <v>0</v>
      </c>
      <c r="NO18" s="349">
        <v>0</v>
      </c>
      <c r="NP18" s="404">
        <v>0</v>
      </c>
      <c r="NQ18" s="345">
        <v>0</v>
      </c>
      <c r="NR18" s="345">
        <v>0</v>
      </c>
      <c r="NS18" s="345">
        <v>0</v>
      </c>
      <c r="NT18" s="345">
        <v>0</v>
      </c>
      <c r="NU18" s="345">
        <v>0</v>
      </c>
      <c r="NV18" s="349">
        <v>0</v>
      </c>
      <c r="NW18" s="350">
        <v>0</v>
      </c>
      <c r="NX18" s="348">
        <v>0</v>
      </c>
      <c r="NY18" s="345">
        <v>0</v>
      </c>
      <c r="NZ18" s="349">
        <v>0</v>
      </c>
      <c r="OA18" s="404">
        <v>0</v>
      </c>
      <c r="OB18" s="345">
        <v>0</v>
      </c>
      <c r="OC18" s="345">
        <v>0</v>
      </c>
      <c r="OD18" s="345">
        <v>0</v>
      </c>
      <c r="OE18" s="345">
        <v>0</v>
      </c>
      <c r="OF18" s="345">
        <v>0</v>
      </c>
      <c r="OG18" s="349">
        <v>0</v>
      </c>
      <c r="OH18" s="350">
        <v>0</v>
      </c>
      <c r="OI18" s="348">
        <v>875263</v>
      </c>
      <c r="OJ18" s="345">
        <v>2597102</v>
      </c>
      <c r="OK18" s="346">
        <v>3472365</v>
      </c>
      <c r="OL18" s="351">
        <v>0</v>
      </c>
      <c r="OM18" s="345">
        <v>9675974</v>
      </c>
      <c r="ON18" s="345">
        <v>15445585</v>
      </c>
      <c r="OO18" s="345">
        <v>17296319</v>
      </c>
      <c r="OP18" s="345">
        <v>19860290</v>
      </c>
      <c r="OQ18" s="345">
        <v>9356845</v>
      </c>
      <c r="OR18" s="349">
        <v>71635013</v>
      </c>
      <c r="OS18" s="354">
        <v>75107378</v>
      </c>
    </row>
    <row r="19" spans="2:409" s="70" customFormat="1" ht="21" customHeight="1" x14ac:dyDescent="0.2">
      <c r="B19" s="410" t="s">
        <v>13</v>
      </c>
      <c r="C19" s="326">
        <v>129360</v>
      </c>
      <c r="D19" s="327">
        <v>297064</v>
      </c>
      <c r="E19" s="328">
        <v>426424</v>
      </c>
      <c r="F19" s="326">
        <v>0</v>
      </c>
      <c r="G19" s="366">
        <v>3733250</v>
      </c>
      <c r="H19" s="327">
        <v>5000323</v>
      </c>
      <c r="I19" s="327">
        <v>5567598</v>
      </c>
      <c r="J19" s="327">
        <v>3791146</v>
      </c>
      <c r="K19" s="327">
        <v>4538506</v>
      </c>
      <c r="L19" s="331">
        <v>22630823</v>
      </c>
      <c r="M19" s="330">
        <v>23057247</v>
      </c>
      <c r="N19" s="326">
        <v>29440</v>
      </c>
      <c r="O19" s="327">
        <v>21219</v>
      </c>
      <c r="P19" s="328">
        <v>50659</v>
      </c>
      <c r="Q19" s="326">
        <v>0</v>
      </c>
      <c r="R19" s="327">
        <v>1241112</v>
      </c>
      <c r="S19" s="327">
        <v>2151714</v>
      </c>
      <c r="T19" s="327">
        <v>2088155</v>
      </c>
      <c r="U19" s="327">
        <v>1524140</v>
      </c>
      <c r="V19" s="327">
        <v>3162123</v>
      </c>
      <c r="W19" s="328">
        <v>10167244</v>
      </c>
      <c r="X19" s="330">
        <v>10217903</v>
      </c>
      <c r="Y19" s="326">
        <v>0</v>
      </c>
      <c r="Z19" s="327">
        <v>0</v>
      </c>
      <c r="AA19" s="328">
        <v>0</v>
      </c>
      <c r="AB19" s="326">
        <v>0</v>
      </c>
      <c r="AC19" s="327">
        <v>433302</v>
      </c>
      <c r="AD19" s="327">
        <v>688418</v>
      </c>
      <c r="AE19" s="327">
        <v>1232855</v>
      </c>
      <c r="AF19" s="327">
        <v>968302</v>
      </c>
      <c r="AG19" s="327">
        <v>2192829</v>
      </c>
      <c r="AH19" s="328">
        <v>5515706</v>
      </c>
      <c r="AI19" s="330">
        <v>5515706</v>
      </c>
      <c r="AJ19" s="326">
        <v>0</v>
      </c>
      <c r="AK19" s="327">
        <v>0</v>
      </c>
      <c r="AL19" s="328">
        <v>0</v>
      </c>
      <c r="AM19" s="326">
        <v>0</v>
      </c>
      <c r="AN19" s="327">
        <v>0</v>
      </c>
      <c r="AO19" s="327">
        <v>0</v>
      </c>
      <c r="AP19" s="327">
        <v>36032</v>
      </c>
      <c r="AQ19" s="327">
        <v>60053</v>
      </c>
      <c r="AR19" s="327">
        <v>230230</v>
      </c>
      <c r="AS19" s="328">
        <v>326315</v>
      </c>
      <c r="AT19" s="330">
        <v>326315</v>
      </c>
      <c r="AU19" s="326">
        <v>0</v>
      </c>
      <c r="AV19" s="327">
        <v>19147</v>
      </c>
      <c r="AW19" s="328">
        <v>19147</v>
      </c>
      <c r="AX19" s="326">
        <v>0</v>
      </c>
      <c r="AY19" s="327">
        <v>511474</v>
      </c>
      <c r="AZ19" s="327">
        <v>1139961</v>
      </c>
      <c r="BA19" s="327">
        <v>383593</v>
      </c>
      <c r="BB19" s="327">
        <v>270457</v>
      </c>
      <c r="BC19" s="327">
        <v>513480</v>
      </c>
      <c r="BD19" s="328">
        <v>2818965</v>
      </c>
      <c r="BE19" s="330">
        <v>2838112</v>
      </c>
      <c r="BF19" s="326">
        <v>21168</v>
      </c>
      <c r="BG19" s="327">
        <v>0</v>
      </c>
      <c r="BH19" s="331">
        <v>21168</v>
      </c>
      <c r="BI19" s="332">
        <v>0</v>
      </c>
      <c r="BJ19" s="327">
        <v>47440</v>
      </c>
      <c r="BK19" s="327">
        <v>31519</v>
      </c>
      <c r="BL19" s="327">
        <v>39483</v>
      </c>
      <c r="BM19" s="327">
        <v>0</v>
      </c>
      <c r="BN19" s="327">
        <v>0</v>
      </c>
      <c r="BO19" s="328">
        <v>118442</v>
      </c>
      <c r="BP19" s="330">
        <v>139610</v>
      </c>
      <c r="BQ19" s="326">
        <v>8272</v>
      </c>
      <c r="BR19" s="327">
        <v>2072</v>
      </c>
      <c r="BS19" s="328">
        <v>10344</v>
      </c>
      <c r="BT19" s="326">
        <v>0</v>
      </c>
      <c r="BU19" s="327">
        <v>248896</v>
      </c>
      <c r="BV19" s="327">
        <v>291816</v>
      </c>
      <c r="BW19" s="327">
        <v>396192</v>
      </c>
      <c r="BX19" s="327">
        <v>225328</v>
      </c>
      <c r="BY19" s="327">
        <v>225584</v>
      </c>
      <c r="BZ19" s="328">
        <v>1387816</v>
      </c>
      <c r="CA19" s="330">
        <v>1398160</v>
      </c>
      <c r="CB19" s="326">
        <v>0</v>
      </c>
      <c r="CC19" s="327">
        <v>40857</v>
      </c>
      <c r="CD19" s="328">
        <v>40857</v>
      </c>
      <c r="CE19" s="326">
        <v>0</v>
      </c>
      <c r="CF19" s="327">
        <v>893795</v>
      </c>
      <c r="CG19" s="327">
        <v>607651</v>
      </c>
      <c r="CH19" s="327">
        <v>790145</v>
      </c>
      <c r="CI19" s="327">
        <v>799642</v>
      </c>
      <c r="CJ19" s="327">
        <v>403037</v>
      </c>
      <c r="CK19" s="328">
        <v>3494270</v>
      </c>
      <c r="CL19" s="330">
        <v>3535127</v>
      </c>
      <c r="CM19" s="326">
        <v>0</v>
      </c>
      <c r="CN19" s="327">
        <v>0</v>
      </c>
      <c r="CO19" s="328">
        <v>0</v>
      </c>
      <c r="CP19" s="332">
        <v>0</v>
      </c>
      <c r="CQ19" s="327">
        <v>704548</v>
      </c>
      <c r="CR19" s="327">
        <v>583885</v>
      </c>
      <c r="CS19" s="327">
        <v>633035</v>
      </c>
      <c r="CT19" s="327">
        <v>718951</v>
      </c>
      <c r="CU19" s="327">
        <v>288491</v>
      </c>
      <c r="CV19" s="328">
        <v>2928910</v>
      </c>
      <c r="CW19" s="330">
        <v>2928910</v>
      </c>
      <c r="CX19" s="326">
        <v>0</v>
      </c>
      <c r="CY19" s="327">
        <v>40857</v>
      </c>
      <c r="CZ19" s="328">
        <v>40857</v>
      </c>
      <c r="DA19" s="326">
        <v>0</v>
      </c>
      <c r="DB19" s="327">
        <v>189247</v>
      </c>
      <c r="DC19" s="327">
        <v>23766</v>
      </c>
      <c r="DD19" s="327">
        <v>157110</v>
      </c>
      <c r="DE19" s="327">
        <v>80691</v>
      </c>
      <c r="DF19" s="327">
        <v>114546</v>
      </c>
      <c r="DG19" s="328">
        <v>565360</v>
      </c>
      <c r="DH19" s="330">
        <v>606217</v>
      </c>
      <c r="DI19" s="326">
        <v>0</v>
      </c>
      <c r="DJ19" s="327">
        <v>0</v>
      </c>
      <c r="DK19" s="331">
        <v>0</v>
      </c>
      <c r="DL19" s="332">
        <v>0</v>
      </c>
      <c r="DM19" s="327">
        <v>120746</v>
      </c>
      <c r="DN19" s="327">
        <v>38696</v>
      </c>
      <c r="DO19" s="327">
        <v>199763</v>
      </c>
      <c r="DP19" s="327">
        <v>87754</v>
      </c>
      <c r="DQ19" s="327">
        <v>76117</v>
      </c>
      <c r="DR19" s="328">
        <v>523076</v>
      </c>
      <c r="DS19" s="330">
        <v>523076</v>
      </c>
      <c r="DT19" s="326">
        <v>0</v>
      </c>
      <c r="DU19" s="327">
        <v>0</v>
      </c>
      <c r="DV19" s="328">
        <v>0</v>
      </c>
      <c r="DW19" s="326">
        <v>0</v>
      </c>
      <c r="DX19" s="327">
        <v>120746</v>
      </c>
      <c r="DY19" s="327">
        <v>38696</v>
      </c>
      <c r="DZ19" s="327">
        <v>199763</v>
      </c>
      <c r="EA19" s="327">
        <v>32593</v>
      </c>
      <c r="EB19" s="327">
        <v>76117</v>
      </c>
      <c r="EC19" s="328">
        <v>467915</v>
      </c>
      <c r="ED19" s="330">
        <v>467915</v>
      </c>
      <c r="EE19" s="326">
        <v>0</v>
      </c>
      <c r="EF19" s="331">
        <v>0</v>
      </c>
      <c r="EG19" s="328">
        <v>0</v>
      </c>
      <c r="EH19" s="326">
        <v>0</v>
      </c>
      <c r="EI19" s="327">
        <v>0</v>
      </c>
      <c r="EJ19" s="327">
        <v>0</v>
      </c>
      <c r="EK19" s="327">
        <v>0</v>
      </c>
      <c r="EL19" s="327">
        <v>55161</v>
      </c>
      <c r="EM19" s="327">
        <v>0</v>
      </c>
      <c r="EN19" s="331">
        <v>55161</v>
      </c>
      <c r="EO19" s="330">
        <v>55161</v>
      </c>
      <c r="EP19" s="326">
        <v>0</v>
      </c>
      <c r="EQ19" s="327">
        <v>0</v>
      </c>
      <c r="ER19" s="331">
        <v>0</v>
      </c>
      <c r="ES19" s="332">
        <v>0</v>
      </c>
      <c r="ET19" s="327">
        <v>0</v>
      </c>
      <c r="EU19" s="327">
        <v>0</v>
      </c>
      <c r="EV19" s="327">
        <v>0</v>
      </c>
      <c r="EW19" s="327">
        <v>0</v>
      </c>
      <c r="EX19" s="327">
        <v>0</v>
      </c>
      <c r="EY19" s="328">
        <v>0</v>
      </c>
      <c r="EZ19" s="330">
        <v>0</v>
      </c>
      <c r="FA19" s="326">
        <v>0</v>
      </c>
      <c r="FB19" s="327">
        <v>0</v>
      </c>
      <c r="FC19" s="331">
        <v>0</v>
      </c>
      <c r="FD19" s="332">
        <v>0</v>
      </c>
      <c r="FE19" s="327">
        <v>0</v>
      </c>
      <c r="FF19" s="327">
        <v>0</v>
      </c>
      <c r="FG19" s="327">
        <v>0</v>
      </c>
      <c r="FH19" s="327">
        <v>0</v>
      </c>
      <c r="FI19" s="327">
        <v>0</v>
      </c>
      <c r="FJ19" s="328">
        <v>0</v>
      </c>
      <c r="FK19" s="330">
        <v>0</v>
      </c>
      <c r="FL19" s="326">
        <v>99920</v>
      </c>
      <c r="FM19" s="327">
        <v>34081</v>
      </c>
      <c r="FN19" s="328">
        <v>134001</v>
      </c>
      <c r="FO19" s="326">
        <v>0</v>
      </c>
      <c r="FP19" s="327">
        <v>151752</v>
      </c>
      <c r="FQ19" s="327">
        <v>461372</v>
      </c>
      <c r="FR19" s="327">
        <v>260792</v>
      </c>
      <c r="FS19" s="327">
        <v>243720</v>
      </c>
      <c r="FT19" s="327">
        <v>244240</v>
      </c>
      <c r="FU19" s="328">
        <v>1361876</v>
      </c>
      <c r="FV19" s="330">
        <v>1495877</v>
      </c>
      <c r="FW19" s="333">
        <v>9520</v>
      </c>
      <c r="FX19" s="327">
        <v>18576</v>
      </c>
      <c r="FY19" s="331">
        <v>28096</v>
      </c>
      <c r="FZ19" s="332">
        <v>0</v>
      </c>
      <c r="GA19" s="327">
        <v>131776</v>
      </c>
      <c r="GB19" s="327">
        <v>451912</v>
      </c>
      <c r="GC19" s="327">
        <v>255064</v>
      </c>
      <c r="GD19" s="327">
        <v>216000</v>
      </c>
      <c r="GE19" s="327">
        <v>244240</v>
      </c>
      <c r="GF19" s="328">
        <v>1298992</v>
      </c>
      <c r="GG19" s="334">
        <v>1327088</v>
      </c>
      <c r="GH19" s="333">
        <v>0</v>
      </c>
      <c r="GI19" s="327">
        <v>0</v>
      </c>
      <c r="GJ19" s="331">
        <v>0</v>
      </c>
      <c r="GK19" s="332">
        <v>0</v>
      </c>
      <c r="GL19" s="327">
        <v>19976</v>
      </c>
      <c r="GM19" s="327">
        <v>9460</v>
      </c>
      <c r="GN19" s="327">
        <v>5728</v>
      </c>
      <c r="GO19" s="327">
        <v>27720</v>
      </c>
      <c r="GP19" s="327">
        <v>0</v>
      </c>
      <c r="GQ19" s="328">
        <v>62884</v>
      </c>
      <c r="GR19" s="330">
        <v>62884</v>
      </c>
      <c r="GS19" s="326">
        <v>90400</v>
      </c>
      <c r="GT19" s="327">
        <v>15505</v>
      </c>
      <c r="GU19" s="328">
        <v>105905</v>
      </c>
      <c r="GV19" s="326">
        <v>0</v>
      </c>
      <c r="GW19" s="327">
        <v>0</v>
      </c>
      <c r="GX19" s="327">
        <v>0</v>
      </c>
      <c r="GY19" s="327">
        <v>0</v>
      </c>
      <c r="GZ19" s="327">
        <v>0</v>
      </c>
      <c r="HA19" s="327">
        <v>0</v>
      </c>
      <c r="HB19" s="331">
        <v>0</v>
      </c>
      <c r="HC19" s="330">
        <v>105905</v>
      </c>
      <c r="HD19" s="326">
        <v>0</v>
      </c>
      <c r="HE19" s="327">
        <v>200907</v>
      </c>
      <c r="HF19" s="331">
        <v>200907</v>
      </c>
      <c r="HG19" s="332">
        <v>0</v>
      </c>
      <c r="HH19" s="327">
        <v>1325845</v>
      </c>
      <c r="HI19" s="327">
        <v>1740890</v>
      </c>
      <c r="HJ19" s="327">
        <v>2228743</v>
      </c>
      <c r="HK19" s="327">
        <v>1135890</v>
      </c>
      <c r="HL19" s="327">
        <v>652989</v>
      </c>
      <c r="HM19" s="328">
        <v>7084357</v>
      </c>
      <c r="HN19" s="329">
        <v>7285264</v>
      </c>
      <c r="HO19" s="333">
        <v>0</v>
      </c>
      <c r="HP19" s="327">
        <v>0</v>
      </c>
      <c r="HQ19" s="328">
        <v>0</v>
      </c>
      <c r="HR19" s="326">
        <v>0</v>
      </c>
      <c r="HS19" s="327">
        <v>0</v>
      </c>
      <c r="HT19" s="327">
        <v>0</v>
      </c>
      <c r="HU19" s="327">
        <v>0</v>
      </c>
      <c r="HV19" s="327">
        <v>0</v>
      </c>
      <c r="HW19" s="327">
        <v>0</v>
      </c>
      <c r="HX19" s="331">
        <v>0</v>
      </c>
      <c r="HY19" s="330">
        <v>0</v>
      </c>
      <c r="HZ19" s="335">
        <v>0</v>
      </c>
      <c r="IA19" s="336">
        <v>0</v>
      </c>
      <c r="IB19" s="337">
        <v>0</v>
      </c>
      <c r="IC19" s="338">
        <v>0</v>
      </c>
      <c r="ID19" s="336">
        <v>756925</v>
      </c>
      <c r="IE19" s="339">
        <v>1131250</v>
      </c>
      <c r="IF19" s="337">
        <v>1125650</v>
      </c>
      <c r="IG19" s="336">
        <v>822084</v>
      </c>
      <c r="IH19" s="337">
        <v>479953</v>
      </c>
      <c r="II19" s="340">
        <v>4315862</v>
      </c>
      <c r="IJ19" s="341">
        <v>4315862</v>
      </c>
      <c r="IK19" s="342">
        <v>0</v>
      </c>
      <c r="IL19" s="343">
        <v>0</v>
      </c>
      <c r="IM19" s="344">
        <v>0</v>
      </c>
      <c r="IN19" s="404">
        <v>0</v>
      </c>
      <c r="IO19" s="345">
        <v>0</v>
      </c>
      <c r="IP19" s="345">
        <v>0</v>
      </c>
      <c r="IQ19" s="345">
        <v>0</v>
      </c>
      <c r="IR19" s="345">
        <v>0</v>
      </c>
      <c r="IS19" s="345">
        <v>0</v>
      </c>
      <c r="IT19" s="346">
        <v>0</v>
      </c>
      <c r="IU19" s="347">
        <v>0</v>
      </c>
      <c r="IV19" s="348">
        <v>0</v>
      </c>
      <c r="IW19" s="345">
        <v>0</v>
      </c>
      <c r="IX19" s="349">
        <v>0</v>
      </c>
      <c r="IY19" s="404">
        <v>0</v>
      </c>
      <c r="IZ19" s="345">
        <v>0</v>
      </c>
      <c r="JA19" s="345">
        <v>0</v>
      </c>
      <c r="JB19" s="345">
        <v>0</v>
      </c>
      <c r="JC19" s="345">
        <v>0</v>
      </c>
      <c r="JD19" s="345">
        <v>0</v>
      </c>
      <c r="JE19" s="349">
        <v>0</v>
      </c>
      <c r="JF19" s="350">
        <v>0</v>
      </c>
      <c r="JG19" s="348">
        <v>0</v>
      </c>
      <c r="JH19" s="345">
        <v>0</v>
      </c>
      <c r="JI19" s="346">
        <v>0</v>
      </c>
      <c r="JJ19" s="351">
        <v>0</v>
      </c>
      <c r="JK19" s="345">
        <v>617902</v>
      </c>
      <c r="JL19" s="345">
        <v>756940</v>
      </c>
      <c r="JM19" s="345">
        <v>223924</v>
      </c>
      <c r="JN19" s="345">
        <v>308508</v>
      </c>
      <c r="JO19" s="345">
        <v>0</v>
      </c>
      <c r="JP19" s="349">
        <v>1907274</v>
      </c>
      <c r="JQ19" s="347">
        <v>1907274</v>
      </c>
      <c r="JR19" s="348">
        <v>0</v>
      </c>
      <c r="JS19" s="345">
        <v>0</v>
      </c>
      <c r="JT19" s="346">
        <v>0</v>
      </c>
      <c r="JU19" s="351">
        <v>0</v>
      </c>
      <c r="JV19" s="345">
        <v>0</v>
      </c>
      <c r="JW19" s="345">
        <v>0</v>
      </c>
      <c r="JX19" s="345">
        <v>382300</v>
      </c>
      <c r="JY19" s="345">
        <v>0</v>
      </c>
      <c r="JZ19" s="345">
        <v>176792</v>
      </c>
      <c r="KA19" s="349">
        <v>559092</v>
      </c>
      <c r="KB19" s="347">
        <v>559092</v>
      </c>
      <c r="KC19" s="352">
        <v>0</v>
      </c>
      <c r="KD19" s="353">
        <v>0</v>
      </c>
      <c r="KE19" s="349">
        <v>0</v>
      </c>
      <c r="KF19" s="351">
        <v>0</v>
      </c>
      <c r="KG19" s="345">
        <v>139023</v>
      </c>
      <c r="KH19" s="345">
        <v>374310</v>
      </c>
      <c r="KI19" s="345">
        <v>0</v>
      </c>
      <c r="KJ19" s="345">
        <v>0</v>
      </c>
      <c r="KK19" s="345">
        <v>303161</v>
      </c>
      <c r="KL19" s="349">
        <v>816494</v>
      </c>
      <c r="KM19" s="354">
        <v>816494</v>
      </c>
      <c r="KN19" s="342">
        <v>0</v>
      </c>
      <c r="KO19" s="343">
        <v>0</v>
      </c>
      <c r="KP19" s="344">
        <v>0</v>
      </c>
      <c r="KQ19" s="404">
        <v>0</v>
      </c>
      <c r="KR19" s="345">
        <v>0</v>
      </c>
      <c r="KS19" s="345">
        <v>0</v>
      </c>
      <c r="KT19" s="345">
        <v>519426</v>
      </c>
      <c r="KU19" s="345">
        <v>513576</v>
      </c>
      <c r="KV19" s="345">
        <v>0</v>
      </c>
      <c r="KW19" s="349">
        <v>1033002</v>
      </c>
      <c r="KX19" s="347">
        <v>1033002</v>
      </c>
      <c r="KY19" s="348">
        <v>0</v>
      </c>
      <c r="KZ19" s="345">
        <v>0</v>
      </c>
      <c r="LA19" s="349">
        <v>0</v>
      </c>
      <c r="LB19" s="404">
        <v>0</v>
      </c>
      <c r="LC19" s="345">
        <v>0</v>
      </c>
      <c r="LD19" s="345">
        <v>0</v>
      </c>
      <c r="LE19" s="345">
        <v>0</v>
      </c>
      <c r="LF19" s="345">
        <v>0</v>
      </c>
      <c r="LG19" s="345">
        <v>0</v>
      </c>
      <c r="LH19" s="349">
        <v>0</v>
      </c>
      <c r="LI19" s="350">
        <v>0</v>
      </c>
      <c r="LJ19" s="348">
        <v>0</v>
      </c>
      <c r="LK19" s="345">
        <v>0</v>
      </c>
      <c r="LL19" s="349">
        <v>0</v>
      </c>
      <c r="LM19" s="404">
        <v>0</v>
      </c>
      <c r="LN19" s="345">
        <v>0</v>
      </c>
      <c r="LO19" s="345">
        <v>0</v>
      </c>
      <c r="LP19" s="345">
        <v>0</v>
      </c>
      <c r="LQ19" s="345">
        <v>0</v>
      </c>
      <c r="LR19" s="345">
        <v>0</v>
      </c>
      <c r="LS19" s="349">
        <v>0</v>
      </c>
      <c r="LT19" s="347">
        <v>0</v>
      </c>
      <c r="LU19" s="348">
        <v>0</v>
      </c>
      <c r="LV19" s="345">
        <v>0</v>
      </c>
      <c r="LW19" s="349">
        <v>0</v>
      </c>
      <c r="LX19" s="404">
        <v>0</v>
      </c>
      <c r="LY19" s="345">
        <v>0</v>
      </c>
      <c r="LZ19" s="345">
        <v>0</v>
      </c>
      <c r="MA19" s="345">
        <v>0</v>
      </c>
      <c r="MB19" s="345">
        <v>0</v>
      </c>
      <c r="MC19" s="345">
        <v>0</v>
      </c>
      <c r="MD19" s="349">
        <v>0</v>
      </c>
      <c r="ME19" s="350">
        <v>0</v>
      </c>
      <c r="MF19" s="348">
        <v>0</v>
      </c>
      <c r="MG19" s="345">
        <v>0</v>
      </c>
      <c r="MH19" s="349">
        <v>0</v>
      </c>
      <c r="MI19" s="404">
        <v>0</v>
      </c>
      <c r="MJ19" s="345">
        <v>0</v>
      </c>
      <c r="MK19" s="345">
        <v>0</v>
      </c>
      <c r="ML19" s="345">
        <v>2966850</v>
      </c>
      <c r="MM19" s="345">
        <v>3457791</v>
      </c>
      <c r="MN19" s="345">
        <v>1113848</v>
      </c>
      <c r="MO19" s="349">
        <v>7538489</v>
      </c>
      <c r="MP19" s="354">
        <v>7538489</v>
      </c>
      <c r="MQ19" s="348">
        <v>0</v>
      </c>
      <c r="MR19" s="345">
        <v>0</v>
      </c>
      <c r="MS19" s="349">
        <v>0</v>
      </c>
      <c r="MT19" s="404">
        <v>0</v>
      </c>
      <c r="MU19" s="345">
        <v>0</v>
      </c>
      <c r="MV19" s="345">
        <v>0</v>
      </c>
      <c r="MW19" s="345">
        <v>1506398</v>
      </c>
      <c r="MX19" s="345">
        <v>2500214</v>
      </c>
      <c r="MY19" s="345">
        <v>1113848</v>
      </c>
      <c r="MZ19" s="349">
        <v>5120460</v>
      </c>
      <c r="NA19" s="354">
        <v>5120460</v>
      </c>
      <c r="NB19" s="348">
        <v>0</v>
      </c>
      <c r="NC19" s="345">
        <v>0</v>
      </c>
      <c r="ND19" s="349">
        <v>0</v>
      </c>
      <c r="NE19" s="404">
        <v>0</v>
      </c>
      <c r="NF19" s="345">
        <v>0</v>
      </c>
      <c r="NG19" s="345">
        <v>0</v>
      </c>
      <c r="NH19" s="345">
        <v>1460452</v>
      </c>
      <c r="NI19" s="345">
        <v>957577</v>
      </c>
      <c r="NJ19" s="345">
        <v>0</v>
      </c>
      <c r="NK19" s="349">
        <v>2418029</v>
      </c>
      <c r="NL19" s="347">
        <v>2418029</v>
      </c>
      <c r="NM19" s="348">
        <v>0</v>
      </c>
      <c r="NN19" s="345">
        <v>0</v>
      </c>
      <c r="NO19" s="349">
        <v>0</v>
      </c>
      <c r="NP19" s="404">
        <v>0</v>
      </c>
      <c r="NQ19" s="345">
        <v>0</v>
      </c>
      <c r="NR19" s="345">
        <v>0</v>
      </c>
      <c r="NS19" s="345">
        <v>0</v>
      </c>
      <c r="NT19" s="345">
        <v>0</v>
      </c>
      <c r="NU19" s="345">
        <v>0</v>
      </c>
      <c r="NV19" s="349">
        <v>0</v>
      </c>
      <c r="NW19" s="350">
        <v>0</v>
      </c>
      <c r="NX19" s="348">
        <v>0</v>
      </c>
      <c r="NY19" s="345">
        <v>0</v>
      </c>
      <c r="NZ19" s="349">
        <v>0</v>
      </c>
      <c r="OA19" s="404">
        <v>0</v>
      </c>
      <c r="OB19" s="345">
        <v>0</v>
      </c>
      <c r="OC19" s="345">
        <v>0</v>
      </c>
      <c r="OD19" s="345">
        <v>0</v>
      </c>
      <c r="OE19" s="345">
        <v>0</v>
      </c>
      <c r="OF19" s="345">
        <v>0</v>
      </c>
      <c r="OG19" s="349">
        <v>0</v>
      </c>
      <c r="OH19" s="350">
        <v>0</v>
      </c>
      <c r="OI19" s="348">
        <v>129360</v>
      </c>
      <c r="OJ19" s="345">
        <v>297064</v>
      </c>
      <c r="OK19" s="346">
        <v>426424</v>
      </c>
      <c r="OL19" s="351">
        <v>0</v>
      </c>
      <c r="OM19" s="345">
        <v>4490175</v>
      </c>
      <c r="ON19" s="345">
        <v>6131573</v>
      </c>
      <c r="OO19" s="345">
        <v>9660098</v>
      </c>
      <c r="OP19" s="345">
        <v>8071021</v>
      </c>
      <c r="OQ19" s="345">
        <v>6132307</v>
      </c>
      <c r="OR19" s="349">
        <v>34485174</v>
      </c>
      <c r="OS19" s="354">
        <v>34911598</v>
      </c>
    </row>
    <row r="20" spans="2:409" s="70" customFormat="1" ht="21" customHeight="1" x14ac:dyDescent="0.2">
      <c r="B20" s="410" t="s">
        <v>15</v>
      </c>
      <c r="C20" s="326">
        <v>160011</v>
      </c>
      <c r="D20" s="327">
        <v>478711</v>
      </c>
      <c r="E20" s="328">
        <v>638722</v>
      </c>
      <c r="F20" s="329">
        <v>0</v>
      </c>
      <c r="G20" s="327">
        <v>1597277</v>
      </c>
      <c r="H20" s="327">
        <v>1267713</v>
      </c>
      <c r="I20" s="327">
        <v>1982069</v>
      </c>
      <c r="J20" s="327">
        <v>2094496</v>
      </c>
      <c r="K20" s="327">
        <v>1675624</v>
      </c>
      <c r="L20" s="329">
        <v>8617179</v>
      </c>
      <c r="M20" s="330">
        <v>9255901</v>
      </c>
      <c r="N20" s="326">
        <v>0</v>
      </c>
      <c r="O20" s="327">
        <v>41199</v>
      </c>
      <c r="P20" s="328">
        <v>41199</v>
      </c>
      <c r="Q20" s="326">
        <v>0</v>
      </c>
      <c r="R20" s="327">
        <v>334826</v>
      </c>
      <c r="S20" s="327">
        <v>463891</v>
      </c>
      <c r="T20" s="327">
        <v>307397</v>
      </c>
      <c r="U20" s="327">
        <v>1262352</v>
      </c>
      <c r="V20" s="327">
        <v>648605</v>
      </c>
      <c r="W20" s="328">
        <v>3017071</v>
      </c>
      <c r="X20" s="330">
        <v>3058270</v>
      </c>
      <c r="Y20" s="326">
        <v>0</v>
      </c>
      <c r="Z20" s="327">
        <v>0</v>
      </c>
      <c r="AA20" s="328">
        <v>0</v>
      </c>
      <c r="AB20" s="326">
        <v>0</v>
      </c>
      <c r="AC20" s="327">
        <v>41927</v>
      </c>
      <c r="AD20" s="327">
        <v>159048</v>
      </c>
      <c r="AE20" s="327">
        <v>48293</v>
      </c>
      <c r="AF20" s="327">
        <v>893245</v>
      </c>
      <c r="AG20" s="327">
        <v>595253</v>
      </c>
      <c r="AH20" s="328">
        <v>1737766</v>
      </c>
      <c r="AI20" s="330">
        <v>1737766</v>
      </c>
      <c r="AJ20" s="326">
        <v>0</v>
      </c>
      <c r="AK20" s="327">
        <v>0</v>
      </c>
      <c r="AL20" s="328">
        <v>0</v>
      </c>
      <c r="AM20" s="326">
        <v>0</v>
      </c>
      <c r="AN20" s="327">
        <v>0</v>
      </c>
      <c r="AO20" s="327">
        <v>0</v>
      </c>
      <c r="AP20" s="327">
        <v>49941</v>
      </c>
      <c r="AQ20" s="327">
        <v>132117</v>
      </c>
      <c r="AR20" s="327">
        <v>0</v>
      </c>
      <c r="AS20" s="328">
        <v>182058</v>
      </c>
      <c r="AT20" s="330">
        <v>182058</v>
      </c>
      <c r="AU20" s="326">
        <v>0</v>
      </c>
      <c r="AV20" s="327">
        <v>30255</v>
      </c>
      <c r="AW20" s="328">
        <v>30255</v>
      </c>
      <c r="AX20" s="326">
        <v>0</v>
      </c>
      <c r="AY20" s="327">
        <v>107374</v>
      </c>
      <c r="AZ20" s="327">
        <v>212659</v>
      </c>
      <c r="BA20" s="327">
        <v>120875</v>
      </c>
      <c r="BB20" s="327">
        <v>166654</v>
      </c>
      <c r="BC20" s="327">
        <v>0</v>
      </c>
      <c r="BD20" s="328">
        <v>607562</v>
      </c>
      <c r="BE20" s="330">
        <v>637817</v>
      </c>
      <c r="BF20" s="326">
        <v>0</v>
      </c>
      <c r="BG20" s="327">
        <v>0</v>
      </c>
      <c r="BH20" s="331">
        <v>0</v>
      </c>
      <c r="BI20" s="332">
        <v>0</v>
      </c>
      <c r="BJ20" s="327">
        <v>54133</v>
      </c>
      <c r="BK20" s="327">
        <v>56232</v>
      </c>
      <c r="BL20" s="327">
        <v>0</v>
      </c>
      <c r="BM20" s="327">
        <v>0</v>
      </c>
      <c r="BN20" s="327">
        <v>0</v>
      </c>
      <c r="BO20" s="328">
        <v>110365</v>
      </c>
      <c r="BP20" s="330">
        <v>110365</v>
      </c>
      <c r="BQ20" s="326">
        <v>0</v>
      </c>
      <c r="BR20" s="327">
        <v>10944</v>
      </c>
      <c r="BS20" s="328">
        <v>10944</v>
      </c>
      <c r="BT20" s="326">
        <v>0</v>
      </c>
      <c r="BU20" s="327">
        <v>131392</v>
      </c>
      <c r="BV20" s="327">
        <v>35952</v>
      </c>
      <c r="BW20" s="327">
        <v>88288</v>
      </c>
      <c r="BX20" s="327">
        <v>70336</v>
      </c>
      <c r="BY20" s="327">
        <v>53352</v>
      </c>
      <c r="BZ20" s="328">
        <v>379320</v>
      </c>
      <c r="CA20" s="330">
        <v>390264</v>
      </c>
      <c r="CB20" s="326">
        <v>21439</v>
      </c>
      <c r="CC20" s="327">
        <v>0</v>
      </c>
      <c r="CD20" s="328">
        <v>21439</v>
      </c>
      <c r="CE20" s="326">
        <v>0</v>
      </c>
      <c r="CF20" s="327">
        <v>240557</v>
      </c>
      <c r="CG20" s="327">
        <v>254610</v>
      </c>
      <c r="CH20" s="327">
        <v>614342</v>
      </c>
      <c r="CI20" s="327">
        <v>403263</v>
      </c>
      <c r="CJ20" s="327">
        <v>0</v>
      </c>
      <c r="CK20" s="328">
        <v>1512772</v>
      </c>
      <c r="CL20" s="330">
        <v>1534211</v>
      </c>
      <c r="CM20" s="326">
        <v>0</v>
      </c>
      <c r="CN20" s="327">
        <v>0</v>
      </c>
      <c r="CO20" s="328">
        <v>0</v>
      </c>
      <c r="CP20" s="332">
        <v>0</v>
      </c>
      <c r="CQ20" s="327">
        <v>183233</v>
      </c>
      <c r="CR20" s="327">
        <v>254610</v>
      </c>
      <c r="CS20" s="327">
        <v>21888</v>
      </c>
      <c r="CT20" s="327">
        <v>283795</v>
      </c>
      <c r="CU20" s="327">
        <v>0</v>
      </c>
      <c r="CV20" s="328">
        <v>743526</v>
      </c>
      <c r="CW20" s="330">
        <v>743526</v>
      </c>
      <c r="CX20" s="326">
        <v>21439</v>
      </c>
      <c r="CY20" s="327">
        <v>0</v>
      </c>
      <c r="CZ20" s="328">
        <v>21439</v>
      </c>
      <c r="DA20" s="326">
        <v>0</v>
      </c>
      <c r="DB20" s="327">
        <v>57324</v>
      </c>
      <c r="DC20" s="327">
        <v>0</v>
      </c>
      <c r="DD20" s="327">
        <v>592454</v>
      </c>
      <c r="DE20" s="327">
        <v>119468</v>
      </c>
      <c r="DF20" s="327">
        <v>0</v>
      </c>
      <c r="DG20" s="328">
        <v>769246</v>
      </c>
      <c r="DH20" s="330">
        <v>790685</v>
      </c>
      <c r="DI20" s="326">
        <v>0</v>
      </c>
      <c r="DJ20" s="327">
        <v>0</v>
      </c>
      <c r="DK20" s="331">
        <v>0</v>
      </c>
      <c r="DL20" s="332">
        <v>0</v>
      </c>
      <c r="DM20" s="327">
        <v>0</v>
      </c>
      <c r="DN20" s="327">
        <v>192638</v>
      </c>
      <c r="DO20" s="327">
        <v>0</v>
      </c>
      <c r="DP20" s="327">
        <v>0</v>
      </c>
      <c r="DQ20" s="327">
        <v>0</v>
      </c>
      <c r="DR20" s="328">
        <v>192638</v>
      </c>
      <c r="DS20" s="330">
        <v>192638</v>
      </c>
      <c r="DT20" s="326">
        <v>0</v>
      </c>
      <c r="DU20" s="327">
        <v>0</v>
      </c>
      <c r="DV20" s="328">
        <v>0</v>
      </c>
      <c r="DW20" s="326">
        <v>0</v>
      </c>
      <c r="DX20" s="327">
        <v>0</v>
      </c>
      <c r="DY20" s="327">
        <v>192638</v>
      </c>
      <c r="DZ20" s="327">
        <v>0</v>
      </c>
      <c r="EA20" s="327">
        <v>0</v>
      </c>
      <c r="EB20" s="327">
        <v>0</v>
      </c>
      <c r="EC20" s="328">
        <v>192638</v>
      </c>
      <c r="ED20" s="330">
        <v>192638</v>
      </c>
      <c r="EE20" s="326">
        <v>0</v>
      </c>
      <c r="EF20" s="331">
        <v>0</v>
      </c>
      <c r="EG20" s="328">
        <v>0</v>
      </c>
      <c r="EH20" s="326">
        <v>0</v>
      </c>
      <c r="EI20" s="327">
        <v>0</v>
      </c>
      <c r="EJ20" s="327">
        <v>0</v>
      </c>
      <c r="EK20" s="327">
        <v>0</v>
      </c>
      <c r="EL20" s="327">
        <v>0</v>
      </c>
      <c r="EM20" s="327">
        <v>0</v>
      </c>
      <c r="EN20" s="331">
        <v>0</v>
      </c>
      <c r="EO20" s="330">
        <v>0</v>
      </c>
      <c r="EP20" s="326">
        <v>0</v>
      </c>
      <c r="EQ20" s="327">
        <v>0</v>
      </c>
      <c r="ER20" s="331">
        <v>0</v>
      </c>
      <c r="ES20" s="332">
        <v>0</v>
      </c>
      <c r="ET20" s="327">
        <v>0</v>
      </c>
      <c r="EU20" s="327">
        <v>0</v>
      </c>
      <c r="EV20" s="327">
        <v>0</v>
      </c>
      <c r="EW20" s="327">
        <v>0</v>
      </c>
      <c r="EX20" s="327">
        <v>0</v>
      </c>
      <c r="EY20" s="328">
        <v>0</v>
      </c>
      <c r="EZ20" s="330">
        <v>0</v>
      </c>
      <c r="FA20" s="326">
        <v>0</v>
      </c>
      <c r="FB20" s="327">
        <v>0</v>
      </c>
      <c r="FC20" s="331">
        <v>0</v>
      </c>
      <c r="FD20" s="332">
        <v>0</v>
      </c>
      <c r="FE20" s="327">
        <v>0</v>
      </c>
      <c r="FF20" s="327">
        <v>0</v>
      </c>
      <c r="FG20" s="327">
        <v>0</v>
      </c>
      <c r="FH20" s="327">
        <v>0</v>
      </c>
      <c r="FI20" s="327">
        <v>0</v>
      </c>
      <c r="FJ20" s="328">
        <v>0</v>
      </c>
      <c r="FK20" s="330">
        <v>0</v>
      </c>
      <c r="FL20" s="326">
        <v>11200</v>
      </c>
      <c r="FM20" s="327">
        <v>137200</v>
      </c>
      <c r="FN20" s="328">
        <v>148400</v>
      </c>
      <c r="FO20" s="326">
        <v>0</v>
      </c>
      <c r="FP20" s="327">
        <v>65776</v>
      </c>
      <c r="FQ20" s="327">
        <v>163600</v>
      </c>
      <c r="FR20" s="327">
        <v>212312</v>
      </c>
      <c r="FS20" s="327">
        <v>250832</v>
      </c>
      <c r="FT20" s="327">
        <v>52384</v>
      </c>
      <c r="FU20" s="328">
        <v>744904</v>
      </c>
      <c r="FV20" s="330">
        <v>893304</v>
      </c>
      <c r="FW20" s="333">
        <v>11200</v>
      </c>
      <c r="FX20" s="327">
        <v>29200</v>
      </c>
      <c r="FY20" s="331">
        <v>40400</v>
      </c>
      <c r="FZ20" s="332">
        <v>0</v>
      </c>
      <c r="GA20" s="327">
        <v>43600</v>
      </c>
      <c r="GB20" s="327">
        <v>143536</v>
      </c>
      <c r="GC20" s="327">
        <v>212312</v>
      </c>
      <c r="GD20" s="327">
        <v>175152</v>
      </c>
      <c r="GE20" s="327">
        <v>52384</v>
      </c>
      <c r="GF20" s="328">
        <v>626984</v>
      </c>
      <c r="GG20" s="334">
        <v>667384</v>
      </c>
      <c r="GH20" s="333">
        <v>0</v>
      </c>
      <c r="GI20" s="327">
        <v>0</v>
      </c>
      <c r="GJ20" s="331">
        <v>0</v>
      </c>
      <c r="GK20" s="332">
        <v>0</v>
      </c>
      <c r="GL20" s="327">
        <v>22176</v>
      </c>
      <c r="GM20" s="327">
        <v>20064</v>
      </c>
      <c r="GN20" s="327">
        <v>0</v>
      </c>
      <c r="GO20" s="327">
        <v>75680</v>
      </c>
      <c r="GP20" s="327">
        <v>0</v>
      </c>
      <c r="GQ20" s="328">
        <v>117920</v>
      </c>
      <c r="GR20" s="330">
        <v>117920</v>
      </c>
      <c r="GS20" s="326">
        <v>0</v>
      </c>
      <c r="GT20" s="327">
        <v>108000</v>
      </c>
      <c r="GU20" s="328">
        <v>108000</v>
      </c>
      <c r="GV20" s="326">
        <v>0</v>
      </c>
      <c r="GW20" s="327">
        <v>0</v>
      </c>
      <c r="GX20" s="327">
        <v>0</v>
      </c>
      <c r="GY20" s="327">
        <v>0</v>
      </c>
      <c r="GZ20" s="327">
        <v>0</v>
      </c>
      <c r="HA20" s="327">
        <v>0</v>
      </c>
      <c r="HB20" s="331">
        <v>0</v>
      </c>
      <c r="HC20" s="330">
        <v>108000</v>
      </c>
      <c r="HD20" s="326">
        <v>127372</v>
      </c>
      <c r="HE20" s="327">
        <v>300312</v>
      </c>
      <c r="HF20" s="331">
        <v>427684</v>
      </c>
      <c r="HG20" s="332">
        <v>0</v>
      </c>
      <c r="HH20" s="327">
        <v>956118</v>
      </c>
      <c r="HI20" s="327">
        <v>192974</v>
      </c>
      <c r="HJ20" s="327">
        <v>848018</v>
      </c>
      <c r="HK20" s="327">
        <v>178049</v>
      </c>
      <c r="HL20" s="327">
        <v>974635</v>
      </c>
      <c r="HM20" s="328">
        <v>3149794</v>
      </c>
      <c r="HN20" s="329">
        <v>3577478</v>
      </c>
      <c r="HO20" s="333">
        <v>0</v>
      </c>
      <c r="HP20" s="327">
        <v>0</v>
      </c>
      <c r="HQ20" s="328">
        <v>0</v>
      </c>
      <c r="HR20" s="326">
        <v>0</v>
      </c>
      <c r="HS20" s="327">
        <v>0</v>
      </c>
      <c r="HT20" s="327">
        <v>0</v>
      </c>
      <c r="HU20" s="327">
        <v>0</v>
      </c>
      <c r="HV20" s="327">
        <v>0</v>
      </c>
      <c r="HW20" s="327">
        <v>0</v>
      </c>
      <c r="HX20" s="331">
        <v>0</v>
      </c>
      <c r="HY20" s="330">
        <v>0</v>
      </c>
      <c r="HZ20" s="358">
        <v>0</v>
      </c>
      <c r="IA20" s="356">
        <v>0</v>
      </c>
      <c r="IB20" s="358">
        <v>0</v>
      </c>
      <c r="IC20" s="355">
        <v>0</v>
      </c>
      <c r="ID20" s="356">
        <v>904847</v>
      </c>
      <c r="IE20" s="357">
        <v>670090</v>
      </c>
      <c r="IF20" s="358">
        <v>786662</v>
      </c>
      <c r="IG20" s="356">
        <v>1196533</v>
      </c>
      <c r="IH20" s="358">
        <v>285073</v>
      </c>
      <c r="II20" s="359">
        <v>3843205</v>
      </c>
      <c r="IJ20" s="358">
        <v>3843205</v>
      </c>
      <c r="IK20" s="342">
        <v>0</v>
      </c>
      <c r="IL20" s="343">
        <v>0</v>
      </c>
      <c r="IM20" s="344">
        <v>0</v>
      </c>
      <c r="IN20" s="404">
        <v>0</v>
      </c>
      <c r="IO20" s="345">
        <v>104141</v>
      </c>
      <c r="IP20" s="345">
        <v>0</v>
      </c>
      <c r="IQ20" s="345">
        <v>0</v>
      </c>
      <c r="IR20" s="345">
        <v>267730</v>
      </c>
      <c r="IS20" s="345">
        <v>0</v>
      </c>
      <c r="IT20" s="346">
        <v>371871</v>
      </c>
      <c r="IU20" s="347">
        <v>371871</v>
      </c>
      <c r="IV20" s="348">
        <v>0</v>
      </c>
      <c r="IW20" s="345">
        <v>0</v>
      </c>
      <c r="IX20" s="349">
        <v>0</v>
      </c>
      <c r="IY20" s="404">
        <v>0</v>
      </c>
      <c r="IZ20" s="345">
        <v>0</v>
      </c>
      <c r="JA20" s="345">
        <v>0</v>
      </c>
      <c r="JB20" s="345">
        <v>0</v>
      </c>
      <c r="JC20" s="345">
        <v>0</v>
      </c>
      <c r="JD20" s="345">
        <v>0</v>
      </c>
      <c r="JE20" s="349">
        <v>0</v>
      </c>
      <c r="JF20" s="350">
        <v>0</v>
      </c>
      <c r="JG20" s="348">
        <v>0</v>
      </c>
      <c r="JH20" s="345">
        <v>0</v>
      </c>
      <c r="JI20" s="346">
        <v>0</v>
      </c>
      <c r="JJ20" s="351">
        <v>0</v>
      </c>
      <c r="JK20" s="345">
        <v>320146</v>
      </c>
      <c r="JL20" s="345">
        <v>400238</v>
      </c>
      <c r="JM20" s="345">
        <v>11400</v>
      </c>
      <c r="JN20" s="345">
        <v>359341</v>
      </c>
      <c r="JO20" s="345">
        <v>0</v>
      </c>
      <c r="JP20" s="349">
        <v>1091125</v>
      </c>
      <c r="JQ20" s="347">
        <v>1091125</v>
      </c>
      <c r="JR20" s="348">
        <v>0</v>
      </c>
      <c r="JS20" s="345">
        <v>0</v>
      </c>
      <c r="JT20" s="346">
        <v>0</v>
      </c>
      <c r="JU20" s="351">
        <v>0</v>
      </c>
      <c r="JV20" s="345">
        <v>0</v>
      </c>
      <c r="JW20" s="345">
        <v>8195</v>
      </c>
      <c r="JX20" s="345">
        <v>0</v>
      </c>
      <c r="JY20" s="345">
        <v>56088</v>
      </c>
      <c r="JZ20" s="345">
        <v>0</v>
      </c>
      <c r="KA20" s="349">
        <v>64283</v>
      </c>
      <c r="KB20" s="347">
        <v>64283</v>
      </c>
      <c r="KC20" s="352">
        <v>0</v>
      </c>
      <c r="KD20" s="353">
        <v>0</v>
      </c>
      <c r="KE20" s="349">
        <v>0</v>
      </c>
      <c r="KF20" s="351">
        <v>0</v>
      </c>
      <c r="KG20" s="345">
        <v>-9818</v>
      </c>
      <c r="KH20" s="345">
        <v>4945</v>
      </c>
      <c r="KI20" s="345">
        <v>0</v>
      </c>
      <c r="KJ20" s="345">
        <v>-9817</v>
      </c>
      <c r="KK20" s="345">
        <v>285073</v>
      </c>
      <c r="KL20" s="349">
        <v>270383</v>
      </c>
      <c r="KM20" s="354">
        <v>270383</v>
      </c>
      <c r="KN20" s="342">
        <v>0</v>
      </c>
      <c r="KO20" s="343">
        <v>0</v>
      </c>
      <c r="KP20" s="344">
        <v>0</v>
      </c>
      <c r="KQ20" s="404">
        <v>0</v>
      </c>
      <c r="KR20" s="345">
        <v>490378</v>
      </c>
      <c r="KS20" s="345">
        <v>256712</v>
      </c>
      <c r="KT20" s="345">
        <v>262816</v>
      </c>
      <c r="KU20" s="345">
        <v>0</v>
      </c>
      <c r="KV20" s="345">
        <v>0</v>
      </c>
      <c r="KW20" s="349">
        <v>1009906</v>
      </c>
      <c r="KX20" s="347">
        <v>1009906</v>
      </c>
      <c r="KY20" s="348">
        <v>0</v>
      </c>
      <c r="KZ20" s="345">
        <v>0</v>
      </c>
      <c r="LA20" s="349">
        <v>0</v>
      </c>
      <c r="LB20" s="404">
        <v>0</v>
      </c>
      <c r="LC20" s="345">
        <v>0</v>
      </c>
      <c r="LD20" s="345">
        <v>0</v>
      </c>
      <c r="LE20" s="345">
        <v>0</v>
      </c>
      <c r="LF20" s="345">
        <v>0</v>
      </c>
      <c r="LG20" s="345">
        <v>0</v>
      </c>
      <c r="LH20" s="349">
        <v>0</v>
      </c>
      <c r="LI20" s="350">
        <v>0</v>
      </c>
      <c r="LJ20" s="348">
        <v>0</v>
      </c>
      <c r="LK20" s="345">
        <v>0</v>
      </c>
      <c r="LL20" s="349">
        <v>0</v>
      </c>
      <c r="LM20" s="404">
        <v>0</v>
      </c>
      <c r="LN20" s="345">
        <v>0</v>
      </c>
      <c r="LO20" s="345">
        <v>0</v>
      </c>
      <c r="LP20" s="345">
        <v>0</v>
      </c>
      <c r="LQ20" s="345">
        <v>0</v>
      </c>
      <c r="LR20" s="345">
        <v>0</v>
      </c>
      <c r="LS20" s="349">
        <v>0</v>
      </c>
      <c r="LT20" s="347">
        <v>0</v>
      </c>
      <c r="LU20" s="348">
        <v>0</v>
      </c>
      <c r="LV20" s="345">
        <v>0</v>
      </c>
      <c r="LW20" s="349">
        <v>0</v>
      </c>
      <c r="LX20" s="404">
        <v>0</v>
      </c>
      <c r="LY20" s="345">
        <v>0</v>
      </c>
      <c r="LZ20" s="345">
        <v>0</v>
      </c>
      <c r="MA20" s="345">
        <v>512446</v>
      </c>
      <c r="MB20" s="345">
        <v>523191</v>
      </c>
      <c r="MC20" s="345">
        <v>0</v>
      </c>
      <c r="MD20" s="349">
        <v>1035637</v>
      </c>
      <c r="ME20" s="350">
        <v>1035637</v>
      </c>
      <c r="MF20" s="348">
        <v>0</v>
      </c>
      <c r="MG20" s="345">
        <v>0</v>
      </c>
      <c r="MH20" s="349">
        <v>0</v>
      </c>
      <c r="MI20" s="404">
        <v>0</v>
      </c>
      <c r="MJ20" s="345">
        <v>0</v>
      </c>
      <c r="MK20" s="345">
        <v>582523</v>
      </c>
      <c r="ML20" s="345">
        <v>1348955</v>
      </c>
      <c r="MM20" s="345">
        <v>4872172</v>
      </c>
      <c r="MN20" s="345">
        <v>915712</v>
      </c>
      <c r="MO20" s="349">
        <v>7719362</v>
      </c>
      <c r="MP20" s="354">
        <v>7719362</v>
      </c>
      <c r="MQ20" s="348">
        <v>0</v>
      </c>
      <c r="MR20" s="345">
        <v>0</v>
      </c>
      <c r="MS20" s="349">
        <v>0</v>
      </c>
      <c r="MT20" s="404">
        <v>0</v>
      </c>
      <c r="MU20" s="345">
        <v>0</v>
      </c>
      <c r="MV20" s="345">
        <v>0</v>
      </c>
      <c r="MW20" s="345">
        <v>559040</v>
      </c>
      <c r="MX20" s="345">
        <v>3407812</v>
      </c>
      <c r="MY20" s="345">
        <v>565507</v>
      </c>
      <c r="MZ20" s="349">
        <v>4532359</v>
      </c>
      <c r="NA20" s="354">
        <v>4532359</v>
      </c>
      <c r="NB20" s="348">
        <v>0</v>
      </c>
      <c r="NC20" s="345">
        <v>0</v>
      </c>
      <c r="ND20" s="349">
        <v>0</v>
      </c>
      <c r="NE20" s="404">
        <v>0</v>
      </c>
      <c r="NF20" s="345">
        <v>0</v>
      </c>
      <c r="NG20" s="345">
        <v>582523</v>
      </c>
      <c r="NH20" s="345">
        <v>789915</v>
      </c>
      <c r="NI20" s="345">
        <v>1464360</v>
      </c>
      <c r="NJ20" s="345">
        <v>350205</v>
      </c>
      <c r="NK20" s="349">
        <v>3187003</v>
      </c>
      <c r="NL20" s="347">
        <v>3187003</v>
      </c>
      <c r="NM20" s="348">
        <v>0</v>
      </c>
      <c r="NN20" s="345">
        <v>0</v>
      </c>
      <c r="NO20" s="349">
        <v>0</v>
      </c>
      <c r="NP20" s="404">
        <v>0</v>
      </c>
      <c r="NQ20" s="345">
        <v>0</v>
      </c>
      <c r="NR20" s="345">
        <v>0</v>
      </c>
      <c r="NS20" s="345">
        <v>0</v>
      </c>
      <c r="NT20" s="345">
        <v>0</v>
      </c>
      <c r="NU20" s="345">
        <v>0</v>
      </c>
      <c r="NV20" s="349">
        <v>0</v>
      </c>
      <c r="NW20" s="350">
        <v>0</v>
      </c>
      <c r="NX20" s="348">
        <v>0</v>
      </c>
      <c r="NY20" s="345">
        <v>0</v>
      </c>
      <c r="NZ20" s="349">
        <v>0</v>
      </c>
      <c r="OA20" s="404">
        <v>0</v>
      </c>
      <c r="OB20" s="345">
        <v>0</v>
      </c>
      <c r="OC20" s="345">
        <v>0</v>
      </c>
      <c r="OD20" s="345">
        <v>0</v>
      </c>
      <c r="OE20" s="345">
        <v>0</v>
      </c>
      <c r="OF20" s="345">
        <v>0</v>
      </c>
      <c r="OG20" s="349">
        <v>0</v>
      </c>
      <c r="OH20" s="350">
        <v>0</v>
      </c>
      <c r="OI20" s="348">
        <v>160011</v>
      </c>
      <c r="OJ20" s="345">
        <v>478711</v>
      </c>
      <c r="OK20" s="346">
        <v>638722</v>
      </c>
      <c r="OL20" s="351">
        <v>0</v>
      </c>
      <c r="OM20" s="345">
        <v>2502124</v>
      </c>
      <c r="ON20" s="345">
        <v>2520326</v>
      </c>
      <c r="OO20" s="345">
        <v>4117686</v>
      </c>
      <c r="OP20" s="345">
        <v>8163201</v>
      </c>
      <c r="OQ20" s="345">
        <v>2876409</v>
      </c>
      <c r="OR20" s="349">
        <v>20179746</v>
      </c>
      <c r="OS20" s="354">
        <v>20818468</v>
      </c>
    </row>
    <row r="21" spans="2:409" s="70" customFormat="1" ht="21" customHeight="1" x14ac:dyDescent="0.2">
      <c r="B21" s="410" t="s">
        <v>16</v>
      </c>
      <c r="C21" s="326">
        <v>631658</v>
      </c>
      <c r="D21" s="327">
        <v>836696</v>
      </c>
      <c r="E21" s="328">
        <v>1468354</v>
      </c>
      <c r="F21" s="329">
        <v>0</v>
      </c>
      <c r="G21" s="327">
        <v>4495817</v>
      </c>
      <c r="H21" s="327">
        <v>8148408</v>
      </c>
      <c r="I21" s="327">
        <v>4157500</v>
      </c>
      <c r="J21" s="327">
        <v>3219049</v>
      </c>
      <c r="K21" s="327">
        <v>2864108</v>
      </c>
      <c r="L21" s="329">
        <v>22884882</v>
      </c>
      <c r="M21" s="330">
        <v>24353236</v>
      </c>
      <c r="N21" s="326">
        <v>187037</v>
      </c>
      <c r="O21" s="327">
        <v>125600</v>
      </c>
      <c r="P21" s="328">
        <v>312637</v>
      </c>
      <c r="Q21" s="326">
        <v>0</v>
      </c>
      <c r="R21" s="327">
        <v>792516</v>
      </c>
      <c r="S21" s="327">
        <v>1670806</v>
      </c>
      <c r="T21" s="327">
        <v>1042759</v>
      </c>
      <c r="U21" s="327">
        <v>694010</v>
      </c>
      <c r="V21" s="327">
        <v>474483</v>
      </c>
      <c r="W21" s="328">
        <v>4674574</v>
      </c>
      <c r="X21" s="330">
        <v>4987211</v>
      </c>
      <c r="Y21" s="326">
        <v>0</v>
      </c>
      <c r="Z21" s="327">
        <v>0</v>
      </c>
      <c r="AA21" s="328">
        <v>0</v>
      </c>
      <c r="AB21" s="326">
        <v>0</v>
      </c>
      <c r="AC21" s="327">
        <v>233544</v>
      </c>
      <c r="AD21" s="327">
        <v>323858</v>
      </c>
      <c r="AE21" s="327">
        <v>635222</v>
      </c>
      <c r="AF21" s="327">
        <v>110383</v>
      </c>
      <c r="AG21" s="327">
        <v>66212</v>
      </c>
      <c r="AH21" s="328">
        <v>1369219</v>
      </c>
      <c r="AI21" s="330">
        <v>1369219</v>
      </c>
      <c r="AJ21" s="326">
        <v>0</v>
      </c>
      <c r="AK21" s="327">
        <v>0</v>
      </c>
      <c r="AL21" s="328">
        <v>0</v>
      </c>
      <c r="AM21" s="326">
        <v>0</v>
      </c>
      <c r="AN21" s="327">
        <v>0</v>
      </c>
      <c r="AO21" s="327">
        <v>0</v>
      </c>
      <c r="AP21" s="327">
        <v>46180</v>
      </c>
      <c r="AQ21" s="327">
        <v>113136</v>
      </c>
      <c r="AR21" s="327">
        <v>34636</v>
      </c>
      <c r="AS21" s="328">
        <v>193952</v>
      </c>
      <c r="AT21" s="330">
        <v>193952</v>
      </c>
      <c r="AU21" s="326">
        <v>127707</v>
      </c>
      <c r="AV21" s="327">
        <v>104008</v>
      </c>
      <c r="AW21" s="328">
        <v>231715</v>
      </c>
      <c r="AX21" s="326">
        <v>0</v>
      </c>
      <c r="AY21" s="327">
        <v>377204</v>
      </c>
      <c r="AZ21" s="327">
        <v>902878</v>
      </c>
      <c r="BA21" s="327">
        <v>156413</v>
      </c>
      <c r="BB21" s="327">
        <v>247386</v>
      </c>
      <c r="BC21" s="327">
        <v>222743</v>
      </c>
      <c r="BD21" s="328">
        <v>1906624</v>
      </c>
      <c r="BE21" s="330">
        <v>2138339</v>
      </c>
      <c r="BF21" s="326">
        <v>30146</v>
      </c>
      <c r="BG21" s="327">
        <v>0</v>
      </c>
      <c r="BH21" s="331">
        <v>30146</v>
      </c>
      <c r="BI21" s="332">
        <v>0</v>
      </c>
      <c r="BJ21" s="327">
        <v>0</v>
      </c>
      <c r="BK21" s="327">
        <v>97150</v>
      </c>
      <c r="BL21" s="327">
        <v>0</v>
      </c>
      <c r="BM21" s="327">
        <v>58905</v>
      </c>
      <c r="BN21" s="327">
        <v>0</v>
      </c>
      <c r="BO21" s="328">
        <v>156055</v>
      </c>
      <c r="BP21" s="330">
        <v>186201</v>
      </c>
      <c r="BQ21" s="326">
        <v>29184</v>
      </c>
      <c r="BR21" s="327">
        <v>21592</v>
      </c>
      <c r="BS21" s="328">
        <v>50776</v>
      </c>
      <c r="BT21" s="326">
        <v>0</v>
      </c>
      <c r="BU21" s="327">
        <v>181768</v>
      </c>
      <c r="BV21" s="327">
        <v>346920</v>
      </c>
      <c r="BW21" s="327">
        <v>204944</v>
      </c>
      <c r="BX21" s="327">
        <v>164200</v>
      </c>
      <c r="BY21" s="327">
        <v>150892</v>
      </c>
      <c r="BZ21" s="328">
        <v>1048724</v>
      </c>
      <c r="CA21" s="330">
        <v>1099500</v>
      </c>
      <c r="CB21" s="326">
        <v>41426</v>
      </c>
      <c r="CC21" s="327">
        <v>343940</v>
      </c>
      <c r="CD21" s="328">
        <v>385366</v>
      </c>
      <c r="CE21" s="326">
        <v>0</v>
      </c>
      <c r="CF21" s="327">
        <v>1633916</v>
      </c>
      <c r="CG21" s="327">
        <v>3126005</v>
      </c>
      <c r="CH21" s="327">
        <v>1202683</v>
      </c>
      <c r="CI21" s="327">
        <v>398982</v>
      </c>
      <c r="CJ21" s="327">
        <v>132402</v>
      </c>
      <c r="CK21" s="328">
        <v>6493988</v>
      </c>
      <c r="CL21" s="330">
        <v>6879354</v>
      </c>
      <c r="CM21" s="326">
        <v>0</v>
      </c>
      <c r="CN21" s="327">
        <v>0</v>
      </c>
      <c r="CO21" s="328">
        <v>0</v>
      </c>
      <c r="CP21" s="332">
        <v>0</v>
      </c>
      <c r="CQ21" s="327">
        <v>929419</v>
      </c>
      <c r="CR21" s="327">
        <v>1427427</v>
      </c>
      <c r="CS21" s="327">
        <v>498720</v>
      </c>
      <c r="CT21" s="327">
        <v>398982</v>
      </c>
      <c r="CU21" s="327">
        <v>96595</v>
      </c>
      <c r="CV21" s="328">
        <v>3351143</v>
      </c>
      <c r="CW21" s="330">
        <v>3351143</v>
      </c>
      <c r="CX21" s="326">
        <v>41426</v>
      </c>
      <c r="CY21" s="327">
        <v>343940</v>
      </c>
      <c r="CZ21" s="328">
        <v>385366</v>
      </c>
      <c r="DA21" s="326">
        <v>0</v>
      </c>
      <c r="DB21" s="327">
        <v>704497</v>
      </c>
      <c r="DC21" s="327">
        <v>1698578</v>
      </c>
      <c r="DD21" s="327">
        <v>703963</v>
      </c>
      <c r="DE21" s="327">
        <v>0</v>
      </c>
      <c r="DF21" s="327">
        <v>35807</v>
      </c>
      <c r="DG21" s="328">
        <v>3142845</v>
      </c>
      <c r="DH21" s="330">
        <v>3528211</v>
      </c>
      <c r="DI21" s="326">
        <v>0</v>
      </c>
      <c r="DJ21" s="327">
        <v>14982</v>
      </c>
      <c r="DK21" s="331">
        <v>14982</v>
      </c>
      <c r="DL21" s="332">
        <v>0</v>
      </c>
      <c r="DM21" s="327">
        <v>142912</v>
      </c>
      <c r="DN21" s="327">
        <v>136428</v>
      </c>
      <c r="DO21" s="327">
        <v>217490</v>
      </c>
      <c r="DP21" s="327">
        <v>89721</v>
      </c>
      <c r="DQ21" s="327">
        <v>29667</v>
      </c>
      <c r="DR21" s="328">
        <v>616218</v>
      </c>
      <c r="DS21" s="330">
        <v>631200</v>
      </c>
      <c r="DT21" s="326">
        <v>0</v>
      </c>
      <c r="DU21" s="327">
        <v>14982</v>
      </c>
      <c r="DV21" s="328">
        <v>14982</v>
      </c>
      <c r="DW21" s="326">
        <v>0</v>
      </c>
      <c r="DX21" s="327">
        <v>17808</v>
      </c>
      <c r="DY21" s="327">
        <v>90518</v>
      </c>
      <c r="DZ21" s="327">
        <v>79035</v>
      </c>
      <c r="EA21" s="327">
        <v>89721</v>
      </c>
      <c r="EB21" s="327">
        <v>29667</v>
      </c>
      <c r="EC21" s="328">
        <v>306749</v>
      </c>
      <c r="ED21" s="330">
        <v>321731</v>
      </c>
      <c r="EE21" s="326">
        <v>0</v>
      </c>
      <c r="EF21" s="331">
        <v>0</v>
      </c>
      <c r="EG21" s="328">
        <v>0</v>
      </c>
      <c r="EH21" s="326">
        <v>0</v>
      </c>
      <c r="EI21" s="327">
        <v>125104</v>
      </c>
      <c r="EJ21" s="327">
        <v>45910</v>
      </c>
      <c r="EK21" s="327">
        <v>138455</v>
      </c>
      <c r="EL21" s="327">
        <v>0</v>
      </c>
      <c r="EM21" s="327">
        <v>0</v>
      </c>
      <c r="EN21" s="331">
        <v>309469</v>
      </c>
      <c r="EO21" s="330">
        <v>309469</v>
      </c>
      <c r="EP21" s="326">
        <v>0</v>
      </c>
      <c r="EQ21" s="327">
        <v>0</v>
      </c>
      <c r="ER21" s="331">
        <v>0</v>
      </c>
      <c r="ES21" s="332">
        <v>0</v>
      </c>
      <c r="ET21" s="327">
        <v>0</v>
      </c>
      <c r="EU21" s="327">
        <v>0</v>
      </c>
      <c r="EV21" s="327">
        <v>0</v>
      </c>
      <c r="EW21" s="327">
        <v>0</v>
      </c>
      <c r="EX21" s="327">
        <v>0</v>
      </c>
      <c r="EY21" s="328">
        <v>0</v>
      </c>
      <c r="EZ21" s="330">
        <v>0</v>
      </c>
      <c r="FA21" s="326">
        <v>0</v>
      </c>
      <c r="FB21" s="327">
        <v>0</v>
      </c>
      <c r="FC21" s="331">
        <v>0</v>
      </c>
      <c r="FD21" s="332">
        <v>0</v>
      </c>
      <c r="FE21" s="327">
        <v>0</v>
      </c>
      <c r="FF21" s="327">
        <v>0</v>
      </c>
      <c r="FG21" s="327">
        <v>0</v>
      </c>
      <c r="FH21" s="327">
        <v>0</v>
      </c>
      <c r="FI21" s="327">
        <v>0</v>
      </c>
      <c r="FJ21" s="328">
        <v>0</v>
      </c>
      <c r="FK21" s="330">
        <v>0</v>
      </c>
      <c r="FL21" s="326">
        <v>233232</v>
      </c>
      <c r="FM21" s="327">
        <v>250904</v>
      </c>
      <c r="FN21" s="328">
        <v>484136</v>
      </c>
      <c r="FO21" s="326">
        <v>0</v>
      </c>
      <c r="FP21" s="327">
        <v>270464</v>
      </c>
      <c r="FQ21" s="327">
        <v>825574</v>
      </c>
      <c r="FR21" s="327">
        <v>436264</v>
      </c>
      <c r="FS21" s="327">
        <v>249928</v>
      </c>
      <c r="FT21" s="327">
        <v>156856</v>
      </c>
      <c r="FU21" s="328">
        <v>1939086</v>
      </c>
      <c r="FV21" s="330">
        <v>2423222</v>
      </c>
      <c r="FW21" s="333">
        <v>42416</v>
      </c>
      <c r="FX21" s="327">
        <v>113864</v>
      </c>
      <c r="FY21" s="331">
        <v>156280</v>
      </c>
      <c r="FZ21" s="332">
        <v>0</v>
      </c>
      <c r="GA21" s="327">
        <v>110464</v>
      </c>
      <c r="GB21" s="327">
        <v>638856</v>
      </c>
      <c r="GC21" s="327">
        <v>381064</v>
      </c>
      <c r="GD21" s="327">
        <v>249928</v>
      </c>
      <c r="GE21" s="327">
        <v>156856</v>
      </c>
      <c r="GF21" s="328">
        <v>1537168</v>
      </c>
      <c r="GG21" s="334">
        <v>1693448</v>
      </c>
      <c r="GH21" s="333">
        <v>38016</v>
      </c>
      <c r="GI21" s="327">
        <v>29040</v>
      </c>
      <c r="GJ21" s="331">
        <v>67056</v>
      </c>
      <c r="GK21" s="332">
        <v>0</v>
      </c>
      <c r="GL21" s="327">
        <v>0</v>
      </c>
      <c r="GM21" s="327">
        <v>45918</v>
      </c>
      <c r="GN21" s="327">
        <v>0</v>
      </c>
      <c r="GO21" s="327">
        <v>0</v>
      </c>
      <c r="GP21" s="327">
        <v>0</v>
      </c>
      <c r="GQ21" s="328">
        <v>45918</v>
      </c>
      <c r="GR21" s="330">
        <v>112974</v>
      </c>
      <c r="GS21" s="326">
        <v>152800</v>
      </c>
      <c r="GT21" s="327">
        <v>108000</v>
      </c>
      <c r="GU21" s="328">
        <v>260800</v>
      </c>
      <c r="GV21" s="326">
        <v>0</v>
      </c>
      <c r="GW21" s="327">
        <v>160000</v>
      </c>
      <c r="GX21" s="327">
        <v>140800</v>
      </c>
      <c r="GY21" s="327">
        <v>55200</v>
      </c>
      <c r="GZ21" s="327">
        <v>0</v>
      </c>
      <c r="HA21" s="327">
        <v>0</v>
      </c>
      <c r="HB21" s="331">
        <v>356000</v>
      </c>
      <c r="HC21" s="330">
        <v>616800</v>
      </c>
      <c r="HD21" s="326">
        <v>169963</v>
      </c>
      <c r="HE21" s="327">
        <v>101270</v>
      </c>
      <c r="HF21" s="331">
        <v>271233</v>
      </c>
      <c r="HG21" s="332">
        <v>0</v>
      </c>
      <c r="HH21" s="327">
        <v>1656009</v>
      </c>
      <c r="HI21" s="327">
        <v>2389595</v>
      </c>
      <c r="HJ21" s="327">
        <v>1258304</v>
      </c>
      <c r="HK21" s="327">
        <v>1786408</v>
      </c>
      <c r="HL21" s="327">
        <v>2070700</v>
      </c>
      <c r="HM21" s="328">
        <v>9161016</v>
      </c>
      <c r="HN21" s="329">
        <v>9432249</v>
      </c>
      <c r="HO21" s="333">
        <v>0</v>
      </c>
      <c r="HP21" s="327">
        <v>0</v>
      </c>
      <c r="HQ21" s="328">
        <v>0</v>
      </c>
      <c r="HR21" s="326">
        <v>0</v>
      </c>
      <c r="HS21" s="327">
        <v>0</v>
      </c>
      <c r="HT21" s="327">
        <v>0</v>
      </c>
      <c r="HU21" s="327">
        <v>0</v>
      </c>
      <c r="HV21" s="327">
        <v>0</v>
      </c>
      <c r="HW21" s="327">
        <v>0</v>
      </c>
      <c r="HX21" s="331">
        <v>0</v>
      </c>
      <c r="HY21" s="330">
        <v>0</v>
      </c>
      <c r="HZ21" s="335">
        <v>0</v>
      </c>
      <c r="IA21" s="336">
        <v>0</v>
      </c>
      <c r="IB21" s="337">
        <v>0</v>
      </c>
      <c r="IC21" s="338">
        <v>0</v>
      </c>
      <c r="ID21" s="336">
        <v>320060</v>
      </c>
      <c r="IE21" s="339">
        <v>1281223</v>
      </c>
      <c r="IF21" s="337">
        <v>1426063</v>
      </c>
      <c r="IG21" s="336">
        <v>1119404</v>
      </c>
      <c r="IH21" s="337">
        <v>608848</v>
      </c>
      <c r="II21" s="340">
        <v>4755598</v>
      </c>
      <c r="IJ21" s="341">
        <v>4755598</v>
      </c>
      <c r="IK21" s="342">
        <v>0</v>
      </c>
      <c r="IL21" s="343">
        <v>0</v>
      </c>
      <c r="IM21" s="344">
        <v>0</v>
      </c>
      <c r="IN21" s="404">
        <v>0</v>
      </c>
      <c r="IO21" s="345">
        <v>0</v>
      </c>
      <c r="IP21" s="345">
        <v>0</v>
      </c>
      <c r="IQ21" s="345">
        <v>107400</v>
      </c>
      <c r="IR21" s="345">
        <v>156991</v>
      </c>
      <c r="IS21" s="345">
        <v>0</v>
      </c>
      <c r="IT21" s="346">
        <v>264391</v>
      </c>
      <c r="IU21" s="347">
        <v>264391</v>
      </c>
      <c r="IV21" s="348">
        <v>0</v>
      </c>
      <c r="IW21" s="345">
        <v>0</v>
      </c>
      <c r="IX21" s="349">
        <v>0</v>
      </c>
      <c r="IY21" s="404">
        <v>0</v>
      </c>
      <c r="IZ21" s="345">
        <v>0</v>
      </c>
      <c r="JA21" s="345">
        <v>0</v>
      </c>
      <c r="JB21" s="345">
        <v>0</v>
      </c>
      <c r="JC21" s="345">
        <v>0</v>
      </c>
      <c r="JD21" s="345">
        <v>0</v>
      </c>
      <c r="JE21" s="349">
        <v>0</v>
      </c>
      <c r="JF21" s="350">
        <v>0</v>
      </c>
      <c r="JG21" s="348">
        <v>0</v>
      </c>
      <c r="JH21" s="345">
        <v>0</v>
      </c>
      <c r="JI21" s="346">
        <v>0</v>
      </c>
      <c r="JJ21" s="351">
        <v>0</v>
      </c>
      <c r="JK21" s="345">
        <v>311155</v>
      </c>
      <c r="JL21" s="345">
        <v>354431</v>
      </c>
      <c r="JM21" s="345">
        <v>544802</v>
      </c>
      <c r="JN21" s="345">
        <v>170308</v>
      </c>
      <c r="JO21" s="345">
        <v>41498</v>
      </c>
      <c r="JP21" s="349">
        <v>1422194</v>
      </c>
      <c r="JQ21" s="347">
        <v>1422194</v>
      </c>
      <c r="JR21" s="348">
        <v>0</v>
      </c>
      <c r="JS21" s="345">
        <v>0</v>
      </c>
      <c r="JT21" s="346">
        <v>0</v>
      </c>
      <c r="JU21" s="351">
        <v>0</v>
      </c>
      <c r="JV21" s="345">
        <v>0</v>
      </c>
      <c r="JW21" s="345">
        <v>0</v>
      </c>
      <c r="JX21" s="345">
        <v>74252</v>
      </c>
      <c r="JY21" s="345">
        <v>250770</v>
      </c>
      <c r="JZ21" s="345">
        <v>0</v>
      </c>
      <c r="KA21" s="349">
        <v>325022</v>
      </c>
      <c r="KB21" s="347">
        <v>325022</v>
      </c>
      <c r="KC21" s="352">
        <v>0</v>
      </c>
      <c r="KD21" s="353">
        <v>0</v>
      </c>
      <c r="KE21" s="349">
        <v>0</v>
      </c>
      <c r="KF21" s="351">
        <v>0</v>
      </c>
      <c r="KG21" s="345">
        <v>0</v>
      </c>
      <c r="KH21" s="345">
        <v>0</v>
      </c>
      <c r="KI21" s="345">
        <v>0</v>
      </c>
      <c r="KJ21" s="345">
        <v>0</v>
      </c>
      <c r="KK21" s="345">
        <v>286339</v>
      </c>
      <c r="KL21" s="349">
        <v>286339</v>
      </c>
      <c r="KM21" s="354">
        <v>286339</v>
      </c>
      <c r="KN21" s="342">
        <v>0</v>
      </c>
      <c r="KO21" s="343">
        <v>0</v>
      </c>
      <c r="KP21" s="344">
        <v>0</v>
      </c>
      <c r="KQ21" s="404">
        <v>0</v>
      </c>
      <c r="KR21" s="345">
        <v>8905</v>
      </c>
      <c r="KS21" s="345">
        <v>747381</v>
      </c>
      <c r="KT21" s="345">
        <v>257883</v>
      </c>
      <c r="KU21" s="345">
        <v>259387</v>
      </c>
      <c r="KV21" s="345">
        <v>281011</v>
      </c>
      <c r="KW21" s="349">
        <v>1554567</v>
      </c>
      <c r="KX21" s="347">
        <v>1554567</v>
      </c>
      <c r="KY21" s="348">
        <v>0</v>
      </c>
      <c r="KZ21" s="345">
        <v>0</v>
      </c>
      <c r="LA21" s="349">
        <v>0</v>
      </c>
      <c r="LB21" s="404">
        <v>0</v>
      </c>
      <c r="LC21" s="345">
        <v>0</v>
      </c>
      <c r="LD21" s="345">
        <v>0</v>
      </c>
      <c r="LE21" s="345">
        <v>0</v>
      </c>
      <c r="LF21" s="345">
        <v>0</v>
      </c>
      <c r="LG21" s="345">
        <v>0</v>
      </c>
      <c r="LH21" s="349">
        <v>0</v>
      </c>
      <c r="LI21" s="350">
        <v>0</v>
      </c>
      <c r="LJ21" s="348">
        <v>0</v>
      </c>
      <c r="LK21" s="345">
        <v>0</v>
      </c>
      <c r="LL21" s="349">
        <v>0</v>
      </c>
      <c r="LM21" s="404">
        <v>0</v>
      </c>
      <c r="LN21" s="345">
        <v>0</v>
      </c>
      <c r="LO21" s="345">
        <v>0</v>
      </c>
      <c r="LP21" s="345">
        <v>0</v>
      </c>
      <c r="LQ21" s="345">
        <v>281948</v>
      </c>
      <c r="LR21" s="345">
        <v>0</v>
      </c>
      <c r="LS21" s="349">
        <v>281948</v>
      </c>
      <c r="LT21" s="347">
        <v>281948</v>
      </c>
      <c r="LU21" s="348">
        <v>0</v>
      </c>
      <c r="LV21" s="345">
        <v>0</v>
      </c>
      <c r="LW21" s="349">
        <v>0</v>
      </c>
      <c r="LX21" s="404">
        <v>0</v>
      </c>
      <c r="LY21" s="345">
        <v>0</v>
      </c>
      <c r="LZ21" s="345">
        <v>179411</v>
      </c>
      <c r="MA21" s="345">
        <v>441726</v>
      </c>
      <c r="MB21" s="345">
        <v>0</v>
      </c>
      <c r="MC21" s="345">
        <v>0</v>
      </c>
      <c r="MD21" s="349">
        <v>621137</v>
      </c>
      <c r="ME21" s="350">
        <v>621137</v>
      </c>
      <c r="MF21" s="348">
        <v>0</v>
      </c>
      <c r="MG21" s="345">
        <v>0</v>
      </c>
      <c r="MH21" s="349">
        <v>0</v>
      </c>
      <c r="MI21" s="404">
        <v>0</v>
      </c>
      <c r="MJ21" s="345">
        <v>711657</v>
      </c>
      <c r="MK21" s="345">
        <v>944580</v>
      </c>
      <c r="ML21" s="345">
        <v>3021427</v>
      </c>
      <c r="MM21" s="345">
        <v>4963648</v>
      </c>
      <c r="MN21" s="345">
        <v>2132214</v>
      </c>
      <c r="MO21" s="349">
        <v>11773526</v>
      </c>
      <c r="MP21" s="354">
        <v>11773526</v>
      </c>
      <c r="MQ21" s="348">
        <v>0</v>
      </c>
      <c r="MR21" s="345">
        <v>0</v>
      </c>
      <c r="MS21" s="349">
        <v>0</v>
      </c>
      <c r="MT21" s="404">
        <v>0</v>
      </c>
      <c r="MU21" s="345">
        <v>0</v>
      </c>
      <c r="MV21" s="345">
        <v>219876</v>
      </c>
      <c r="MW21" s="345">
        <v>1544402</v>
      </c>
      <c r="MX21" s="345">
        <v>3523148</v>
      </c>
      <c r="MY21" s="345">
        <v>1682937</v>
      </c>
      <c r="MZ21" s="349">
        <v>6970363</v>
      </c>
      <c r="NA21" s="354">
        <v>6970363</v>
      </c>
      <c r="NB21" s="348">
        <v>0</v>
      </c>
      <c r="NC21" s="345">
        <v>0</v>
      </c>
      <c r="ND21" s="349">
        <v>0</v>
      </c>
      <c r="NE21" s="404">
        <v>0</v>
      </c>
      <c r="NF21" s="345">
        <v>711657</v>
      </c>
      <c r="NG21" s="345">
        <v>724704</v>
      </c>
      <c r="NH21" s="345">
        <v>1477025</v>
      </c>
      <c r="NI21" s="345">
        <v>1440500</v>
      </c>
      <c r="NJ21" s="345">
        <v>36322</v>
      </c>
      <c r="NK21" s="349">
        <v>4390208</v>
      </c>
      <c r="NL21" s="347">
        <v>4390208</v>
      </c>
      <c r="NM21" s="348">
        <v>0</v>
      </c>
      <c r="NN21" s="345">
        <v>0</v>
      </c>
      <c r="NO21" s="349">
        <v>0</v>
      </c>
      <c r="NP21" s="404">
        <v>0</v>
      </c>
      <c r="NQ21" s="345">
        <v>0</v>
      </c>
      <c r="NR21" s="345">
        <v>0</v>
      </c>
      <c r="NS21" s="345">
        <v>0</v>
      </c>
      <c r="NT21" s="345">
        <v>0</v>
      </c>
      <c r="NU21" s="345">
        <v>0</v>
      </c>
      <c r="NV21" s="349">
        <v>0</v>
      </c>
      <c r="NW21" s="350">
        <v>0</v>
      </c>
      <c r="NX21" s="348">
        <v>0</v>
      </c>
      <c r="NY21" s="345">
        <v>0</v>
      </c>
      <c r="NZ21" s="349">
        <v>0</v>
      </c>
      <c r="OA21" s="404">
        <v>0</v>
      </c>
      <c r="OB21" s="345">
        <v>0</v>
      </c>
      <c r="OC21" s="345">
        <v>0</v>
      </c>
      <c r="OD21" s="345">
        <v>0</v>
      </c>
      <c r="OE21" s="345">
        <v>0</v>
      </c>
      <c r="OF21" s="345">
        <v>412955</v>
      </c>
      <c r="OG21" s="349">
        <v>412955</v>
      </c>
      <c r="OH21" s="350">
        <v>412955</v>
      </c>
      <c r="OI21" s="348">
        <v>631658</v>
      </c>
      <c r="OJ21" s="345">
        <v>836696</v>
      </c>
      <c r="OK21" s="346">
        <v>1468354</v>
      </c>
      <c r="OL21" s="351">
        <v>0</v>
      </c>
      <c r="OM21" s="345">
        <v>5527534</v>
      </c>
      <c r="ON21" s="345">
        <v>10374211</v>
      </c>
      <c r="OO21" s="345">
        <v>8604990</v>
      </c>
      <c r="OP21" s="345">
        <v>9302101</v>
      </c>
      <c r="OQ21" s="345">
        <v>5605170</v>
      </c>
      <c r="OR21" s="349">
        <v>39414006</v>
      </c>
      <c r="OS21" s="354">
        <v>40882360</v>
      </c>
    </row>
    <row r="22" spans="2:409" s="70" customFormat="1" ht="21" customHeight="1" x14ac:dyDescent="0.2">
      <c r="B22" s="410" t="s">
        <v>17</v>
      </c>
      <c r="C22" s="326">
        <v>615564</v>
      </c>
      <c r="D22" s="327">
        <v>650629</v>
      </c>
      <c r="E22" s="328">
        <v>1266193</v>
      </c>
      <c r="F22" s="329">
        <v>0</v>
      </c>
      <c r="G22" s="327">
        <v>4371735</v>
      </c>
      <c r="H22" s="327">
        <v>8938025</v>
      </c>
      <c r="I22" s="327">
        <v>5659054</v>
      </c>
      <c r="J22" s="327">
        <v>2881027</v>
      </c>
      <c r="K22" s="327">
        <v>3147762</v>
      </c>
      <c r="L22" s="329">
        <v>24997603</v>
      </c>
      <c r="M22" s="330">
        <v>26263796</v>
      </c>
      <c r="N22" s="326">
        <v>108416</v>
      </c>
      <c r="O22" s="327">
        <v>136591</v>
      </c>
      <c r="P22" s="328">
        <v>245007</v>
      </c>
      <c r="Q22" s="326">
        <v>0</v>
      </c>
      <c r="R22" s="327">
        <v>1152720</v>
      </c>
      <c r="S22" s="327">
        <v>2038128</v>
      </c>
      <c r="T22" s="327">
        <v>2246121</v>
      </c>
      <c r="U22" s="327">
        <v>1561485</v>
      </c>
      <c r="V22" s="327">
        <v>1641882</v>
      </c>
      <c r="W22" s="328">
        <v>8640336</v>
      </c>
      <c r="X22" s="330">
        <v>8885343</v>
      </c>
      <c r="Y22" s="326">
        <v>0</v>
      </c>
      <c r="Z22" s="327">
        <v>0</v>
      </c>
      <c r="AA22" s="328">
        <v>0</v>
      </c>
      <c r="AB22" s="326">
        <v>0</v>
      </c>
      <c r="AC22" s="327">
        <v>324056</v>
      </c>
      <c r="AD22" s="327">
        <v>759312</v>
      </c>
      <c r="AE22" s="327">
        <v>994395</v>
      </c>
      <c r="AF22" s="327">
        <v>1162062</v>
      </c>
      <c r="AG22" s="327">
        <v>1242575</v>
      </c>
      <c r="AH22" s="328">
        <v>4482400</v>
      </c>
      <c r="AI22" s="330">
        <v>4482400</v>
      </c>
      <c r="AJ22" s="326">
        <v>0</v>
      </c>
      <c r="AK22" s="327">
        <v>0</v>
      </c>
      <c r="AL22" s="328">
        <v>0</v>
      </c>
      <c r="AM22" s="326">
        <v>0</v>
      </c>
      <c r="AN22" s="327">
        <v>0</v>
      </c>
      <c r="AO22" s="327">
        <v>0</v>
      </c>
      <c r="AP22" s="327">
        <v>50908</v>
      </c>
      <c r="AQ22" s="327">
        <v>0</v>
      </c>
      <c r="AR22" s="327">
        <v>50661</v>
      </c>
      <c r="AS22" s="328">
        <v>101569</v>
      </c>
      <c r="AT22" s="330">
        <v>101569</v>
      </c>
      <c r="AU22" s="326">
        <v>0</v>
      </c>
      <c r="AV22" s="327">
        <v>84708</v>
      </c>
      <c r="AW22" s="328">
        <v>84708</v>
      </c>
      <c r="AX22" s="326">
        <v>0</v>
      </c>
      <c r="AY22" s="327">
        <v>617690</v>
      </c>
      <c r="AZ22" s="327">
        <v>809115</v>
      </c>
      <c r="BA22" s="327">
        <v>670208</v>
      </c>
      <c r="BB22" s="327">
        <v>203039</v>
      </c>
      <c r="BC22" s="327">
        <v>158561</v>
      </c>
      <c r="BD22" s="328">
        <v>2458613</v>
      </c>
      <c r="BE22" s="330">
        <v>2543321</v>
      </c>
      <c r="BF22" s="326">
        <v>0</v>
      </c>
      <c r="BG22" s="327">
        <v>21131</v>
      </c>
      <c r="BH22" s="331">
        <v>21131</v>
      </c>
      <c r="BI22" s="332">
        <v>0</v>
      </c>
      <c r="BJ22" s="327">
        <v>25454</v>
      </c>
      <c r="BK22" s="327">
        <v>13021</v>
      </c>
      <c r="BL22" s="327">
        <v>199234</v>
      </c>
      <c r="BM22" s="327">
        <v>0</v>
      </c>
      <c r="BN22" s="327">
        <v>41621</v>
      </c>
      <c r="BO22" s="328">
        <v>279330</v>
      </c>
      <c r="BP22" s="330">
        <v>300461</v>
      </c>
      <c r="BQ22" s="326">
        <v>108416</v>
      </c>
      <c r="BR22" s="327">
        <v>30752</v>
      </c>
      <c r="BS22" s="328">
        <v>139168</v>
      </c>
      <c r="BT22" s="326">
        <v>0</v>
      </c>
      <c r="BU22" s="327">
        <v>185520</v>
      </c>
      <c r="BV22" s="327">
        <v>456680</v>
      </c>
      <c r="BW22" s="327">
        <v>331376</v>
      </c>
      <c r="BX22" s="327">
        <v>196384</v>
      </c>
      <c r="BY22" s="327">
        <v>148464</v>
      </c>
      <c r="BZ22" s="328">
        <v>1318424</v>
      </c>
      <c r="CA22" s="330">
        <v>1457592</v>
      </c>
      <c r="CB22" s="326">
        <v>89790</v>
      </c>
      <c r="CC22" s="327">
        <v>80054</v>
      </c>
      <c r="CD22" s="328">
        <v>169844</v>
      </c>
      <c r="CE22" s="326">
        <v>0</v>
      </c>
      <c r="CF22" s="327">
        <v>1547746</v>
      </c>
      <c r="CG22" s="327">
        <v>2682926</v>
      </c>
      <c r="CH22" s="327">
        <v>1156585</v>
      </c>
      <c r="CI22" s="327">
        <v>385393</v>
      </c>
      <c r="CJ22" s="327">
        <v>149818</v>
      </c>
      <c r="CK22" s="328">
        <v>5922468</v>
      </c>
      <c r="CL22" s="330">
        <v>6092312</v>
      </c>
      <c r="CM22" s="326">
        <v>0</v>
      </c>
      <c r="CN22" s="327">
        <v>0</v>
      </c>
      <c r="CO22" s="328">
        <v>0</v>
      </c>
      <c r="CP22" s="332">
        <v>0</v>
      </c>
      <c r="CQ22" s="327">
        <v>1179358</v>
      </c>
      <c r="CR22" s="327">
        <v>1827262</v>
      </c>
      <c r="CS22" s="327">
        <v>580465</v>
      </c>
      <c r="CT22" s="327">
        <v>249431</v>
      </c>
      <c r="CU22" s="327">
        <v>149818</v>
      </c>
      <c r="CV22" s="328">
        <v>3986334</v>
      </c>
      <c r="CW22" s="330">
        <v>3986334</v>
      </c>
      <c r="CX22" s="326">
        <v>89790</v>
      </c>
      <c r="CY22" s="327">
        <v>80054</v>
      </c>
      <c r="CZ22" s="328">
        <v>169844</v>
      </c>
      <c r="DA22" s="326">
        <v>0</v>
      </c>
      <c r="DB22" s="327">
        <v>368388</v>
      </c>
      <c r="DC22" s="327">
        <v>855664</v>
      </c>
      <c r="DD22" s="327">
        <v>576120</v>
      </c>
      <c r="DE22" s="327">
        <v>135962</v>
      </c>
      <c r="DF22" s="327">
        <v>0</v>
      </c>
      <c r="DG22" s="328">
        <v>1936134</v>
      </c>
      <c r="DH22" s="330">
        <v>2105978</v>
      </c>
      <c r="DI22" s="326">
        <v>0</v>
      </c>
      <c r="DJ22" s="327">
        <v>0</v>
      </c>
      <c r="DK22" s="331">
        <v>0</v>
      </c>
      <c r="DL22" s="332">
        <v>0</v>
      </c>
      <c r="DM22" s="327">
        <v>224141</v>
      </c>
      <c r="DN22" s="327">
        <v>687525</v>
      </c>
      <c r="DO22" s="327">
        <v>381907</v>
      </c>
      <c r="DP22" s="327">
        <v>477453</v>
      </c>
      <c r="DQ22" s="327">
        <v>469032</v>
      </c>
      <c r="DR22" s="328">
        <v>2240058</v>
      </c>
      <c r="DS22" s="330">
        <v>2240058</v>
      </c>
      <c r="DT22" s="326">
        <v>0</v>
      </c>
      <c r="DU22" s="327">
        <v>0</v>
      </c>
      <c r="DV22" s="328">
        <v>0</v>
      </c>
      <c r="DW22" s="326">
        <v>0</v>
      </c>
      <c r="DX22" s="327">
        <v>224141</v>
      </c>
      <c r="DY22" s="327">
        <v>609151</v>
      </c>
      <c r="DZ22" s="327">
        <v>312412</v>
      </c>
      <c r="EA22" s="327">
        <v>477453</v>
      </c>
      <c r="EB22" s="327">
        <v>469032</v>
      </c>
      <c r="EC22" s="328">
        <v>2092189</v>
      </c>
      <c r="ED22" s="330">
        <v>2092189</v>
      </c>
      <c r="EE22" s="326">
        <v>0</v>
      </c>
      <c r="EF22" s="331">
        <v>0</v>
      </c>
      <c r="EG22" s="328">
        <v>0</v>
      </c>
      <c r="EH22" s="326">
        <v>0</v>
      </c>
      <c r="EI22" s="327">
        <v>0</v>
      </c>
      <c r="EJ22" s="327">
        <v>78374</v>
      </c>
      <c r="EK22" s="327">
        <v>69495</v>
      </c>
      <c r="EL22" s="327">
        <v>0</v>
      </c>
      <c r="EM22" s="327">
        <v>0</v>
      </c>
      <c r="EN22" s="331">
        <v>147869</v>
      </c>
      <c r="EO22" s="330">
        <v>147869</v>
      </c>
      <c r="EP22" s="326">
        <v>0</v>
      </c>
      <c r="EQ22" s="327">
        <v>0</v>
      </c>
      <c r="ER22" s="331">
        <v>0</v>
      </c>
      <c r="ES22" s="332">
        <v>0</v>
      </c>
      <c r="ET22" s="327">
        <v>0</v>
      </c>
      <c r="EU22" s="327">
        <v>0</v>
      </c>
      <c r="EV22" s="327">
        <v>0</v>
      </c>
      <c r="EW22" s="327">
        <v>0</v>
      </c>
      <c r="EX22" s="327">
        <v>0</v>
      </c>
      <c r="EY22" s="328">
        <v>0</v>
      </c>
      <c r="EZ22" s="330">
        <v>0</v>
      </c>
      <c r="FA22" s="326">
        <v>0</v>
      </c>
      <c r="FB22" s="327">
        <v>0</v>
      </c>
      <c r="FC22" s="331">
        <v>0</v>
      </c>
      <c r="FD22" s="332">
        <v>0</v>
      </c>
      <c r="FE22" s="327">
        <v>0</v>
      </c>
      <c r="FF22" s="327">
        <v>0</v>
      </c>
      <c r="FG22" s="327">
        <v>0</v>
      </c>
      <c r="FH22" s="327">
        <v>0</v>
      </c>
      <c r="FI22" s="327">
        <v>0</v>
      </c>
      <c r="FJ22" s="328">
        <v>0</v>
      </c>
      <c r="FK22" s="330">
        <v>0</v>
      </c>
      <c r="FL22" s="326">
        <v>72432</v>
      </c>
      <c r="FM22" s="327">
        <v>241920</v>
      </c>
      <c r="FN22" s="328">
        <v>314352</v>
      </c>
      <c r="FO22" s="326">
        <v>0</v>
      </c>
      <c r="FP22" s="327">
        <v>272288</v>
      </c>
      <c r="FQ22" s="327">
        <v>976952</v>
      </c>
      <c r="FR22" s="327">
        <v>620520</v>
      </c>
      <c r="FS22" s="327">
        <v>220616</v>
      </c>
      <c r="FT22" s="327">
        <v>199496</v>
      </c>
      <c r="FU22" s="328">
        <v>2289872</v>
      </c>
      <c r="FV22" s="330">
        <v>2604224</v>
      </c>
      <c r="FW22" s="333">
        <v>49200</v>
      </c>
      <c r="FX22" s="327">
        <v>166720</v>
      </c>
      <c r="FY22" s="331">
        <v>215920</v>
      </c>
      <c r="FZ22" s="332">
        <v>0</v>
      </c>
      <c r="GA22" s="327">
        <v>107024</v>
      </c>
      <c r="GB22" s="327">
        <v>781704</v>
      </c>
      <c r="GC22" s="327">
        <v>444456</v>
      </c>
      <c r="GD22" s="327">
        <v>200616</v>
      </c>
      <c r="GE22" s="327">
        <v>199496</v>
      </c>
      <c r="GF22" s="328">
        <v>1733296</v>
      </c>
      <c r="GG22" s="334">
        <v>1949216</v>
      </c>
      <c r="GH22" s="333">
        <v>23232</v>
      </c>
      <c r="GI22" s="327">
        <v>0</v>
      </c>
      <c r="GJ22" s="331">
        <v>23232</v>
      </c>
      <c r="GK22" s="332">
        <v>0</v>
      </c>
      <c r="GL22" s="327">
        <v>71664</v>
      </c>
      <c r="GM22" s="327">
        <v>74448</v>
      </c>
      <c r="GN22" s="327">
        <v>10560</v>
      </c>
      <c r="GO22" s="327">
        <v>0</v>
      </c>
      <c r="GP22" s="327">
        <v>0</v>
      </c>
      <c r="GQ22" s="328">
        <v>156672</v>
      </c>
      <c r="GR22" s="330">
        <v>179904</v>
      </c>
      <c r="GS22" s="326">
        <v>0</v>
      </c>
      <c r="GT22" s="327">
        <v>75200</v>
      </c>
      <c r="GU22" s="328">
        <v>75200</v>
      </c>
      <c r="GV22" s="326">
        <v>0</v>
      </c>
      <c r="GW22" s="327">
        <v>93600</v>
      </c>
      <c r="GX22" s="327">
        <v>120800</v>
      </c>
      <c r="GY22" s="327">
        <v>165504</v>
      </c>
      <c r="GZ22" s="327">
        <v>20000</v>
      </c>
      <c r="HA22" s="327">
        <v>0</v>
      </c>
      <c r="HB22" s="331">
        <v>399904</v>
      </c>
      <c r="HC22" s="330">
        <v>475104</v>
      </c>
      <c r="HD22" s="326">
        <v>344926</v>
      </c>
      <c r="HE22" s="327">
        <v>192064</v>
      </c>
      <c r="HF22" s="331">
        <v>536990</v>
      </c>
      <c r="HG22" s="332">
        <v>0</v>
      </c>
      <c r="HH22" s="327">
        <v>1174840</v>
      </c>
      <c r="HI22" s="327">
        <v>2552494</v>
      </c>
      <c r="HJ22" s="327">
        <v>1253921</v>
      </c>
      <c r="HK22" s="327">
        <v>236080</v>
      </c>
      <c r="HL22" s="327">
        <v>687534</v>
      </c>
      <c r="HM22" s="328">
        <v>5904869</v>
      </c>
      <c r="HN22" s="329">
        <v>6441859</v>
      </c>
      <c r="HO22" s="333">
        <v>0</v>
      </c>
      <c r="HP22" s="327">
        <v>0</v>
      </c>
      <c r="HQ22" s="328">
        <v>0</v>
      </c>
      <c r="HR22" s="326">
        <v>0</v>
      </c>
      <c r="HS22" s="327">
        <v>0</v>
      </c>
      <c r="HT22" s="327">
        <v>0</v>
      </c>
      <c r="HU22" s="327">
        <v>0</v>
      </c>
      <c r="HV22" s="327">
        <v>0</v>
      </c>
      <c r="HW22" s="327">
        <v>0</v>
      </c>
      <c r="HX22" s="331">
        <v>0</v>
      </c>
      <c r="HY22" s="330">
        <v>0</v>
      </c>
      <c r="HZ22" s="358">
        <v>38649</v>
      </c>
      <c r="IA22" s="356">
        <v>0</v>
      </c>
      <c r="IB22" s="358">
        <v>38649</v>
      </c>
      <c r="IC22" s="355">
        <v>0</v>
      </c>
      <c r="ID22" s="356">
        <v>1033340</v>
      </c>
      <c r="IE22" s="357">
        <v>2689496</v>
      </c>
      <c r="IF22" s="358">
        <v>2495294</v>
      </c>
      <c r="IG22" s="356">
        <v>1935655</v>
      </c>
      <c r="IH22" s="358">
        <v>302520</v>
      </c>
      <c r="II22" s="359">
        <v>8456305</v>
      </c>
      <c r="IJ22" s="358">
        <v>8494954</v>
      </c>
      <c r="IK22" s="342">
        <v>0</v>
      </c>
      <c r="IL22" s="343">
        <v>0</v>
      </c>
      <c r="IM22" s="344">
        <v>0</v>
      </c>
      <c r="IN22" s="404">
        <v>0</v>
      </c>
      <c r="IO22" s="345">
        <v>0</v>
      </c>
      <c r="IP22" s="345">
        <v>0</v>
      </c>
      <c r="IQ22" s="345">
        <v>0</v>
      </c>
      <c r="IR22" s="345">
        <v>0</v>
      </c>
      <c r="IS22" s="345">
        <v>0</v>
      </c>
      <c r="IT22" s="346">
        <v>0</v>
      </c>
      <c r="IU22" s="347">
        <v>0</v>
      </c>
      <c r="IV22" s="348">
        <v>0</v>
      </c>
      <c r="IW22" s="345">
        <v>0</v>
      </c>
      <c r="IX22" s="349">
        <v>0</v>
      </c>
      <c r="IY22" s="404">
        <v>0</v>
      </c>
      <c r="IZ22" s="345">
        <v>0</v>
      </c>
      <c r="JA22" s="345">
        <v>0</v>
      </c>
      <c r="JB22" s="345">
        <v>0</v>
      </c>
      <c r="JC22" s="345">
        <v>0</v>
      </c>
      <c r="JD22" s="345">
        <v>0</v>
      </c>
      <c r="JE22" s="349">
        <v>0</v>
      </c>
      <c r="JF22" s="350">
        <v>0</v>
      </c>
      <c r="JG22" s="348">
        <v>0</v>
      </c>
      <c r="JH22" s="345">
        <v>0</v>
      </c>
      <c r="JI22" s="346">
        <v>0</v>
      </c>
      <c r="JJ22" s="351">
        <v>0</v>
      </c>
      <c r="JK22" s="345">
        <v>988583</v>
      </c>
      <c r="JL22" s="345">
        <v>1517193</v>
      </c>
      <c r="JM22" s="345">
        <v>651561</v>
      </c>
      <c r="JN22" s="345">
        <v>618548</v>
      </c>
      <c r="JO22" s="345">
        <v>0</v>
      </c>
      <c r="JP22" s="349">
        <v>3775885</v>
      </c>
      <c r="JQ22" s="347">
        <v>3775885</v>
      </c>
      <c r="JR22" s="348">
        <v>38649</v>
      </c>
      <c r="JS22" s="345">
        <v>0</v>
      </c>
      <c r="JT22" s="346">
        <v>38649</v>
      </c>
      <c r="JU22" s="351">
        <v>0</v>
      </c>
      <c r="JV22" s="345">
        <v>44757</v>
      </c>
      <c r="JW22" s="345">
        <v>162518</v>
      </c>
      <c r="JX22" s="345">
        <v>21685</v>
      </c>
      <c r="JY22" s="345">
        <v>0</v>
      </c>
      <c r="JZ22" s="345">
        <v>0</v>
      </c>
      <c r="KA22" s="349">
        <v>228960</v>
      </c>
      <c r="KB22" s="347">
        <v>267609</v>
      </c>
      <c r="KC22" s="352">
        <v>0</v>
      </c>
      <c r="KD22" s="353">
        <v>0</v>
      </c>
      <c r="KE22" s="349">
        <v>0</v>
      </c>
      <c r="KF22" s="351">
        <v>0</v>
      </c>
      <c r="KG22" s="345">
        <v>0</v>
      </c>
      <c r="KH22" s="345">
        <v>394294</v>
      </c>
      <c r="KI22" s="345">
        <v>252580</v>
      </c>
      <c r="KJ22" s="345">
        <v>177288</v>
      </c>
      <c r="KK22" s="345">
        <v>302520</v>
      </c>
      <c r="KL22" s="349">
        <v>1126682</v>
      </c>
      <c r="KM22" s="354">
        <v>1126682</v>
      </c>
      <c r="KN22" s="342">
        <v>0</v>
      </c>
      <c r="KO22" s="343">
        <v>0</v>
      </c>
      <c r="KP22" s="344">
        <v>0</v>
      </c>
      <c r="KQ22" s="404">
        <v>0</v>
      </c>
      <c r="KR22" s="345">
        <v>0</v>
      </c>
      <c r="KS22" s="345">
        <v>615491</v>
      </c>
      <c r="KT22" s="345">
        <v>1569468</v>
      </c>
      <c r="KU22" s="345">
        <v>273100</v>
      </c>
      <c r="KV22" s="345">
        <v>0</v>
      </c>
      <c r="KW22" s="349">
        <v>2458059</v>
      </c>
      <c r="KX22" s="347">
        <v>2458059</v>
      </c>
      <c r="KY22" s="348">
        <v>0</v>
      </c>
      <c r="KZ22" s="345">
        <v>0</v>
      </c>
      <c r="LA22" s="349">
        <v>0</v>
      </c>
      <c r="LB22" s="404">
        <v>0</v>
      </c>
      <c r="LC22" s="345">
        <v>0</v>
      </c>
      <c r="LD22" s="345">
        <v>0</v>
      </c>
      <c r="LE22" s="345">
        <v>0</v>
      </c>
      <c r="LF22" s="345">
        <v>0</v>
      </c>
      <c r="LG22" s="345">
        <v>0</v>
      </c>
      <c r="LH22" s="349">
        <v>0</v>
      </c>
      <c r="LI22" s="350">
        <v>0</v>
      </c>
      <c r="LJ22" s="348">
        <v>0</v>
      </c>
      <c r="LK22" s="345">
        <v>0</v>
      </c>
      <c r="LL22" s="349">
        <v>0</v>
      </c>
      <c r="LM22" s="404">
        <v>0</v>
      </c>
      <c r="LN22" s="345">
        <v>0</v>
      </c>
      <c r="LO22" s="345">
        <v>0</v>
      </c>
      <c r="LP22" s="345">
        <v>0</v>
      </c>
      <c r="LQ22" s="345">
        <v>866719</v>
      </c>
      <c r="LR22" s="345">
        <v>0</v>
      </c>
      <c r="LS22" s="349">
        <v>866719</v>
      </c>
      <c r="LT22" s="347">
        <v>866719</v>
      </c>
      <c r="LU22" s="348">
        <v>0</v>
      </c>
      <c r="LV22" s="345">
        <v>0</v>
      </c>
      <c r="LW22" s="349">
        <v>0</v>
      </c>
      <c r="LX22" s="404">
        <v>0</v>
      </c>
      <c r="LY22" s="345">
        <v>0</v>
      </c>
      <c r="LZ22" s="345">
        <v>0</v>
      </c>
      <c r="MA22" s="345">
        <v>0</v>
      </c>
      <c r="MB22" s="345">
        <v>0</v>
      </c>
      <c r="MC22" s="345">
        <v>0</v>
      </c>
      <c r="MD22" s="349">
        <v>0</v>
      </c>
      <c r="ME22" s="350">
        <v>0</v>
      </c>
      <c r="MF22" s="348">
        <v>0</v>
      </c>
      <c r="MG22" s="345">
        <v>0</v>
      </c>
      <c r="MH22" s="349">
        <v>0</v>
      </c>
      <c r="MI22" s="404">
        <v>0</v>
      </c>
      <c r="MJ22" s="345">
        <v>165138</v>
      </c>
      <c r="MK22" s="345">
        <v>588116</v>
      </c>
      <c r="ML22" s="345">
        <v>3359243</v>
      </c>
      <c r="MM22" s="345">
        <v>4597426</v>
      </c>
      <c r="MN22" s="345">
        <v>3972351</v>
      </c>
      <c r="MO22" s="349">
        <v>12682274</v>
      </c>
      <c r="MP22" s="354">
        <v>12682274</v>
      </c>
      <c r="MQ22" s="348">
        <v>0</v>
      </c>
      <c r="MR22" s="345">
        <v>0</v>
      </c>
      <c r="MS22" s="349">
        <v>0</v>
      </c>
      <c r="MT22" s="404">
        <v>0</v>
      </c>
      <c r="MU22" s="345">
        <v>0</v>
      </c>
      <c r="MV22" s="345">
        <v>0</v>
      </c>
      <c r="MW22" s="345">
        <v>1539171</v>
      </c>
      <c r="MX22" s="345">
        <v>2532553</v>
      </c>
      <c r="MY22" s="345">
        <v>2936396</v>
      </c>
      <c r="MZ22" s="349">
        <v>7008120</v>
      </c>
      <c r="NA22" s="354">
        <v>7008120</v>
      </c>
      <c r="NB22" s="348">
        <v>0</v>
      </c>
      <c r="NC22" s="345">
        <v>0</v>
      </c>
      <c r="ND22" s="349">
        <v>0</v>
      </c>
      <c r="NE22" s="404">
        <v>0</v>
      </c>
      <c r="NF22" s="345">
        <v>165138</v>
      </c>
      <c r="NG22" s="345">
        <v>588116</v>
      </c>
      <c r="NH22" s="345">
        <v>1820072</v>
      </c>
      <c r="NI22" s="345">
        <v>2064873</v>
      </c>
      <c r="NJ22" s="345">
        <v>1035955</v>
      </c>
      <c r="NK22" s="349">
        <v>5674154</v>
      </c>
      <c r="NL22" s="347">
        <v>5674154</v>
      </c>
      <c r="NM22" s="348">
        <v>0</v>
      </c>
      <c r="NN22" s="345">
        <v>0</v>
      </c>
      <c r="NO22" s="349">
        <v>0</v>
      </c>
      <c r="NP22" s="404">
        <v>0</v>
      </c>
      <c r="NQ22" s="345">
        <v>0</v>
      </c>
      <c r="NR22" s="345">
        <v>0</v>
      </c>
      <c r="NS22" s="345">
        <v>0</v>
      </c>
      <c r="NT22" s="345">
        <v>0</v>
      </c>
      <c r="NU22" s="345">
        <v>0</v>
      </c>
      <c r="NV22" s="349">
        <v>0</v>
      </c>
      <c r="NW22" s="350">
        <v>0</v>
      </c>
      <c r="NX22" s="348">
        <v>0</v>
      </c>
      <c r="NY22" s="345">
        <v>0</v>
      </c>
      <c r="NZ22" s="349">
        <v>0</v>
      </c>
      <c r="OA22" s="404">
        <v>0</v>
      </c>
      <c r="OB22" s="345">
        <v>0</v>
      </c>
      <c r="OC22" s="345">
        <v>0</v>
      </c>
      <c r="OD22" s="345">
        <v>0</v>
      </c>
      <c r="OE22" s="345">
        <v>0</v>
      </c>
      <c r="OF22" s="345">
        <v>0</v>
      </c>
      <c r="OG22" s="349">
        <v>0</v>
      </c>
      <c r="OH22" s="350">
        <v>0</v>
      </c>
      <c r="OI22" s="348">
        <v>654213</v>
      </c>
      <c r="OJ22" s="345">
        <v>650629</v>
      </c>
      <c r="OK22" s="346">
        <v>1304842</v>
      </c>
      <c r="OL22" s="351">
        <v>0</v>
      </c>
      <c r="OM22" s="345">
        <v>5570213</v>
      </c>
      <c r="ON22" s="345">
        <v>12215637</v>
      </c>
      <c r="OO22" s="345">
        <v>11513591</v>
      </c>
      <c r="OP22" s="345">
        <v>9414108</v>
      </c>
      <c r="OQ22" s="345">
        <v>7422633</v>
      </c>
      <c r="OR22" s="349">
        <v>46136182</v>
      </c>
      <c r="OS22" s="354">
        <v>47441024</v>
      </c>
    </row>
    <row r="23" spans="2:409" s="70" customFormat="1" ht="21" customHeight="1" x14ac:dyDescent="0.2">
      <c r="B23" s="410" t="s">
        <v>18</v>
      </c>
      <c r="C23" s="326">
        <v>402782</v>
      </c>
      <c r="D23" s="327">
        <v>1067839</v>
      </c>
      <c r="E23" s="328">
        <v>1470621</v>
      </c>
      <c r="F23" s="329">
        <v>0</v>
      </c>
      <c r="G23" s="327">
        <v>8475620</v>
      </c>
      <c r="H23" s="327">
        <v>9080700</v>
      </c>
      <c r="I23" s="327">
        <v>10305514</v>
      </c>
      <c r="J23" s="327">
        <v>6154286</v>
      </c>
      <c r="K23" s="327">
        <v>5585702</v>
      </c>
      <c r="L23" s="329">
        <v>39601822</v>
      </c>
      <c r="M23" s="330">
        <v>41072443</v>
      </c>
      <c r="N23" s="326">
        <v>187291</v>
      </c>
      <c r="O23" s="327">
        <v>362526</v>
      </c>
      <c r="P23" s="328">
        <v>549817</v>
      </c>
      <c r="Q23" s="326">
        <v>0</v>
      </c>
      <c r="R23" s="327">
        <v>2089232</v>
      </c>
      <c r="S23" s="327">
        <v>2823343</v>
      </c>
      <c r="T23" s="327">
        <v>3641810</v>
      </c>
      <c r="U23" s="327">
        <v>2708427</v>
      </c>
      <c r="V23" s="327">
        <v>2985267</v>
      </c>
      <c r="W23" s="328">
        <v>14248079</v>
      </c>
      <c r="X23" s="330">
        <v>14797896</v>
      </c>
      <c r="Y23" s="326">
        <v>0</v>
      </c>
      <c r="Z23" s="327">
        <v>0</v>
      </c>
      <c r="AA23" s="328">
        <v>0</v>
      </c>
      <c r="AB23" s="326">
        <v>0</v>
      </c>
      <c r="AC23" s="327">
        <v>858126</v>
      </c>
      <c r="AD23" s="327">
        <v>1004271</v>
      </c>
      <c r="AE23" s="327">
        <v>2423056</v>
      </c>
      <c r="AF23" s="327">
        <v>1298890</v>
      </c>
      <c r="AG23" s="327">
        <v>1964745</v>
      </c>
      <c r="AH23" s="328">
        <v>7549088</v>
      </c>
      <c r="AI23" s="330">
        <v>7549088</v>
      </c>
      <c r="AJ23" s="326">
        <v>0</v>
      </c>
      <c r="AK23" s="327">
        <v>0</v>
      </c>
      <c r="AL23" s="328">
        <v>0</v>
      </c>
      <c r="AM23" s="326">
        <v>0</v>
      </c>
      <c r="AN23" s="327">
        <v>0</v>
      </c>
      <c r="AO23" s="327">
        <v>0</v>
      </c>
      <c r="AP23" s="327">
        <v>0</v>
      </c>
      <c r="AQ23" s="327">
        <v>479453</v>
      </c>
      <c r="AR23" s="327">
        <v>278818</v>
      </c>
      <c r="AS23" s="328">
        <v>758271</v>
      </c>
      <c r="AT23" s="330">
        <v>758271</v>
      </c>
      <c r="AU23" s="326">
        <v>110625</v>
      </c>
      <c r="AV23" s="327">
        <v>310146</v>
      </c>
      <c r="AW23" s="328">
        <v>420771</v>
      </c>
      <c r="AX23" s="326">
        <v>0</v>
      </c>
      <c r="AY23" s="327">
        <v>562721</v>
      </c>
      <c r="AZ23" s="327">
        <v>1106517</v>
      </c>
      <c r="BA23" s="327">
        <v>467044</v>
      </c>
      <c r="BB23" s="327">
        <v>435606</v>
      </c>
      <c r="BC23" s="327">
        <v>448104</v>
      </c>
      <c r="BD23" s="328">
        <v>3019992</v>
      </c>
      <c r="BE23" s="330">
        <v>3440763</v>
      </c>
      <c r="BF23" s="326">
        <v>15394</v>
      </c>
      <c r="BG23" s="327">
        <v>30788</v>
      </c>
      <c r="BH23" s="331">
        <v>46182</v>
      </c>
      <c r="BI23" s="332">
        <v>0</v>
      </c>
      <c r="BJ23" s="327">
        <v>76921</v>
      </c>
      <c r="BK23" s="327">
        <v>307051</v>
      </c>
      <c r="BL23" s="327">
        <v>222670</v>
      </c>
      <c r="BM23" s="327">
        <v>75630</v>
      </c>
      <c r="BN23" s="327">
        <v>0</v>
      </c>
      <c r="BO23" s="328">
        <v>682272</v>
      </c>
      <c r="BP23" s="330">
        <v>728454</v>
      </c>
      <c r="BQ23" s="326">
        <v>61272</v>
      </c>
      <c r="BR23" s="327">
        <v>21592</v>
      </c>
      <c r="BS23" s="328">
        <v>82864</v>
      </c>
      <c r="BT23" s="326">
        <v>0</v>
      </c>
      <c r="BU23" s="327">
        <v>591464</v>
      </c>
      <c r="BV23" s="327">
        <v>405504</v>
      </c>
      <c r="BW23" s="327">
        <v>529040</v>
      </c>
      <c r="BX23" s="327">
        <v>418848</v>
      </c>
      <c r="BY23" s="327">
        <v>293600</v>
      </c>
      <c r="BZ23" s="328">
        <v>2238456</v>
      </c>
      <c r="CA23" s="330">
        <v>2321320</v>
      </c>
      <c r="CB23" s="326">
        <v>84835</v>
      </c>
      <c r="CC23" s="327">
        <v>406725</v>
      </c>
      <c r="CD23" s="328">
        <v>491560</v>
      </c>
      <c r="CE23" s="326">
        <v>0</v>
      </c>
      <c r="CF23" s="327">
        <v>3057446</v>
      </c>
      <c r="CG23" s="327">
        <v>2856532</v>
      </c>
      <c r="CH23" s="327">
        <v>2574714</v>
      </c>
      <c r="CI23" s="327">
        <v>544865</v>
      </c>
      <c r="CJ23" s="327">
        <v>597967</v>
      </c>
      <c r="CK23" s="328">
        <v>9631524</v>
      </c>
      <c r="CL23" s="330">
        <v>10123084</v>
      </c>
      <c r="CM23" s="326">
        <v>0</v>
      </c>
      <c r="CN23" s="327">
        <v>0</v>
      </c>
      <c r="CO23" s="328">
        <v>0</v>
      </c>
      <c r="CP23" s="332">
        <v>0</v>
      </c>
      <c r="CQ23" s="327">
        <v>2634732</v>
      </c>
      <c r="CR23" s="327">
        <v>2178180</v>
      </c>
      <c r="CS23" s="327">
        <v>2395233</v>
      </c>
      <c r="CT23" s="327">
        <v>439797</v>
      </c>
      <c r="CU23" s="327">
        <v>540948</v>
      </c>
      <c r="CV23" s="328">
        <v>8188890</v>
      </c>
      <c r="CW23" s="330">
        <v>8188890</v>
      </c>
      <c r="CX23" s="326">
        <v>84835</v>
      </c>
      <c r="CY23" s="327">
        <v>406725</v>
      </c>
      <c r="CZ23" s="328">
        <v>491560</v>
      </c>
      <c r="DA23" s="326">
        <v>0</v>
      </c>
      <c r="DB23" s="327">
        <v>422714</v>
      </c>
      <c r="DC23" s="327">
        <v>678352</v>
      </c>
      <c r="DD23" s="327">
        <v>179481</v>
      </c>
      <c r="DE23" s="327">
        <v>105068</v>
      </c>
      <c r="DF23" s="327">
        <v>57019</v>
      </c>
      <c r="DG23" s="328">
        <v>1442634</v>
      </c>
      <c r="DH23" s="330">
        <v>1934194</v>
      </c>
      <c r="DI23" s="326">
        <v>0</v>
      </c>
      <c r="DJ23" s="327">
        <v>0</v>
      </c>
      <c r="DK23" s="331">
        <v>0</v>
      </c>
      <c r="DL23" s="332">
        <v>0</v>
      </c>
      <c r="DM23" s="327">
        <v>165022</v>
      </c>
      <c r="DN23" s="327">
        <v>400471</v>
      </c>
      <c r="DO23" s="327">
        <v>1367795</v>
      </c>
      <c r="DP23" s="327">
        <v>434589</v>
      </c>
      <c r="DQ23" s="327">
        <v>169834</v>
      </c>
      <c r="DR23" s="328">
        <v>2537711</v>
      </c>
      <c r="DS23" s="330">
        <v>2537711</v>
      </c>
      <c r="DT23" s="326">
        <v>0</v>
      </c>
      <c r="DU23" s="327">
        <v>0</v>
      </c>
      <c r="DV23" s="328">
        <v>0</v>
      </c>
      <c r="DW23" s="326">
        <v>0</v>
      </c>
      <c r="DX23" s="327">
        <v>165022</v>
      </c>
      <c r="DY23" s="327">
        <v>400471</v>
      </c>
      <c r="DZ23" s="327">
        <v>1367795</v>
      </c>
      <c r="EA23" s="327">
        <v>434589</v>
      </c>
      <c r="EB23" s="327">
        <v>169834</v>
      </c>
      <c r="EC23" s="328">
        <v>2537711</v>
      </c>
      <c r="ED23" s="330">
        <v>2537711</v>
      </c>
      <c r="EE23" s="326">
        <v>0</v>
      </c>
      <c r="EF23" s="331">
        <v>0</v>
      </c>
      <c r="EG23" s="328">
        <v>0</v>
      </c>
      <c r="EH23" s="326">
        <v>0</v>
      </c>
      <c r="EI23" s="327">
        <v>0</v>
      </c>
      <c r="EJ23" s="327">
        <v>0</v>
      </c>
      <c r="EK23" s="327">
        <v>0</v>
      </c>
      <c r="EL23" s="327">
        <v>0</v>
      </c>
      <c r="EM23" s="327">
        <v>0</v>
      </c>
      <c r="EN23" s="331">
        <v>0</v>
      </c>
      <c r="EO23" s="330">
        <v>0</v>
      </c>
      <c r="EP23" s="326">
        <v>0</v>
      </c>
      <c r="EQ23" s="327">
        <v>0</v>
      </c>
      <c r="ER23" s="331">
        <v>0</v>
      </c>
      <c r="ES23" s="332">
        <v>0</v>
      </c>
      <c r="ET23" s="327">
        <v>0</v>
      </c>
      <c r="EU23" s="327">
        <v>0</v>
      </c>
      <c r="EV23" s="327">
        <v>0</v>
      </c>
      <c r="EW23" s="327">
        <v>0</v>
      </c>
      <c r="EX23" s="327">
        <v>0</v>
      </c>
      <c r="EY23" s="328">
        <v>0</v>
      </c>
      <c r="EZ23" s="330">
        <v>0</v>
      </c>
      <c r="FA23" s="326">
        <v>0</v>
      </c>
      <c r="FB23" s="327">
        <v>0</v>
      </c>
      <c r="FC23" s="331">
        <v>0</v>
      </c>
      <c r="FD23" s="332">
        <v>0</v>
      </c>
      <c r="FE23" s="327">
        <v>0</v>
      </c>
      <c r="FF23" s="327">
        <v>0</v>
      </c>
      <c r="FG23" s="327">
        <v>0</v>
      </c>
      <c r="FH23" s="327">
        <v>0</v>
      </c>
      <c r="FI23" s="327">
        <v>0</v>
      </c>
      <c r="FJ23" s="328">
        <v>0</v>
      </c>
      <c r="FK23" s="330">
        <v>0</v>
      </c>
      <c r="FL23" s="326">
        <v>20224</v>
      </c>
      <c r="FM23" s="327">
        <v>202760</v>
      </c>
      <c r="FN23" s="328">
        <v>222984</v>
      </c>
      <c r="FO23" s="326">
        <v>0</v>
      </c>
      <c r="FP23" s="327">
        <v>298288</v>
      </c>
      <c r="FQ23" s="327">
        <v>961896</v>
      </c>
      <c r="FR23" s="327">
        <v>544240</v>
      </c>
      <c r="FS23" s="327">
        <v>424576</v>
      </c>
      <c r="FT23" s="327">
        <v>405248</v>
      </c>
      <c r="FU23" s="328">
        <v>2634248</v>
      </c>
      <c r="FV23" s="330">
        <v>2857232</v>
      </c>
      <c r="FW23" s="333">
        <v>20224</v>
      </c>
      <c r="FX23" s="327">
        <v>151960</v>
      </c>
      <c r="FY23" s="331">
        <v>172184</v>
      </c>
      <c r="FZ23" s="332">
        <v>0</v>
      </c>
      <c r="GA23" s="327">
        <v>284208</v>
      </c>
      <c r="GB23" s="327">
        <v>788296</v>
      </c>
      <c r="GC23" s="327">
        <v>505040</v>
      </c>
      <c r="GD23" s="327">
        <v>424576</v>
      </c>
      <c r="GE23" s="327">
        <v>405248</v>
      </c>
      <c r="GF23" s="328">
        <v>2407368</v>
      </c>
      <c r="GG23" s="334">
        <v>2579552</v>
      </c>
      <c r="GH23" s="333">
        <v>0</v>
      </c>
      <c r="GI23" s="327">
        <v>22000</v>
      </c>
      <c r="GJ23" s="331">
        <v>22000</v>
      </c>
      <c r="GK23" s="332">
        <v>0</v>
      </c>
      <c r="GL23" s="327">
        <v>0</v>
      </c>
      <c r="GM23" s="327">
        <v>0</v>
      </c>
      <c r="GN23" s="327">
        <v>0</v>
      </c>
      <c r="GO23" s="327">
        <v>0</v>
      </c>
      <c r="GP23" s="327">
        <v>0</v>
      </c>
      <c r="GQ23" s="328">
        <v>0</v>
      </c>
      <c r="GR23" s="330">
        <v>22000</v>
      </c>
      <c r="GS23" s="326">
        <v>0</v>
      </c>
      <c r="GT23" s="327">
        <v>28800</v>
      </c>
      <c r="GU23" s="328">
        <v>28800</v>
      </c>
      <c r="GV23" s="326">
        <v>0</v>
      </c>
      <c r="GW23" s="327">
        <v>14080</v>
      </c>
      <c r="GX23" s="327">
        <v>173600</v>
      </c>
      <c r="GY23" s="327">
        <v>39200</v>
      </c>
      <c r="GZ23" s="327">
        <v>0</v>
      </c>
      <c r="HA23" s="327">
        <v>0</v>
      </c>
      <c r="HB23" s="331">
        <v>226880</v>
      </c>
      <c r="HC23" s="330">
        <v>255680</v>
      </c>
      <c r="HD23" s="326">
        <v>110432</v>
      </c>
      <c r="HE23" s="327">
        <v>95828</v>
      </c>
      <c r="HF23" s="331">
        <v>206260</v>
      </c>
      <c r="HG23" s="332">
        <v>0</v>
      </c>
      <c r="HH23" s="327">
        <v>2865632</v>
      </c>
      <c r="HI23" s="327">
        <v>2038458</v>
      </c>
      <c r="HJ23" s="327">
        <v>2176955</v>
      </c>
      <c r="HK23" s="327">
        <v>2041829</v>
      </c>
      <c r="HL23" s="327">
        <v>1427386</v>
      </c>
      <c r="HM23" s="328">
        <v>10550260</v>
      </c>
      <c r="HN23" s="329">
        <v>10756520</v>
      </c>
      <c r="HO23" s="333">
        <v>0</v>
      </c>
      <c r="HP23" s="327">
        <v>0</v>
      </c>
      <c r="HQ23" s="328">
        <v>0</v>
      </c>
      <c r="HR23" s="326">
        <v>0</v>
      </c>
      <c r="HS23" s="327">
        <v>0</v>
      </c>
      <c r="HT23" s="327">
        <v>0</v>
      </c>
      <c r="HU23" s="327">
        <v>0</v>
      </c>
      <c r="HV23" s="327">
        <v>0</v>
      </c>
      <c r="HW23" s="327">
        <v>0</v>
      </c>
      <c r="HX23" s="331">
        <v>0</v>
      </c>
      <c r="HY23" s="330">
        <v>0</v>
      </c>
      <c r="HZ23" s="335">
        <v>51686</v>
      </c>
      <c r="IA23" s="336">
        <v>0</v>
      </c>
      <c r="IB23" s="337">
        <v>51686</v>
      </c>
      <c r="IC23" s="338">
        <v>0</v>
      </c>
      <c r="ID23" s="336">
        <v>1890383</v>
      </c>
      <c r="IE23" s="339">
        <v>1598089</v>
      </c>
      <c r="IF23" s="337">
        <v>4370357</v>
      </c>
      <c r="IG23" s="336">
        <v>2269337</v>
      </c>
      <c r="IH23" s="337">
        <v>1004138</v>
      </c>
      <c r="II23" s="340">
        <v>11132304</v>
      </c>
      <c r="IJ23" s="341">
        <v>11183990</v>
      </c>
      <c r="IK23" s="342">
        <v>0</v>
      </c>
      <c r="IL23" s="343">
        <v>0</v>
      </c>
      <c r="IM23" s="344">
        <v>0</v>
      </c>
      <c r="IN23" s="404">
        <v>0</v>
      </c>
      <c r="IO23" s="345">
        <v>0</v>
      </c>
      <c r="IP23" s="345">
        <v>63052</v>
      </c>
      <c r="IQ23" s="345">
        <v>0</v>
      </c>
      <c r="IR23" s="345">
        <v>0</v>
      </c>
      <c r="IS23" s="345">
        <v>281932</v>
      </c>
      <c r="IT23" s="346">
        <v>344984</v>
      </c>
      <c r="IU23" s="347">
        <v>344984</v>
      </c>
      <c r="IV23" s="348">
        <v>0</v>
      </c>
      <c r="IW23" s="345">
        <v>0</v>
      </c>
      <c r="IX23" s="349">
        <v>0</v>
      </c>
      <c r="IY23" s="404">
        <v>0</v>
      </c>
      <c r="IZ23" s="345">
        <v>0</v>
      </c>
      <c r="JA23" s="345">
        <v>0</v>
      </c>
      <c r="JB23" s="345">
        <v>0</v>
      </c>
      <c r="JC23" s="345">
        <v>0</v>
      </c>
      <c r="JD23" s="345">
        <v>0</v>
      </c>
      <c r="JE23" s="349">
        <v>0</v>
      </c>
      <c r="JF23" s="350">
        <v>0</v>
      </c>
      <c r="JG23" s="348">
        <v>0</v>
      </c>
      <c r="JH23" s="345">
        <v>0</v>
      </c>
      <c r="JI23" s="346">
        <v>0</v>
      </c>
      <c r="JJ23" s="351">
        <v>0</v>
      </c>
      <c r="JK23" s="345">
        <v>898459</v>
      </c>
      <c r="JL23" s="345">
        <v>823392</v>
      </c>
      <c r="JM23" s="345">
        <v>338402</v>
      </c>
      <c r="JN23" s="345">
        <v>0</v>
      </c>
      <c r="JO23" s="345">
        <v>24879</v>
      </c>
      <c r="JP23" s="349">
        <v>2085132</v>
      </c>
      <c r="JQ23" s="347">
        <v>2085132</v>
      </c>
      <c r="JR23" s="348">
        <v>0</v>
      </c>
      <c r="JS23" s="345">
        <v>0</v>
      </c>
      <c r="JT23" s="346">
        <v>0</v>
      </c>
      <c r="JU23" s="351">
        <v>0</v>
      </c>
      <c r="JV23" s="345">
        <v>0</v>
      </c>
      <c r="JW23" s="345">
        <v>83387</v>
      </c>
      <c r="JX23" s="345">
        <v>614935</v>
      </c>
      <c r="JY23" s="345">
        <v>0</v>
      </c>
      <c r="JZ23" s="345">
        <v>156971</v>
      </c>
      <c r="KA23" s="349">
        <v>855293</v>
      </c>
      <c r="KB23" s="347">
        <v>855293</v>
      </c>
      <c r="KC23" s="352">
        <v>51686</v>
      </c>
      <c r="KD23" s="353">
        <v>0</v>
      </c>
      <c r="KE23" s="349">
        <v>51686</v>
      </c>
      <c r="KF23" s="351">
        <v>0</v>
      </c>
      <c r="KG23" s="345">
        <v>501813</v>
      </c>
      <c r="KH23" s="345">
        <v>374717</v>
      </c>
      <c r="KI23" s="345">
        <v>1003817</v>
      </c>
      <c r="KJ23" s="345">
        <v>645279</v>
      </c>
      <c r="KK23" s="345">
        <v>0</v>
      </c>
      <c r="KL23" s="349">
        <v>2525626</v>
      </c>
      <c r="KM23" s="354">
        <v>2577312</v>
      </c>
      <c r="KN23" s="342">
        <v>0</v>
      </c>
      <c r="KO23" s="343">
        <v>0</v>
      </c>
      <c r="KP23" s="344">
        <v>0</v>
      </c>
      <c r="KQ23" s="404">
        <v>0</v>
      </c>
      <c r="KR23" s="345">
        <v>490111</v>
      </c>
      <c r="KS23" s="345">
        <v>253541</v>
      </c>
      <c r="KT23" s="345">
        <v>1578388</v>
      </c>
      <c r="KU23" s="345">
        <v>1321193</v>
      </c>
      <c r="KV23" s="345">
        <v>540356</v>
      </c>
      <c r="KW23" s="349">
        <v>4183589</v>
      </c>
      <c r="KX23" s="347">
        <v>4183589</v>
      </c>
      <c r="KY23" s="348">
        <v>0</v>
      </c>
      <c r="KZ23" s="345">
        <v>0</v>
      </c>
      <c r="LA23" s="349">
        <v>0</v>
      </c>
      <c r="LB23" s="404">
        <v>0</v>
      </c>
      <c r="LC23" s="345">
        <v>0</v>
      </c>
      <c r="LD23" s="345">
        <v>0</v>
      </c>
      <c r="LE23" s="345">
        <v>0</v>
      </c>
      <c r="LF23" s="345">
        <v>0</v>
      </c>
      <c r="LG23" s="345">
        <v>0</v>
      </c>
      <c r="LH23" s="349">
        <v>0</v>
      </c>
      <c r="LI23" s="350">
        <v>0</v>
      </c>
      <c r="LJ23" s="348">
        <v>0</v>
      </c>
      <c r="LK23" s="345">
        <v>0</v>
      </c>
      <c r="LL23" s="349">
        <v>0</v>
      </c>
      <c r="LM23" s="404">
        <v>0</v>
      </c>
      <c r="LN23" s="345">
        <v>0</v>
      </c>
      <c r="LO23" s="345">
        <v>0</v>
      </c>
      <c r="LP23" s="345">
        <v>281296</v>
      </c>
      <c r="LQ23" s="345">
        <v>302865</v>
      </c>
      <c r="LR23" s="345">
        <v>0</v>
      </c>
      <c r="LS23" s="349">
        <v>584161</v>
      </c>
      <c r="LT23" s="347">
        <v>584161</v>
      </c>
      <c r="LU23" s="348">
        <v>0</v>
      </c>
      <c r="LV23" s="345">
        <v>0</v>
      </c>
      <c r="LW23" s="349">
        <v>0</v>
      </c>
      <c r="LX23" s="404">
        <v>0</v>
      </c>
      <c r="LY23" s="345">
        <v>0</v>
      </c>
      <c r="LZ23" s="345">
        <v>0</v>
      </c>
      <c r="MA23" s="345">
        <v>553519</v>
      </c>
      <c r="MB23" s="345">
        <v>0</v>
      </c>
      <c r="MC23" s="345">
        <v>0</v>
      </c>
      <c r="MD23" s="349">
        <v>553519</v>
      </c>
      <c r="ME23" s="350">
        <v>553519</v>
      </c>
      <c r="MF23" s="348">
        <v>0</v>
      </c>
      <c r="MG23" s="345">
        <v>0</v>
      </c>
      <c r="MH23" s="349">
        <v>0</v>
      </c>
      <c r="MI23" s="404">
        <v>0</v>
      </c>
      <c r="MJ23" s="345">
        <v>0</v>
      </c>
      <c r="MK23" s="345">
        <v>1212748</v>
      </c>
      <c r="ML23" s="345">
        <v>4589041</v>
      </c>
      <c r="MM23" s="345">
        <v>6226127</v>
      </c>
      <c r="MN23" s="345">
        <v>1863439</v>
      </c>
      <c r="MO23" s="349">
        <v>13891355</v>
      </c>
      <c r="MP23" s="354">
        <v>13891355</v>
      </c>
      <c r="MQ23" s="348">
        <v>0</v>
      </c>
      <c r="MR23" s="345">
        <v>0</v>
      </c>
      <c r="MS23" s="349">
        <v>0</v>
      </c>
      <c r="MT23" s="404">
        <v>0</v>
      </c>
      <c r="MU23" s="345">
        <v>0</v>
      </c>
      <c r="MV23" s="345">
        <v>0</v>
      </c>
      <c r="MW23" s="345">
        <v>2278803</v>
      </c>
      <c r="MX23" s="345">
        <v>4721180</v>
      </c>
      <c r="MY23" s="345">
        <v>1178255</v>
      </c>
      <c r="MZ23" s="349">
        <v>8178238</v>
      </c>
      <c r="NA23" s="354">
        <v>8178238</v>
      </c>
      <c r="NB23" s="348">
        <v>0</v>
      </c>
      <c r="NC23" s="345">
        <v>0</v>
      </c>
      <c r="ND23" s="349">
        <v>0</v>
      </c>
      <c r="NE23" s="404">
        <v>0</v>
      </c>
      <c r="NF23" s="345">
        <v>0</v>
      </c>
      <c r="NG23" s="345">
        <v>1212748</v>
      </c>
      <c r="NH23" s="345">
        <v>2310238</v>
      </c>
      <c r="NI23" s="345">
        <v>1504947</v>
      </c>
      <c r="NJ23" s="345">
        <v>685184</v>
      </c>
      <c r="NK23" s="349">
        <v>5713117</v>
      </c>
      <c r="NL23" s="347">
        <v>5713117</v>
      </c>
      <c r="NM23" s="348">
        <v>0</v>
      </c>
      <c r="NN23" s="345">
        <v>0</v>
      </c>
      <c r="NO23" s="349">
        <v>0</v>
      </c>
      <c r="NP23" s="404">
        <v>0</v>
      </c>
      <c r="NQ23" s="345">
        <v>0</v>
      </c>
      <c r="NR23" s="345">
        <v>0</v>
      </c>
      <c r="NS23" s="345">
        <v>0</v>
      </c>
      <c r="NT23" s="345">
        <v>0</v>
      </c>
      <c r="NU23" s="345">
        <v>0</v>
      </c>
      <c r="NV23" s="349">
        <v>0</v>
      </c>
      <c r="NW23" s="350">
        <v>0</v>
      </c>
      <c r="NX23" s="348">
        <v>0</v>
      </c>
      <c r="NY23" s="345">
        <v>0</v>
      </c>
      <c r="NZ23" s="349">
        <v>0</v>
      </c>
      <c r="OA23" s="404">
        <v>0</v>
      </c>
      <c r="OB23" s="345">
        <v>0</v>
      </c>
      <c r="OC23" s="345">
        <v>0</v>
      </c>
      <c r="OD23" s="345">
        <v>0</v>
      </c>
      <c r="OE23" s="345">
        <v>0</v>
      </c>
      <c r="OF23" s="345">
        <v>0</v>
      </c>
      <c r="OG23" s="349">
        <v>0</v>
      </c>
      <c r="OH23" s="350">
        <v>0</v>
      </c>
      <c r="OI23" s="348">
        <v>454468</v>
      </c>
      <c r="OJ23" s="345">
        <v>1067839</v>
      </c>
      <c r="OK23" s="346">
        <v>1522307</v>
      </c>
      <c r="OL23" s="351">
        <v>0</v>
      </c>
      <c r="OM23" s="345">
        <v>10366003</v>
      </c>
      <c r="ON23" s="345">
        <v>11891537</v>
      </c>
      <c r="OO23" s="345">
        <v>19264912</v>
      </c>
      <c r="OP23" s="345">
        <v>14649750</v>
      </c>
      <c r="OQ23" s="345">
        <v>8453279</v>
      </c>
      <c r="OR23" s="349">
        <v>64625481</v>
      </c>
      <c r="OS23" s="354">
        <v>66147788</v>
      </c>
    </row>
    <row r="24" spans="2:409" s="70" customFormat="1" ht="21" customHeight="1" x14ac:dyDescent="0.2">
      <c r="B24" s="410" t="s">
        <v>19</v>
      </c>
      <c r="C24" s="326">
        <v>337436</v>
      </c>
      <c r="D24" s="327">
        <v>543899</v>
      </c>
      <c r="E24" s="328">
        <v>881335</v>
      </c>
      <c r="F24" s="329">
        <v>0</v>
      </c>
      <c r="G24" s="327">
        <v>3231488</v>
      </c>
      <c r="H24" s="327">
        <v>3970735</v>
      </c>
      <c r="I24" s="327">
        <v>2722294</v>
      </c>
      <c r="J24" s="327">
        <v>2005713</v>
      </c>
      <c r="K24" s="327">
        <v>1617126</v>
      </c>
      <c r="L24" s="329">
        <v>13547356</v>
      </c>
      <c r="M24" s="330">
        <v>14428691</v>
      </c>
      <c r="N24" s="326">
        <v>52485</v>
      </c>
      <c r="O24" s="327">
        <v>182725</v>
      </c>
      <c r="P24" s="328">
        <v>235210</v>
      </c>
      <c r="Q24" s="326">
        <v>0</v>
      </c>
      <c r="R24" s="327">
        <v>1141739</v>
      </c>
      <c r="S24" s="327">
        <v>979185</v>
      </c>
      <c r="T24" s="327">
        <v>922996</v>
      </c>
      <c r="U24" s="327">
        <v>797937</v>
      </c>
      <c r="V24" s="327">
        <v>735636</v>
      </c>
      <c r="W24" s="328">
        <v>4577493</v>
      </c>
      <c r="X24" s="330">
        <v>4812703</v>
      </c>
      <c r="Y24" s="326">
        <v>0</v>
      </c>
      <c r="Z24" s="327">
        <v>0</v>
      </c>
      <c r="AA24" s="328">
        <v>0</v>
      </c>
      <c r="AB24" s="326">
        <v>0</v>
      </c>
      <c r="AC24" s="327">
        <v>365714</v>
      </c>
      <c r="AD24" s="327">
        <v>293994</v>
      </c>
      <c r="AE24" s="327">
        <v>399578</v>
      </c>
      <c r="AF24" s="327">
        <v>353740</v>
      </c>
      <c r="AG24" s="327">
        <v>143421</v>
      </c>
      <c r="AH24" s="328">
        <v>1556447</v>
      </c>
      <c r="AI24" s="330">
        <v>1556447</v>
      </c>
      <c r="AJ24" s="326">
        <v>0</v>
      </c>
      <c r="AK24" s="327">
        <v>0</v>
      </c>
      <c r="AL24" s="328">
        <v>0</v>
      </c>
      <c r="AM24" s="326">
        <v>0</v>
      </c>
      <c r="AN24" s="327">
        <v>0</v>
      </c>
      <c r="AO24" s="327">
        <v>0</v>
      </c>
      <c r="AP24" s="327">
        <v>73459</v>
      </c>
      <c r="AQ24" s="327">
        <v>95033</v>
      </c>
      <c r="AR24" s="327">
        <v>222028</v>
      </c>
      <c r="AS24" s="328">
        <v>390520</v>
      </c>
      <c r="AT24" s="330">
        <v>390520</v>
      </c>
      <c r="AU24" s="326">
        <v>25285</v>
      </c>
      <c r="AV24" s="327">
        <v>115253</v>
      </c>
      <c r="AW24" s="328">
        <v>140538</v>
      </c>
      <c r="AX24" s="326">
        <v>0</v>
      </c>
      <c r="AY24" s="327">
        <v>504915</v>
      </c>
      <c r="AZ24" s="327">
        <v>396243</v>
      </c>
      <c r="BA24" s="327">
        <v>246407</v>
      </c>
      <c r="BB24" s="327">
        <v>217730</v>
      </c>
      <c r="BC24" s="327">
        <v>207287</v>
      </c>
      <c r="BD24" s="328">
        <v>1572582</v>
      </c>
      <c r="BE24" s="330">
        <v>1713120</v>
      </c>
      <c r="BF24" s="326">
        <v>0</v>
      </c>
      <c r="BG24" s="327">
        <v>0</v>
      </c>
      <c r="BH24" s="331">
        <v>0</v>
      </c>
      <c r="BI24" s="332">
        <v>0</v>
      </c>
      <c r="BJ24" s="327">
        <v>35878</v>
      </c>
      <c r="BK24" s="327">
        <v>43828</v>
      </c>
      <c r="BL24" s="327">
        <v>0</v>
      </c>
      <c r="BM24" s="327">
        <v>27218</v>
      </c>
      <c r="BN24" s="327">
        <v>31700</v>
      </c>
      <c r="BO24" s="328">
        <v>138624</v>
      </c>
      <c r="BP24" s="330">
        <v>138624</v>
      </c>
      <c r="BQ24" s="326">
        <v>27200</v>
      </c>
      <c r="BR24" s="327">
        <v>67472</v>
      </c>
      <c r="BS24" s="328">
        <v>94672</v>
      </c>
      <c r="BT24" s="326">
        <v>0</v>
      </c>
      <c r="BU24" s="327">
        <v>235232</v>
      </c>
      <c r="BV24" s="327">
        <v>245120</v>
      </c>
      <c r="BW24" s="327">
        <v>203552</v>
      </c>
      <c r="BX24" s="327">
        <v>104216</v>
      </c>
      <c r="BY24" s="327">
        <v>131200</v>
      </c>
      <c r="BZ24" s="328">
        <v>919320</v>
      </c>
      <c r="CA24" s="330">
        <v>1013992</v>
      </c>
      <c r="CB24" s="326">
        <v>42089</v>
      </c>
      <c r="CC24" s="327">
        <v>81682</v>
      </c>
      <c r="CD24" s="328">
        <v>123771</v>
      </c>
      <c r="CE24" s="326">
        <v>0</v>
      </c>
      <c r="CF24" s="327">
        <v>996817</v>
      </c>
      <c r="CG24" s="327">
        <v>1354662</v>
      </c>
      <c r="CH24" s="327">
        <v>377030</v>
      </c>
      <c r="CI24" s="327">
        <v>41431</v>
      </c>
      <c r="CJ24" s="327">
        <v>67882</v>
      </c>
      <c r="CK24" s="328">
        <v>2837822</v>
      </c>
      <c r="CL24" s="330">
        <v>2961593</v>
      </c>
      <c r="CM24" s="326">
        <v>0</v>
      </c>
      <c r="CN24" s="327">
        <v>0</v>
      </c>
      <c r="CO24" s="328">
        <v>0</v>
      </c>
      <c r="CP24" s="332">
        <v>0</v>
      </c>
      <c r="CQ24" s="327">
        <v>683890</v>
      </c>
      <c r="CR24" s="327">
        <v>943735</v>
      </c>
      <c r="CS24" s="327">
        <v>159498</v>
      </c>
      <c r="CT24" s="327">
        <v>0</v>
      </c>
      <c r="CU24" s="327">
        <v>67882</v>
      </c>
      <c r="CV24" s="328">
        <v>1855005</v>
      </c>
      <c r="CW24" s="330">
        <v>1855005</v>
      </c>
      <c r="CX24" s="326">
        <v>42089</v>
      </c>
      <c r="CY24" s="327">
        <v>81682</v>
      </c>
      <c r="CZ24" s="328">
        <v>123771</v>
      </c>
      <c r="DA24" s="326">
        <v>0</v>
      </c>
      <c r="DB24" s="327">
        <v>312927</v>
      </c>
      <c r="DC24" s="327">
        <v>410927</v>
      </c>
      <c r="DD24" s="327">
        <v>217532</v>
      </c>
      <c r="DE24" s="327">
        <v>41431</v>
      </c>
      <c r="DF24" s="327">
        <v>0</v>
      </c>
      <c r="DG24" s="328">
        <v>982817</v>
      </c>
      <c r="DH24" s="330">
        <v>1106588</v>
      </c>
      <c r="DI24" s="326">
        <v>30425</v>
      </c>
      <c r="DJ24" s="327">
        <v>0</v>
      </c>
      <c r="DK24" s="331">
        <v>30425</v>
      </c>
      <c r="DL24" s="332">
        <v>0</v>
      </c>
      <c r="DM24" s="327">
        <v>0</v>
      </c>
      <c r="DN24" s="327">
        <v>123192</v>
      </c>
      <c r="DO24" s="327">
        <v>0</v>
      </c>
      <c r="DP24" s="327">
        <v>0</v>
      </c>
      <c r="DQ24" s="327">
        <v>0</v>
      </c>
      <c r="DR24" s="328">
        <v>123192</v>
      </c>
      <c r="DS24" s="330">
        <v>153617</v>
      </c>
      <c r="DT24" s="326">
        <v>30425</v>
      </c>
      <c r="DU24" s="327">
        <v>0</v>
      </c>
      <c r="DV24" s="328">
        <v>30425</v>
      </c>
      <c r="DW24" s="326">
        <v>0</v>
      </c>
      <c r="DX24" s="327">
        <v>0</v>
      </c>
      <c r="DY24" s="327">
        <v>17858</v>
      </c>
      <c r="DZ24" s="327">
        <v>0</v>
      </c>
      <c r="EA24" s="327">
        <v>0</v>
      </c>
      <c r="EB24" s="327">
        <v>0</v>
      </c>
      <c r="EC24" s="328">
        <v>17858</v>
      </c>
      <c r="ED24" s="330">
        <v>48283</v>
      </c>
      <c r="EE24" s="326">
        <v>0</v>
      </c>
      <c r="EF24" s="331">
        <v>0</v>
      </c>
      <c r="EG24" s="328">
        <v>0</v>
      </c>
      <c r="EH24" s="326">
        <v>0</v>
      </c>
      <c r="EI24" s="327">
        <v>0</v>
      </c>
      <c r="EJ24" s="327">
        <v>105334</v>
      </c>
      <c r="EK24" s="327">
        <v>0</v>
      </c>
      <c r="EL24" s="327">
        <v>0</v>
      </c>
      <c r="EM24" s="327">
        <v>0</v>
      </c>
      <c r="EN24" s="331">
        <v>105334</v>
      </c>
      <c r="EO24" s="330">
        <v>105334</v>
      </c>
      <c r="EP24" s="326">
        <v>0</v>
      </c>
      <c r="EQ24" s="327">
        <v>0</v>
      </c>
      <c r="ER24" s="331">
        <v>0</v>
      </c>
      <c r="ES24" s="332">
        <v>0</v>
      </c>
      <c r="ET24" s="327">
        <v>0</v>
      </c>
      <c r="EU24" s="327">
        <v>0</v>
      </c>
      <c r="EV24" s="327">
        <v>0</v>
      </c>
      <c r="EW24" s="327">
        <v>0</v>
      </c>
      <c r="EX24" s="327">
        <v>0</v>
      </c>
      <c r="EY24" s="328">
        <v>0</v>
      </c>
      <c r="EZ24" s="330">
        <v>0</v>
      </c>
      <c r="FA24" s="326">
        <v>0</v>
      </c>
      <c r="FB24" s="327">
        <v>0</v>
      </c>
      <c r="FC24" s="331">
        <v>0</v>
      </c>
      <c r="FD24" s="332">
        <v>0</v>
      </c>
      <c r="FE24" s="327">
        <v>0</v>
      </c>
      <c r="FF24" s="327">
        <v>0</v>
      </c>
      <c r="FG24" s="327">
        <v>0</v>
      </c>
      <c r="FH24" s="327">
        <v>0</v>
      </c>
      <c r="FI24" s="327">
        <v>0</v>
      </c>
      <c r="FJ24" s="328">
        <v>0</v>
      </c>
      <c r="FK24" s="330">
        <v>0</v>
      </c>
      <c r="FL24" s="326">
        <v>34560</v>
      </c>
      <c r="FM24" s="327">
        <v>59248</v>
      </c>
      <c r="FN24" s="328">
        <v>93808</v>
      </c>
      <c r="FO24" s="326">
        <v>0</v>
      </c>
      <c r="FP24" s="327">
        <v>267936</v>
      </c>
      <c r="FQ24" s="327">
        <v>408752</v>
      </c>
      <c r="FR24" s="327">
        <v>189448</v>
      </c>
      <c r="FS24" s="327">
        <v>286642</v>
      </c>
      <c r="FT24" s="327">
        <v>323680</v>
      </c>
      <c r="FU24" s="328">
        <v>1476458</v>
      </c>
      <c r="FV24" s="330">
        <v>1570266</v>
      </c>
      <c r="FW24" s="333">
        <v>34560</v>
      </c>
      <c r="FX24" s="327">
        <v>59248</v>
      </c>
      <c r="FY24" s="331">
        <v>93808</v>
      </c>
      <c r="FZ24" s="332">
        <v>0</v>
      </c>
      <c r="GA24" s="327">
        <v>227632</v>
      </c>
      <c r="GB24" s="327">
        <v>408752</v>
      </c>
      <c r="GC24" s="327">
        <v>163048</v>
      </c>
      <c r="GD24" s="327">
        <v>154280</v>
      </c>
      <c r="GE24" s="327">
        <v>205600</v>
      </c>
      <c r="GF24" s="328">
        <v>1159312</v>
      </c>
      <c r="GG24" s="334">
        <v>1253120</v>
      </c>
      <c r="GH24" s="333">
        <v>0</v>
      </c>
      <c r="GI24" s="327">
        <v>0</v>
      </c>
      <c r="GJ24" s="331">
        <v>0</v>
      </c>
      <c r="GK24" s="332">
        <v>0</v>
      </c>
      <c r="GL24" s="327">
        <v>40304</v>
      </c>
      <c r="GM24" s="327">
        <v>0</v>
      </c>
      <c r="GN24" s="327">
        <v>26400</v>
      </c>
      <c r="GO24" s="327">
        <v>0</v>
      </c>
      <c r="GP24" s="327">
        <v>0</v>
      </c>
      <c r="GQ24" s="328">
        <v>66704</v>
      </c>
      <c r="GR24" s="330">
        <v>66704</v>
      </c>
      <c r="GS24" s="326">
        <v>0</v>
      </c>
      <c r="GT24" s="327">
        <v>0</v>
      </c>
      <c r="GU24" s="328">
        <v>0</v>
      </c>
      <c r="GV24" s="326">
        <v>0</v>
      </c>
      <c r="GW24" s="327">
        <v>0</v>
      </c>
      <c r="GX24" s="327">
        <v>0</v>
      </c>
      <c r="GY24" s="327">
        <v>0</v>
      </c>
      <c r="GZ24" s="327">
        <v>132362</v>
      </c>
      <c r="HA24" s="327">
        <v>118080</v>
      </c>
      <c r="HB24" s="331">
        <v>250442</v>
      </c>
      <c r="HC24" s="330">
        <v>250442</v>
      </c>
      <c r="HD24" s="326">
        <v>177877</v>
      </c>
      <c r="HE24" s="327">
        <v>220244</v>
      </c>
      <c r="HF24" s="331">
        <v>398121</v>
      </c>
      <c r="HG24" s="332">
        <v>0</v>
      </c>
      <c r="HH24" s="327">
        <v>824996</v>
      </c>
      <c r="HI24" s="327">
        <v>1104944</v>
      </c>
      <c r="HJ24" s="327">
        <v>1232820</v>
      </c>
      <c r="HK24" s="327">
        <v>879703</v>
      </c>
      <c r="HL24" s="327">
        <v>489928</v>
      </c>
      <c r="HM24" s="328">
        <v>4532391</v>
      </c>
      <c r="HN24" s="329">
        <v>4930512</v>
      </c>
      <c r="HO24" s="333">
        <v>0</v>
      </c>
      <c r="HP24" s="327">
        <v>0</v>
      </c>
      <c r="HQ24" s="328">
        <v>0</v>
      </c>
      <c r="HR24" s="326">
        <v>0</v>
      </c>
      <c r="HS24" s="327">
        <v>0</v>
      </c>
      <c r="HT24" s="327">
        <v>0</v>
      </c>
      <c r="HU24" s="327">
        <v>0</v>
      </c>
      <c r="HV24" s="327">
        <v>0</v>
      </c>
      <c r="HW24" s="327">
        <v>0</v>
      </c>
      <c r="HX24" s="331">
        <v>0</v>
      </c>
      <c r="HY24" s="330">
        <v>0</v>
      </c>
      <c r="HZ24" s="358">
        <v>0</v>
      </c>
      <c r="IA24" s="356">
        <v>0</v>
      </c>
      <c r="IB24" s="358">
        <v>0</v>
      </c>
      <c r="IC24" s="355">
        <v>0</v>
      </c>
      <c r="ID24" s="356">
        <v>1164075</v>
      </c>
      <c r="IE24" s="357">
        <v>1020697</v>
      </c>
      <c r="IF24" s="358">
        <v>1515546</v>
      </c>
      <c r="IG24" s="356">
        <v>0</v>
      </c>
      <c r="IH24" s="358">
        <v>1657858</v>
      </c>
      <c r="II24" s="359">
        <v>5358176</v>
      </c>
      <c r="IJ24" s="358">
        <v>5358176</v>
      </c>
      <c r="IK24" s="342">
        <v>0</v>
      </c>
      <c r="IL24" s="343">
        <v>0</v>
      </c>
      <c r="IM24" s="344">
        <v>0</v>
      </c>
      <c r="IN24" s="404">
        <v>0</v>
      </c>
      <c r="IO24" s="345">
        <v>0</v>
      </c>
      <c r="IP24" s="345">
        <v>0</v>
      </c>
      <c r="IQ24" s="345">
        <v>0</v>
      </c>
      <c r="IR24" s="345">
        <v>0</v>
      </c>
      <c r="IS24" s="345">
        <v>250756</v>
      </c>
      <c r="IT24" s="346">
        <v>250756</v>
      </c>
      <c r="IU24" s="347">
        <v>250756</v>
      </c>
      <c r="IV24" s="348">
        <v>0</v>
      </c>
      <c r="IW24" s="345">
        <v>0</v>
      </c>
      <c r="IX24" s="349">
        <v>0</v>
      </c>
      <c r="IY24" s="404">
        <v>0</v>
      </c>
      <c r="IZ24" s="345">
        <v>0</v>
      </c>
      <c r="JA24" s="345">
        <v>0</v>
      </c>
      <c r="JB24" s="345">
        <v>0</v>
      </c>
      <c r="JC24" s="345">
        <v>0</v>
      </c>
      <c r="JD24" s="345">
        <v>0</v>
      </c>
      <c r="JE24" s="349">
        <v>0</v>
      </c>
      <c r="JF24" s="350">
        <v>0</v>
      </c>
      <c r="JG24" s="348">
        <v>0</v>
      </c>
      <c r="JH24" s="345">
        <v>0</v>
      </c>
      <c r="JI24" s="346">
        <v>0</v>
      </c>
      <c r="JJ24" s="351">
        <v>0</v>
      </c>
      <c r="JK24" s="345">
        <v>546214</v>
      </c>
      <c r="JL24" s="345">
        <v>235366</v>
      </c>
      <c r="JM24" s="345">
        <v>25188</v>
      </c>
      <c r="JN24" s="345">
        <v>0</v>
      </c>
      <c r="JO24" s="345">
        <v>0</v>
      </c>
      <c r="JP24" s="349">
        <v>806768</v>
      </c>
      <c r="JQ24" s="347">
        <v>806768</v>
      </c>
      <c r="JR24" s="348">
        <v>0</v>
      </c>
      <c r="JS24" s="345">
        <v>0</v>
      </c>
      <c r="JT24" s="346">
        <v>0</v>
      </c>
      <c r="JU24" s="351">
        <v>0</v>
      </c>
      <c r="JV24" s="345">
        <v>102493</v>
      </c>
      <c r="JW24" s="345">
        <v>94536</v>
      </c>
      <c r="JX24" s="345">
        <v>172319</v>
      </c>
      <c r="JY24" s="345">
        <v>0</v>
      </c>
      <c r="JZ24" s="345">
        <v>0</v>
      </c>
      <c r="KA24" s="349">
        <v>369348</v>
      </c>
      <c r="KB24" s="347">
        <v>369348</v>
      </c>
      <c r="KC24" s="352">
        <v>0</v>
      </c>
      <c r="KD24" s="353">
        <v>0</v>
      </c>
      <c r="KE24" s="349">
        <v>0</v>
      </c>
      <c r="KF24" s="351">
        <v>0</v>
      </c>
      <c r="KG24" s="345">
        <v>278898</v>
      </c>
      <c r="KH24" s="345">
        <v>186287</v>
      </c>
      <c r="KI24" s="345">
        <v>1164935</v>
      </c>
      <c r="KJ24" s="345">
        <v>0</v>
      </c>
      <c r="KK24" s="345">
        <v>0</v>
      </c>
      <c r="KL24" s="349">
        <v>1630120</v>
      </c>
      <c r="KM24" s="354">
        <v>1630120</v>
      </c>
      <c r="KN24" s="342">
        <v>0</v>
      </c>
      <c r="KO24" s="343">
        <v>0</v>
      </c>
      <c r="KP24" s="344">
        <v>0</v>
      </c>
      <c r="KQ24" s="404">
        <v>0</v>
      </c>
      <c r="KR24" s="345">
        <v>236470</v>
      </c>
      <c r="KS24" s="345">
        <v>504508</v>
      </c>
      <c r="KT24" s="345">
        <v>153104</v>
      </c>
      <c r="KU24" s="345">
        <v>0</v>
      </c>
      <c r="KV24" s="345">
        <v>540230</v>
      </c>
      <c r="KW24" s="349">
        <v>1434312</v>
      </c>
      <c r="KX24" s="347">
        <v>1434312</v>
      </c>
      <c r="KY24" s="348">
        <v>0</v>
      </c>
      <c r="KZ24" s="345">
        <v>0</v>
      </c>
      <c r="LA24" s="349">
        <v>0</v>
      </c>
      <c r="LB24" s="404">
        <v>0</v>
      </c>
      <c r="LC24" s="345">
        <v>0</v>
      </c>
      <c r="LD24" s="345">
        <v>0</v>
      </c>
      <c r="LE24" s="345">
        <v>0</v>
      </c>
      <c r="LF24" s="345">
        <v>0</v>
      </c>
      <c r="LG24" s="345">
        <v>0</v>
      </c>
      <c r="LH24" s="349">
        <v>0</v>
      </c>
      <c r="LI24" s="350">
        <v>0</v>
      </c>
      <c r="LJ24" s="348">
        <v>0</v>
      </c>
      <c r="LK24" s="345">
        <v>0</v>
      </c>
      <c r="LL24" s="349">
        <v>0</v>
      </c>
      <c r="LM24" s="404">
        <v>0</v>
      </c>
      <c r="LN24" s="345">
        <v>0</v>
      </c>
      <c r="LO24" s="345">
        <v>0</v>
      </c>
      <c r="LP24" s="345">
        <v>0</v>
      </c>
      <c r="LQ24" s="345">
        <v>0</v>
      </c>
      <c r="LR24" s="345">
        <v>0</v>
      </c>
      <c r="LS24" s="349">
        <v>0</v>
      </c>
      <c r="LT24" s="347">
        <v>0</v>
      </c>
      <c r="LU24" s="348">
        <v>0</v>
      </c>
      <c r="LV24" s="345">
        <v>0</v>
      </c>
      <c r="LW24" s="349">
        <v>0</v>
      </c>
      <c r="LX24" s="404">
        <v>0</v>
      </c>
      <c r="LY24" s="345">
        <v>0</v>
      </c>
      <c r="LZ24" s="345">
        <v>0</v>
      </c>
      <c r="MA24" s="345">
        <v>0</v>
      </c>
      <c r="MB24" s="345">
        <v>0</v>
      </c>
      <c r="MC24" s="345">
        <v>866872</v>
      </c>
      <c r="MD24" s="349">
        <v>866872</v>
      </c>
      <c r="ME24" s="350">
        <v>866872</v>
      </c>
      <c r="MF24" s="348">
        <v>0</v>
      </c>
      <c r="MG24" s="345">
        <v>0</v>
      </c>
      <c r="MH24" s="349">
        <v>0</v>
      </c>
      <c r="MI24" s="404">
        <v>0</v>
      </c>
      <c r="MJ24" s="345">
        <v>491914</v>
      </c>
      <c r="MK24" s="345">
        <v>557722</v>
      </c>
      <c r="ML24" s="345">
        <v>1871600</v>
      </c>
      <c r="MM24" s="345">
        <v>3073984</v>
      </c>
      <c r="MN24" s="345">
        <v>1983856</v>
      </c>
      <c r="MO24" s="349">
        <v>7979076</v>
      </c>
      <c r="MP24" s="354">
        <v>7979076</v>
      </c>
      <c r="MQ24" s="348">
        <v>0</v>
      </c>
      <c r="MR24" s="345">
        <v>0</v>
      </c>
      <c r="MS24" s="349">
        <v>0</v>
      </c>
      <c r="MT24" s="404">
        <v>0</v>
      </c>
      <c r="MU24" s="345">
        <v>0</v>
      </c>
      <c r="MV24" s="345">
        <v>0</v>
      </c>
      <c r="MW24" s="345">
        <v>1275617</v>
      </c>
      <c r="MX24" s="345">
        <v>1546461</v>
      </c>
      <c r="MY24" s="345">
        <v>1499079</v>
      </c>
      <c r="MZ24" s="349">
        <v>4321157</v>
      </c>
      <c r="NA24" s="354">
        <v>4321157</v>
      </c>
      <c r="NB24" s="348">
        <v>0</v>
      </c>
      <c r="NC24" s="345">
        <v>0</v>
      </c>
      <c r="ND24" s="349">
        <v>0</v>
      </c>
      <c r="NE24" s="404">
        <v>0</v>
      </c>
      <c r="NF24" s="345">
        <v>491914</v>
      </c>
      <c r="NG24" s="345">
        <v>557722</v>
      </c>
      <c r="NH24" s="345">
        <v>595983</v>
      </c>
      <c r="NI24" s="345">
        <v>1527523</v>
      </c>
      <c r="NJ24" s="345">
        <v>484777</v>
      </c>
      <c r="NK24" s="349">
        <v>3657919</v>
      </c>
      <c r="NL24" s="347">
        <v>3657919</v>
      </c>
      <c r="NM24" s="348">
        <v>0</v>
      </c>
      <c r="NN24" s="345">
        <v>0</v>
      </c>
      <c r="NO24" s="349">
        <v>0</v>
      </c>
      <c r="NP24" s="404">
        <v>0</v>
      </c>
      <c r="NQ24" s="345">
        <v>0</v>
      </c>
      <c r="NR24" s="345">
        <v>0</v>
      </c>
      <c r="NS24" s="345">
        <v>0</v>
      </c>
      <c r="NT24" s="345">
        <v>0</v>
      </c>
      <c r="NU24" s="345">
        <v>0</v>
      </c>
      <c r="NV24" s="349">
        <v>0</v>
      </c>
      <c r="NW24" s="350">
        <v>0</v>
      </c>
      <c r="NX24" s="348">
        <v>0</v>
      </c>
      <c r="NY24" s="345">
        <v>0</v>
      </c>
      <c r="NZ24" s="349">
        <v>0</v>
      </c>
      <c r="OA24" s="404">
        <v>0</v>
      </c>
      <c r="OB24" s="345">
        <v>0</v>
      </c>
      <c r="OC24" s="345">
        <v>0</v>
      </c>
      <c r="OD24" s="345">
        <v>0</v>
      </c>
      <c r="OE24" s="345">
        <v>0</v>
      </c>
      <c r="OF24" s="345">
        <v>0</v>
      </c>
      <c r="OG24" s="349">
        <v>0</v>
      </c>
      <c r="OH24" s="350">
        <v>0</v>
      </c>
      <c r="OI24" s="348">
        <v>337436</v>
      </c>
      <c r="OJ24" s="345">
        <v>543899</v>
      </c>
      <c r="OK24" s="346">
        <v>881335</v>
      </c>
      <c r="OL24" s="351">
        <v>0</v>
      </c>
      <c r="OM24" s="345">
        <v>4887477</v>
      </c>
      <c r="ON24" s="345">
        <v>5549154</v>
      </c>
      <c r="OO24" s="345">
        <v>6109440</v>
      </c>
      <c r="OP24" s="345">
        <v>5079697</v>
      </c>
      <c r="OQ24" s="345">
        <v>5258840</v>
      </c>
      <c r="OR24" s="349">
        <v>26884608</v>
      </c>
      <c r="OS24" s="354">
        <v>27765943</v>
      </c>
    </row>
    <row r="25" spans="2:409" s="70" customFormat="1" ht="21" customHeight="1" x14ac:dyDescent="0.2">
      <c r="B25" s="410" t="s">
        <v>20</v>
      </c>
      <c r="C25" s="326">
        <v>292906</v>
      </c>
      <c r="D25" s="327">
        <v>694000</v>
      </c>
      <c r="E25" s="328">
        <v>986906</v>
      </c>
      <c r="F25" s="326">
        <v>0</v>
      </c>
      <c r="G25" s="327">
        <v>6359191</v>
      </c>
      <c r="H25" s="327">
        <v>4394092</v>
      </c>
      <c r="I25" s="327">
        <v>5588863</v>
      </c>
      <c r="J25" s="327">
        <v>5245959</v>
      </c>
      <c r="K25" s="327">
        <v>2079828</v>
      </c>
      <c r="L25" s="367">
        <v>23667933</v>
      </c>
      <c r="M25" s="330">
        <v>24654839</v>
      </c>
      <c r="N25" s="326">
        <v>135958</v>
      </c>
      <c r="O25" s="327">
        <v>273516</v>
      </c>
      <c r="P25" s="328">
        <v>409474</v>
      </c>
      <c r="Q25" s="326">
        <v>0</v>
      </c>
      <c r="R25" s="327">
        <v>1921691</v>
      </c>
      <c r="S25" s="327">
        <v>2052102</v>
      </c>
      <c r="T25" s="327">
        <v>1541951</v>
      </c>
      <c r="U25" s="327">
        <v>2124501</v>
      </c>
      <c r="V25" s="327">
        <v>992829</v>
      </c>
      <c r="W25" s="328">
        <v>8633074</v>
      </c>
      <c r="X25" s="330">
        <v>9042548</v>
      </c>
      <c r="Y25" s="326">
        <v>0</v>
      </c>
      <c r="Z25" s="327">
        <v>0</v>
      </c>
      <c r="AA25" s="328">
        <v>0</v>
      </c>
      <c r="AB25" s="326">
        <v>0</v>
      </c>
      <c r="AC25" s="327">
        <v>1026984</v>
      </c>
      <c r="AD25" s="327">
        <v>713191</v>
      </c>
      <c r="AE25" s="327">
        <v>580815</v>
      </c>
      <c r="AF25" s="327">
        <v>1475325</v>
      </c>
      <c r="AG25" s="327">
        <v>595372</v>
      </c>
      <c r="AH25" s="328">
        <v>4391687</v>
      </c>
      <c r="AI25" s="330">
        <v>4391687</v>
      </c>
      <c r="AJ25" s="326">
        <v>0</v>
      </c>
      <c r="AK25" s="327">
        <v>0</v>
      </c>
      <c r="AL25" s="328">
        <v>0</v>
      </c>
      <c r="AM25" s="326">
        <v>0</v>
      </c>
      <c r="AN25" s="327">
        <v>0</v>
      </c>
      <c r="AO25" s="327">
        <v>0</v>
      </c>
      <c r="AP25" s="327">
        <v>0</v>
      </c>
      <c r="AQ25" s="327">
        <v>108096</v>
      </c>
      <c r="AR25" s="327">
        <v>94880</v>
      </c>
      <c r="AS25" s="328">
        <v>202976</v>
      </c>
      <c r="AT25" s="330">
        <v>202976</v>
      </c>
      <c r="AU25" s="326">
        <v>86382</v>
      </c>
      <c r="AV25" s="327">
        <v>126192</v>
      </c>
      <c r="AW25" s="328">
        <v>212574</v>
      </c>
      <c r="AX25" s="326">
        <v>0</v>
      </c>
      <c r="AY25" s="327">
        <v>621969</v>
      </c>
      <c r="AZ25" s="327">
        <v>966003</v>
      </c>
      <c r="BA25" s="327">
        <v>432489</v>
      </c>
      <c r="BB25" s="327">
        <v>206977</v>
      </c>
      <c r="BC25" s="327">
        <v>191129</v>
      </c>
      <c r="BD25" s="328">
        <v>2418567</v>
      </c>
      <c r="BE25" s="330">
        <v>2631141</v>
      </c>
      <c r="BF25" s="326">
        <v>39944</v>
      </c>
      <c r="BG25" s="327">
        <v>99740</v>
      </c>
      <c r="BH25" s="331">
        <v>139684</v>
      </c>
      <c r="BI25" s="332">
        <v>0</v>
      </c>
      <c r="BJ25" s="327">
        <v>45034</v>
      </c>
      <c r="BK25" s="327">
        <v>216204</v>
      </c>
      <c r="BL25" s="327">
        <v>207647</v>
      </c>
      <c r="BM25" s="327">
        <v>44071</v>
      </c>
      <c r="BN25" s="327">
        <v>0</v>
      </c>
      <c r="BO25" s="328">
        <v>512956</v>
      </c>
      <c r="BP25" s="330">
        <v>652640</v>
      </c>
      <c r="BQ25" s="326">
        <v>9632</v>
      </c>
      <c r="BR25" s="327">
        <v>47584</v>
      </c>
      <c r="BS25" s="328">
        <v>57216</v>
      </c>
      <c r="BT25" s="326">
        <v>0</v>
      </c>
      <c r="BU25" s="327">
        <v>227704</v>
      </c>
      <c r="BV25" s="327">
        <v>156704</v>
      </c>
      <c r="BW25" s="327">
        <v>321000</v>
      </c>
      <c r="BX25" s="327">
        <v>290032</v>
      </c>
      <c r="BY25" s="327">
        <v>111448</v>
      </c>
      <c r="BZ25" s="328">
        <v>1106888</v>
      </c>
      <c r="CA25" s="330">
        <v>1164104</v>
      </c>
      <c r="CB25" s="326">
        <v>42229</v>
      </c>
      <c r="CC25" s="327">
        <v>0</v>
      </c>
      <c r="CD25" s="328">
        <v>42229</v>
      </c>
      <c r="CE25" s="326">
        <v>0</v>
      </c>
      <c r="CF25" s="327">
        <v>2694975</v>
      </c>
      <c r="CG25" s="327">
        <v>1806977</v>
      </c>
      <c r="CH25" s="327">
        <v>1312197</v>
      </c>
      <c r="CI25" s="327">
        <v>464187</v>
      </c>
      <c r="CJ25" s="327">
        <v>63796</v>
      </c>
      <c r="CK25" s="328">
        <v>6342132</v>
      </c>
      <c r="CL25" s="330">
        <v>6384361</v>
      </c>
      <c r="CM25" s="326">
        <v>0</v>
      </c>
      <c r="CN25" s="327">
        <v>0</v>
      </c>
      <c r="CO25" s="328">
        <v>0</v>
      </c>
      <c r="CP25" s="332">
        <v>0</v>
      </c>
      <c r="CQ25" s="327">
        <v>1852117</v>
      </c>
      <c r="CR25" s="327">
        <v>1344032</v>
      </c>
      <c r="CS25" s="327">
        <v>986413</v>
      </c>
      <c r="CT25" s="327">
        <v>308877</v>
      </c>
      <c r="CU25" s="327">
        <v>42630</v>
      </c>
      <c r="CV25" s="328">
        <v>4534069</v>
      </c>
      <c r="CW25" s="330">
        <v>4534069</v>
      </c>
      <c r="CX25" s="326">
        <v>42229</v>
      </c>
      <c r="CY25" s="327">
        <v>0</v>
      </c>
      <c r="CZ25" s="328">
        <v>42229</v>
      </c>
      <c r="DA25" s="326">
        <v>0</v>
      </c>
      <c r="DB25" s="327">
        <v>842858</v>
      </c>
      <c r="DC25" s="327">
        <v>462945</v>
      </c>
      <c r="DD25" s="327">
        <v>325784</v>
      </c>
      <c r="DE25" s="327">
        <v>155310</v>
      </c>
      <c r="DF25" s="327">
        <v>21166</v>
      </c>
      <c r="DG25" s="328">
        <v>1808063</v>
      </c>
      <c r="DH25" s="330">
        <v>1850292</v>
      </c>
      <c r="DI25" s="326">
        <v>0</v>
      </c>
      <c r="DJ25" s="327">
        <v>0</v>
      </c>
      <c r="DK25" s="331">
        <v>0</v>
      </c>
      <c r="DL25" s="332">
        <v>0</v>
      </c>
      <c r="DM25" s="327">
        <v>581105</v>
      </c>
      <c r="DN25" s="327">
        <v>81997</v>
      </c>
      <c r="DO25" s="327">
        <v>537600</v>
      </c>
      <c r="DP25" s="327">
        <v>914491</v>
      </c>
      <c r="DQ25" s="327">
        <v>361328</v>
      </c>
      <c r="DR25" s="328">
        <v>2476521</v>
      </c>
      <c r="DS25" s="330">
        <v>2476521</v>
      </c>
      <c r="DT25" s="326">
        <v>0</v>
      </c>
      <c r="DU25" s="327">
        <v>0</v>
      </c>
      <c r="DV25" s="328">
        <v>0</v>
      </c>
      <c r="DW25" s="326">
        <v>0</v>
      </c>
      <c r="DX25" s="327">
        <v>581105</v>
      </c>
      <c r="DY25" s="327">
        <v>61643</v>
      </c>
      <c r="DZ25" s="327">
        <v>477489</v>
      </c>
      <c r="EA25" s="327">
        <v>765120</v>
      </c>
      <c r="EB25" s="327">
        <v>361328</v>
      </c>
      <c r="EC25" s="328">
        <v>2246685</v>
      </c>
      <c r="ED25" s="330">
        <v>2246685</v>
      </c>
      <c r="EE25" s="326">
        <v>0</v>
      </c>
      <c r="EF25" s="331">
        <v>0</v>
      </c>
      <c r="EG25" s="328">
        <v>0</v>
      </c>
      <c r="EH25" s="326">
        <v>0</v>
      </c>
      <c r="EI25" s="327">
        <v>0</v>
      </c>
      <c r="EJ25" s="327">
        <v>20354</v>
      </c>
      <c r="EK25" s="327">
        <v>60111</v>
      </c>
      <c r="EL25" s="327">
        <v>149371</v>
      </c>
      <c r="EM25" s="327">
        <v>0</v>
      </c>
      <c r="EN25" s="331">
        <v>229836</v>
      </c>
      <c r="EO25" s="330">
        <v>229836</v>
      </c>
      <c r="EP25" s="326">
        <v>0</v>
      </c>
      <c r="EQ25" s="327">
        <v>0</v>
      </c>
      <c r="ER25" s="331">
        <v>0</v>
      </c>
      <c r="ES25" s="332">
        <v>0</v>
      </c>
      <c r="ET25" s="327">
        <v>0</v>
      </c>
      <c r="EU25" s="327">
        <v>0</v>
      </c>
      <c r="EV25" s="327">
        <v>0</v>
      </c>
      <c r="EW25" s="327">
        <v>0</v>
      </c>
      <c r="EX25" s="327">
        <v>0</v>
      </c>
      <c r="EY25" s="328">
        <v>0</v>
      </c>
      <c r="EZ25" s="330">
        <v>0</v>
      </c>
      <c r="FA25" s="326">
        <v>0</v>
      </c>
      <c r="FB25" s="327">
        <v>0</v>
      </c>
      <c r="FC25" s="331">
        <v>0</v>
      </c>
      <c r="FD25" s="332">
        <v>0</v>
      </c>
      <c r="FE25" s="327">
        <v>0</v>
      </c>
      <c r="FF25" s="327">
        <v>0</v>
      </c>
      <c r="FG25" s="327">
        <v>0</v>
      </c>
      <c r="FH25" s="327">
        <v>0</v>
      </c>
      <c r="FI25" s="327">
        <v>0</v>
      </c>
      <c r="FJ25" s="328">
        <v>0</v>
      </c>
      <c r="FK25" s="330">
        <v>0</v>
      </c>
      <c r="FL25" s="326">
        <v>60104</v>
      </c>
      <c r="FM25" s="327">
        <v>224544</v>
      </c>
      <c r="FN25" s="328">
        <v>284648</v>
      </c>
      <c r="FO25" s="326">
        <v>0</v>
      </c>
      <c r="FP25" s="327">
        <v>326808</v>
      </c>
      <c r="FQ25" s="327">
        <v>453016</v>
      </c>
      <c r="FR25" s="327">
        <v>353968</v>
      </c>
      <c r="FS25" s="327">
        <v>216064</v>
      </c>
      <c r="FT25" s="327">
        <v>172064</v>
      </c>
      <c r="FU25" s="328">
        <v>1521920</v>
      </c>
      <c r="FV25" s="330">
        <v>1806568</v>
      </c>
      <c r="FW25" s="333">
        <v>60104</v>
      </c>
      <c r="FX25" s="327">
        <v>109664</v>
      </c>
      <c r="FY25" s="331">
        <v>169768</v>
      </c>
      <c r="FZ25" s="332">
        <v>0</v>
      </c>
      <c r="GA25" s="327">
        <v>316888</v>
      </c>
      <c r="GB25" s="327">
        <v>438616</v>
      </c>
      <c r="GC25" s="327">
        <v>348848</v>
      </c>
      <c r="GD25" s="327">
        <v>216064</v>
      </c>
      <c r="GE25" s="327">
        <v>149888</v>
      </c>
      <c r="GF25" s="328">
        <v>1470304</v>
      </c>
      <c r="GG25" s="334">
        <v>1640072</v>
      </c>
      <c r="GH25" s="333">
        <v>0</v>
      </c>
      <c r="GI25" s="327">
        <v>0</v>
      </c>
      <c r="GJ25" s="331">
        <v>0</v>
      </c>
      <c r="GK25" s="332">
        <v>0</v>
      </c>
      <c r="GL25" s="327">
        <v>9920</v>
      </c>
      <c r="GM25" s="327">
        <v>14400</v>
      </c>
      <c r="GN25" s="327">
        <v>5120</v>
      </c>
      <c r="GO25" s="327">
        <v>0</v>
      </c>
      <c r="GP25" s="327">
        <v>22176</v>
      </c>
      <c r="GQ25" s="328">
        <v>51616</v>
      </c>
      <c r="GR25" s="330">
        <v>51616</v>
      </c>
      <c r="GS25" s="326">
        <v>0</v>
      </c>
      <c r="GT25" s="327">
        <v>114880</v>
      </c>
      <c r="GU25" s="328">
        <v>114880</v>
      </c>
      <c r="GV25" s="326">
        <v>0</v>
      </c>
      <c r="GW25" s="327">
        <v>0</v>
      </c>
      <c r="GX25" s="327">
        <v>0</v>
      </c>
      <c r="GY25" s="327">
        <v>0</v>
      </c>
      <c r="GZ25" s="327">
        <v>0</v>
      </c>
      <c r="HA25" s="327">
        <v>0</v>
      </c>
      <c r="HB25" s="331">
        <v>0</v>
      </c>
      <c r="HC25" s="330">
        <v>114880</v>
      </c>
      <c r="HD25" s="326">
        <v>54615</v>
      </c>
      <c r="HE25" s="327">
        <v>195940</v>
      </c>
      <c r="HF25" s="331">
        <v>250555</v>
      </c>
      <c r="HG25" s="332">
        <v>0</v>
      </c>
      <c r="HH25" s="327">
        <v>834612</v>
      </c>
      <c r="HI25" s="327">
        <v>0</v>
      </c>
      <c r="HJ25" s="327">
        <v>1843147</v>
      </c>
      <c r="HK25" s="327">
        <v>1526716</v>
      </c>
      <c r="HL25" s="327">
        <v>489811</v>
      </c>
      <c r="HM25" s="328">
        <v>4694286</v>
      </c>
      <c r="HN25" s="329">
        <v>4944841</v>
      </c>
      <c r="HO25" s="333">
        <v>0</v>
      </c>
      <c r="HP25" s="327">
        <v>0</v>
      </c>
      <c r="HQ25" s="328">
        <v>0</v>
      </c>
      <c r="HR25" s="326">
        <v>0</v>
      </c>
      <c r="HS25" s="327">
        <v>0</v>
      </c>
      <c r="HT25" s="327">
        <v>0</v>
      </c>
      <c r="HU25" s="327">
        <v>0</v>
      </c>
      <c r="HV25" s="327">
        <v>0</v>
      </c>
      <c r="HW25" s="327">
        <v>0</v>
      </c>
      <c r="HX25" s="331">
        <v>0</v>
      </c>
      <c r="HY25" s="330">
        <v>0</v>
      </c>
      <c r="HZ25" s="335">
        <v>0</v>
      </c>
      <c r="IA25" s="336">
        <v>0</v>
      </c>
      <c r="IB25" s="337">
        <v>0</v>
      </c>
      <c r="IC25" s="338">
        <v>0</v>
      </c>
      <c r="ID25" s="336">
        <v>644772</v>
      </c>
      <c r="IE25" s="339">
        <v>1348940</v>
      </c>
      <c r="IF25" s="337">
        <v>1894446</v>
      </c>
      <c r="IG25" s="336">
        <v>348493</v>
      </c>
      <c r="IH25" s="337">
        <v>12344</v>
      </c>
      <c r="II25" s="340">
        <v>4248995</v>
      </c>
      <c r="IJ25" s="341">
        <v>4248995</v>
      </c>
      <c r="IK25" s="342">
        <v>0</v>
      </c>
      <c r="IL25" s="343">
        <v>0</v>
      </c>
      <c r="IM25" s="344">
        <v>0</v>
      </c>
      <c r="IN25" s="404">
        <v>0</v>
      </c>
      <c r="IO25" s="345">
        <v>0</v>
      </c>
      <c r="IP25" s="345">
        <v>0</v>
      </c>
      <c r="IQ25" s="345">
        <v>0</v>
      </c>
      <c r="IR25" s="345">
        <v>0</v>
      </c>
      <c r="IS25" s="345">
        <v>0</v>
      </c>
      <c r="IT25" s="346">
        <v>0</v>
      </c>
      <c r="IU25" s="347">
        <v>0</v>
      </c>
      <c r="IV25" s="348">
        <v>0</v>
      </c>
      <c r="IW25" s="345">
        <v>0</v>
      </c>
      <c r="IX25" s="349">
        <v>0</v>
      </c>
      <c r="IY25" s="404">
        <v>0</v>
      </c>
      <c r="IZ25" s="345">
        <v>0</v>
      </c>
      <c r="JA25" s="345">
        <v>0</v>
      </c>
      <c r="JB25" s="345">
        <v>0</v>
      </c>
      <c r="JC25" s="345">
        <v>0</v>
      </c>
      <c r="JD25" s="345">
        <v>0</v>
      </c>
      <c r="JE25" s="349">
        <v>0</v>
      </c>
      <c r="JF25" s="350">
        <v>0</v>
      </c>
      <c r="JG25" s="348">
        <v>0</v>
      </c>
      <c r="JH25" s="345">
        <v>0</v>
      </c>
      <c r="JI25" s="346">
        <v>0</v>
      </c>
      <c r="JJ25" s="351">
        <v>0</v>
      </c>
      <c r="JK25" s="345">
        <v>644772</v>
      </c>
      <c r="JL25" s="345">
        <v>1094514</v>
      </c>
      <c r="JM25" s="345">
        <v>318549</v>
      </c>
      <c r="JN25" s="345">
        <v>52126</v>
      </c>
      <c r="JO25" s="345">
        <v>12344</v>
      </c>
      <c r="JP25" s="349">
        <v>2122305</v>
      </c>
      <c r="JQ25" s="347">
        <v>2122305</v>
      </c>
      <c r="JR25" s="348">
        <v>0</v>
      </c>
      <c r="JS25" s="345">
        <v>0</v>
      </c>
      <c r="JT25" s="346">
        <v>0</v>
      </c>
      <c r="JU25" s="351">
        <v>0</v>
      </c>
      <c r="JV25" s="345">
        <v>0</v>
      </c>
      <c r="JW25" s="345">
        <v>0</v>
      </c>
      <c r="JX25" s="345">
        <v>0</v>
      </c>
      <c r="JY25" s="345">
        <v>21831</v>
      </c>
      <c r="JZ25" s="345">
        <v>0</v>
      </c>
      <c r="KA25" s="349">
        <v>21831</v>
      </c>
      <c r="KB25" s="347">
        <v>21831</v>
      </c>
      <c r="KC25" s="352">
        <v>0</v>
      </c>
      <c r="KD25" s="353">
        <v>0</v>
      </c>
      <c r="KE25" s="349">
        <v>0</v>
      </c>
      <c r="KF25" s="351">
        <v>0</v>
      </c>
      <c r="KG25" s="345">
        <v>0</v>
      </c>
      <c r="KH25" s="345">
        <v>0</v>
      </c>
      <c r="KI25" s="345">
        <v>245103</v>
      </c>
      <c r="KJ25" s="345">
        <v>0</v>
      </c>
      <c r="KK25" s="345">
        <v>0</v>
      </c>
      <c r="KL25" s="349">
        <v>245103</v>
      </c>
      <c r="KM25" s="354">
        <v>245103</v>
      </c>
      <c r="KN25" s="342">
        <v>0</v>
      </c>
      <c r="KO25" s="343">
        <v>0</v>
      </c>
      <c r="KP25" s="344">
        <v>0</v>
      </c>
      <c r="KQ25" s="404">
        <v>0</v>
      </c>
      <c r="KR25" s="345">
        <v>0</v>
      </c>
      <c r="KS25" s="345">
        <v>254426</v>
      </c>
      <c r="KT25" s="345">
        <v>1330794</v>
      </c>
      <c r="KU25" s="345">
        <v>274536</v>
      </c>
      <c r="KV25" s="345">
        <v>0</v>
      </c>
      <c r="KW25" s="349">
        <v>1859756</v>
      </c>
      <c r="KX25" s="347">
        <v>1859756</v>
      </c>
      <c r="KY25" s="348">
        <v>0</v>
      </c>
      <c r="KZ25" s="345">
        <v>0</v>
      </c>
      <c r="LA25" s="349">
        <v>0</v>
      </c>
      <c r="LB25" s="404">
        <v>0</v>
      </c>
      <c r="LC25" s="345">
        <v>0</v>
      </c>
      <c r="LD25" s="345">
        <v>0</v>
      </c>
      <c r="LE25" s="345">
        <v>0</v>
      </c>
      <c r="LF25" s="345">
        <v>0</v>
      </c>
      <c r="LG25" s="345">
        <v>0</v>
      </c>
      <c r="LH25" s="349">
        <v>0</v>
      </c>
      <c r="LI25" s="350">
        <v>0</v>
      </c>
      <c r="LJ25" s="348">
        <v>0</v>
      </c>
      <c r="LK25" s="345">
        <v>0</v>
      </c>
      <c r="LL25" s="349">
        <v>0</v>
      </c>
      <c r="LM25" s="404">
        <v>0</v>
      </c>
      <c r="LN25" s="345">
        <v>0</v>
      </c>
      <c r="LO25" s="345">
        <v>0</v>
      </c>
      <c r="LP25" s="345">
        <v>0</v>
      </c>
      <c r="LQ25" s="345">
        <v>0</v>
      </c>
      <c r="LR25" s="345">
        <v>0</v>
      </c>
      <c r="LS25" s="349">
        <v>0</v>
      </c>
      <c r="LT25" s="347">
        <v>0</v>
      </c>
      <c r="LU25" s="348">
        <v>0</v>
      </c>
      <c r="LV25" s="345">
        <v>0</v>
      </c>
      <c r="LW25" s="349">
        <v>0</v>
      </c>
      <c r="LX25" s="404">
        <v>0</v>
      </c>
      <c r="LY25" s="345">
        <v>0</v>
      </c>
      <c r="LZ25" s="345">
        <v>0</v>
      </c>
      <c r="MA25" s="345">
        <v>0</v>
      </c>
      <c r="MB25" s="345">
        <v>0</v>
      </c>
      <c r="MC25" s="345">
        <v>0</v>
      </c>
      <c r="MD25" s="349">
        <v>0</v>
      </c>
      <c r="ME25" s="350">
        <v>0</v>
      </c>
      <c r="MF25" s="348">
        <v>0</v>
      </c>
      <c r="MG25" s="345">
        <v>0</v>
      </c>
      <c r="MH25" s="349">
        <v>0</v>
      </c>
      <c r="MI25" s="404">
        <v>0</v>
      </c>
      <c r="MJ25" s="345">
        <v>0</v>
      </c>
      <c r="MK25" s="345">
        <v>261307</v>
      </c>
      <c r="ML25" s="345">
        <v>1042258</v>
      </c>
      <c r="MM25" s="345">
        <v>3686707</v>
      </c>
      <c r="MN25" s="345">
        <v>1925428</v>
      </c>
      <c r="MO25" s="349">
        <v>6915700</v>
      </c>
      <c r="MP25" s="354">
        <v>6915700</v>
      </c>
      <c r="MQ25" s="348">
        <v>0</v>
      </c>
      <c r="MR25" s="345">
        <v>0</v>
      </c>
      <c r="MS25" s="349">
        <v>0</v>
      </c>
      <c r="MT25" s="404">
        <v>0</v>
      </c>
      <c r="MU25" s="345">
        <v>0</v>
      </c>
      <c r="MV25" s="345">
        <v>261307</v>
      </c>
      <c r="MW25" s="345">
        <v>1042258</v>
      </c>
      <c r="MX25" s="345">
        <v>2367412</v>
      </c>
      <c r="MY25" s="345">
        <v>1925428</v>
      </c>
      <c r="MZ25" s="349">
        <v>5596405</v>
      </c>
      <c r="NA25" s="354">
        <v>5596405</v>
      </c>
      <c r="NB25" s="348">
        <v>0</v>
      </c>
      <c r="NC25" s="345">
        <v>0</v>
      </c>
      <c r="ND25" s="349">
        <v>0</v>
      </c>
      <c r="NE25" s="404">
        <v>0</v>
      </c>
      <c r="NF25" s="345">
        <v>0</v>
      </c>
      <c r="NG25" s="345">
        <v>0</v>
      </c>
      <c r="NH25" s="345">
        <v>0</v>
      </c>
      <c r="NI25" s="345">
        <v>1319295</v>
      </c>
      <c r="NJ25" s="345">
        <v>0</v>
      </c>
      <c r="NK25" s="349">
        <v>1319295</v>
      </c>
      <c r="NL25" s="347">
        <v>1319295</v>
      </c>
      <c r="NM25" s="348">
        <v>0</v>
      </c>
      <c r="NN25" s="345">
        <v>0</v>
      </c>
      <c r="NO25" s="349">
        <v>0</v>
      </c>
      <c r="NP25" s="404">
        <v>0</v>
      </c>
      <c r="NQ25" s="345">
        <v>0</v>
      </c>
      <c r="NR25" s="345">
        <v>0</v>
      </c>
      <c r="NS25" s="345">
        <v>0</v>
      </c>
      <c r="NT25" s="345">
        <v>0</v>
      </c>
      <c r="NU25" s="345">
        <v>0</v>
      </c>
      <c r="NV25" s="349">
        <v>0</v>
      </c>
      <c r="NW25" s="350">
        <v>0</v>
      </c>
      <c r="NX25" s="348">
        <v>0</v>
      </c>
      <c r="NY25" s="345">
        <v>0</v>
      </c>
      <c r="NZ25" s="349">
        <v>0</v>
      </c>
      <c r="OA25" s="404">
        <v>0</v>
      </c>
      <c r="OB25" s="345">
        <v>0</v>
      </c>
      <c r="OC25" s="345">
        <v>0</v>
      </c>
      <c r="OD25" s="345">
        <v>0</v>
      </c>
      <c r="OE25" s="345">
        <v>0</v>
      </c>
      <c r="OF25" s="345">
        <v>0</v>
      </c>
      <c r="OG25" s="349">
        <v>0</v>
      </c>
      <c r="OH25" s="350">
        <v>0</v>
      </c>
      <c r="OI25" s="348">
        <v>292906</v>
      </c>
      <c r="OJ25" s="345">
        <v>694000</v>
      </c>
      <c r="OK25" s="346">
        <v>986906</v>
      </c>
      <c r="OL25" s="351">
        <v>0</v>
      </c>
      <c r="OM25" s="345">
        <v>7003963</v>
      </c>
      <c r="ON25" s="345">
        <v>6004339</v>
      </c>
      <c r="OO25" s="345">
        <v>8525567</v>
      </c>
      <c r="OP25" s="345">
        <v>9281159</v>
      </c>
      <c r="OQ25" s="345">
        <v>4017600</v>
      </c>
      <c r="OR25" s="349">
        <v>34832628</v>
      </c>
      <c r="OS25" s="354">
        <v>35819534</v>
      </c>
    </row>
    <row r="26" spans="2:409" s="70" customFormat="1" ht="21" customHeight="1" x14ac:dyDescent="0.2">
      <c r="B26" s="410" t="s">
        <v>21</v>
      </c>
      <c r="C26" s="326">
        <v>303436</v>
      </c>
      <c r="D26" s="327">
        <v>455773</v>
      </c>
      <c r="E26" s="328">
        <v>759209</v>
      </c>
      <c r="F26" s="329">
        <v>0</v>
      </c>
      <c r="G26" s="327">
        <v>3586080</v>
      </c>
      <c r="H26" s="327">
        <v>4762558</v>
      </c>
      <c r="I26" s="327">
        <v>3377838</v>
      </c>
      <c r="J26" s="327">
        <v>3289325</v>
      </c>
      <c r="K26" s="327">
        <v>2813275</v>
      </c>
      <c r="L26" s="367">
        <v>17829076</v>
      </c>
      <c r="M26" s="330">
        <v>18588285</v>
      </c>
      <c r="N26" s="326">
        <v>181360</v>
      </c>
      <c r="O26" s="327">
        <v>133504</v>
      </c>
      <c r="P26" s="328">
        <v>314864</v>
      </c>
      <c r="Q26" s="326">
        <v>0</v>
      </c>
      <c r="R26" s="327">
        <v>1326669</v>
      </c>
      <c r="S26" s="327">
        <v>1591895</v>
      </c>
      <c r="T26" s="327">
        <v>843551</v>
      </c>
      <c r="U26" s="327">
        <v>1500074</v>
      </c>
      <c r="V26" s="327">
        <v>1725463</v>
      </c>
      <c r="W26" s="328">
        <v>6987652</v>
      </c>
      <c r="X26" s="330">
        <v>7302516</v>
      </c>
      <c r="Y26" s="326">
        <v>0</v>
      </c>
      <c r="Z26" s="327">
        <v>0</v>
      </c>
      <c r="AA26" s="328">
        <v>0</v>
      </c>
      <c r="AB26" s="326">
        <v>0</v>
      </c>
      <c r="AC26" s="327">
        <v>467604</v>
      </c>
      <c r="AD26" s="327">
        <v>635769</v>
      </c>
      <c r="AE26" s="327">
        <v>253423</v>
      </c>
      <c r="AF26" s="327">
        <v>553603</v>
      </c>
      <c r="AG26" s="327">
        <v>1387577</v>
      </c>
      <c r="AH26" s="328">
        <v>3297976</v>
      </c>
      <c r="AI26" s="330">
        <v>3297976</v>
      </c>
      <c r="AJ26" s="326">
        <v>0</v>
      </c>
      <c r="AK26" s="327">
        <v>0</v>
      </c>
      <c r="AL26" s="328">
        <v>0</v>
      </c>
      <c r="AM26" s="326">
        <v>0</v>
      </c>
      <c r="AN26" s="327">
        <v>0</v>
      </c>
      <c r="AO26" s="327">
        <v>0</v>
      </c>
      <c r="AP26" s="327">
        <v>49296</v>
      </c>
      <c r="AQ26" s="327">
        <v>59277</v>
      </c>
      <c r="AR26" s="327">
        <v>85171</v>
      </c>
      <c r="AS26" s="328">
        <v>193744</v>
      </c>
      <c r="AT26" s="330">
        <v>193744</v>
      </c>
      <c r="AU26" s="326">
        <v>64394</v>
      </c>
      <c r="AV26" s="327">
        <v>98019</v>
      </c>
      <c r="AW26" s="328">
        <v>162413</v>
      </c>
      <c r="AX26" s="326">
        <v>0</v>
      </c>
      <c r="AY26" s="327">
        <v>606727</v>
      </c>
      <c r="AZ26" s="327">
        <v>555912</v>
      </c>
      <c r="BA26" s="327">
        <v>413640</v>
      </c>
      <c r="BB26" s="327">
        <v>622135</v>
      </c>
      <c r="BC26" s="327">
        <v>134545</v>
      </c>
      <c r="BD26" s="328">
        <v>2332959</v>
      </c>
      <c r="BE26" s="330">
        <v>2495372</v>
      </c>
      <c r="BF26" s="326">
        <v>81798</v>
      </c>
      <c r="BG26" s="327">
        <v>20525</v>
      </c>
      <c r="BH26" s="331">
        <v>102323</v>
      </c>
      <c r="BI26" s="332">
        <v>0</v>
      </c>
      <c r="BJ26" s="327">
        <v>48538</v>
      </c>
      <c r="BK26" s="327">
        <v>136022</v>
      </c>
      <c r="BL26" s="327">
        <v>0</v>
      </c>
      <c r="BM26" s="327">
        <v>25851</v>
      </c>
      <c r="BN26" s="327">
        <v>40106</v>
      </c>
      <c r="BO26" s="328">
        <v>250517</v>
      </c>
      <c r="BP26" s="330">
        <v>352840</v>
      </c>
      <c r="BQ26" s="326">
        <v>35168</v>
      </c>
      <c r="BR26" s="327">
        <v>14960</v>
      </c>
      <c r="BS26" s="328">
        <v>50128</v>
      </c>
      <c r="BT26" s="326">
        <v>0</v>
      </c>
      <c r="BU26" s="327">
        <v>203800</v>
      </c>
      <c r="BV26" s="327">
        <v>264192</v>
      </c>
      <c r="BW26" s="327">
        <v>127192</v>
      </c>
      <c r="BX26" s="327">
        <v>239208</v>
      </c>
      <c r="BY26" s="327">
        <v>78064</v>
      </c>
      <c r="BZ26" s="328">
        <v>912456</v>
      </c>
      <c r="CA26" s="330">
        <v>962584</v>
      </c>
      <c r="CB26" s="326">
        <v>19681</v>
      </c>
      <c r="CC26" s="327">
        <v>83006</v>
      </c>
      <c r="CD26" s="328">
        <v>102687</v>
      </c>
      <c r="CE26" s="326">
        <v>0</v>
      </c>
      <c r="CF26" s="327">
        <v>974812</v>
      </c>
      <c r="CG26" s="327">
        <v>1417641</v>
      </c>
      <c r="CH26" s="327">
        <v>936230</v>
      </c>
      <c r="CI26" s="327">
        <v>321794</v>
      </c>
      <c r="CJ26" s="327">
        <v>93252</v>
      </c>
      <c r="CK26" s="328">
        <v>3743729</v>
      </c>
      <c r="CL26" s="330">
        <v>3846416</v>
      </c>
      <c r="CM26" s="326">
        <v>0</v>
      </c>
      <c r="CN26" s="327">
        <v>0</v>
      </c>
      <c r="CO26" s="328">
        <v>0</v>
      </c>
      <c r="CP26" s="332">
        <v>0</v>
      </c>
      <c r="CQ26" s="327">
        <v>754379</v>
      </c>
      <c r="CR26" s="327">
        <v>1192838</v>
      </c>
      <c r="CS26" s="327">
        <v>758250</v>
      </c>
      <c r="CT26" s="327">
        <v>251610</v>
      </c>
      <c r="CU26" s="327">
        <v>69680</v>
      </c>
      <c r="CV26" s="328">
        <v>3026757</v>
      </c>
      <c r="CW26" s="330">
        <v>3026757</v>
      </c>
      <c r="CX26" s="326">
        <v>19681</v>
      </c>
      <c r="CY26" s="327">
        <v>83006</v>
      </c>
      <c r="CZ26" s="328">
        <v>102687</v>
      </c>
      <c r="DA26" s="326">
        <v>0</v>
      </c>
      <c r="DB26" s="327">
        <v>220433</v>
      </c>
      <c r="DC26" s="327">
        <v>224803</v>
      </c>
      <c r="DD26" s="327">
        <v>177980</v>
      </c>
      <c r="DE26" s="327">
        <v>70184</v>
      </c>
      <c r="DF26" s="327">
        <v>23572</v>
      </c>
      <c r="DG26" s="328">
        <v>716972</v>
      </c>
      <c r="DH26" s="330">
        <v>819659</v>
      </c>
      <c r="DI26" s="326">
        <v>0</v>
      </c>
      <c r="DJ26" s="327">
        <v>27075</v>
      </c>
      <c r="DK26" s="331">
        <v>27075</v>
      </c>
      <c r="DL26" s="332">
        <v>0</v>
      </c>
      <c r="DM26" s="327">
        <v>154113</v>
      </c>
      <c r="DN26" s="327">
        <v>154939</v>
      </c>
      <c r="DO26" s="327">
        <v>136642</v>
      </c>
      <c r="DP26" s="327">
        <v>93344</v>
      </c>
      <c r="DQ26" s="327">
        <v>364260</v>
      </c>
      <c r="DR26" s="328">
        <v>903298</v>
      </c>
      <c r="DS26" s="330">
        <v>930373</v>
      </c>
      <c r="DT26" s="326">
        <v>0</v>
      </c>
      <c r="DU26" s="327">
        <v>27075</v>
      </c>
      <c r="DV26" s="328">
        <v>27075</v>
      </c>
      <c r="DW26" s="326">
        <v>0</v>
      </c>
      <c r="DX26" s="327">
        <v>154113</v>
      </c>
      <c r="DY26" s="327">
        <v>154939</v>
      </c>
      <c r="DZ26" s="327">
        <v>136642</v>
      </c>
      <c r="EA26" s="327">
        <v>93344</v>
      </c>
      <c r="EB26" s="327">
        <v>364260</v>
      </c>
      <c r="EC26" s="328">
        <v>903298</v>
      </c>
      <c r="ED26" s="330">
        <v>930373</v>
      </c>
      <c r="EE26" s="326">
        <v>0</v>
      </c>
      <c r="EF26" s="331">
        <v>0</v>
      </c>
      <c r="EG26" s="328">
        <v>0</v>
      </c>
      <c r="EH26" s="326">
        <v>0</v>
      </c>
      <c r="EI26" s="327">
        <v>0</v>
      </c>
      <c r="EJ26" s="327">
        <v>0</v>
      </c>
      <c r="EK26" s="327">
        <v>0</v>
      </c>
      <c r="EL26" s="327">
        <v>0</v>
      </c>
      <c r="EM26" s="327">
        <v>0</v>
      </c>
      <c r="EN26" s="331">
        <v>0</v>
      </c>
      <c r="EO26" s="330">
        <v>0</v>
      </c>
      <c r="EP26" s="326">
        <v>0</v>
      </c>
      <c r="EQ26" s="327">
        <v>0</v>
      </c>
      <c r="ER26" s="331">
        <v>0</v>
      </c>
      <c r="ES26" s="332">
        <v>0</v>
      </c>
      <c r="ET26" s="327">
        <v>0</v>
      </c>
      <c r="EU26" s="327">
        <v>0</v>
      </c>
      <c r="EV26" s="327">
        <v>0</v>
      </c>
      <c r="EW26" s="327">
        <v>0</v>
      </c>
      <c r="EX26" s="327">
        <v>0</v>
      </c>
      <c r="EY26" s="328">
        <v>0</v>
      </c>
      <c r="EZ26" s="330">
        <v>0</v>
      </c>
      <c r="FA26" s="326">
        <v>0</v>
      </c>
      <c r="FB26" s="327">
        <v>0</v>
      </c>
      <c r="FC26" s="331">
        <v>0</v>
      </c>
      <c r="FD26" s="332">
        <v>0</v>
      </c>
      <c r="FE26" s="327">
        <v>0</v>
      </c>
      <c r="FF26" s="327">
        <v>0</v>
      </c>
      <c r="FG26" s="327">
        <v>0</v>
      </c>
      <c r="FH26" s="327">
        <v>0</v>
      </c>
      <c r="FI26" s="327">
        <v>0</v>
      </c>
      <c r="FJ26" s="328">
        <v>0</v>
      </c>
      <c r="FK26" s="330">
        <v>0</v>
      </c>
      <c r="FL26" s="326">
        <v>102395</v>
      </c>
      <c r="FM26" s="327">
        <v>120904</v>
      </c>
      <c r="FN26" s="328">
        <v>223299</v>
      </c>
      <c r="FO26" s="326">
        <v>0</v>
      </c>
      <c r="FP26" s="327">
        <v>144608</v>
      </c>
      <c r="FQ26" s="327">
        <v>457728</v>
      </c>
      <c r="FR26" s="327">
        <v>475256</v>
      </c>
      <c r="FS26" s="327">
        <v>254840</v>
      </c>
      <c r="FT26" s="327">
        <v>132440</v>
      </c>
      <c r="FU26" s="328">
        <v>1464872</v>
      </c>
      <c r="FV26" s="330">
        <v>1688171</v>
      </c>
      <c r="FW26" s="333">
        <v>77632</v>
      </c>
      <c r="FX26" s="327">
        <v>120904</v>
      </c>
      <c r="FY26" s="331">
        <v>198536</v>
      </c>
      <c r="FZ26" s="332">
        <v>0</v>
      </c>
      <c r="GA26" s="327">
        <v>144608</v>
      </c>
      <c r="GB26" s="327">
        <v>429728</v>
      </c>
      <c r="GC26" s="327">
        <v>315256</v>
      </c>
      <c r="GD26" s="327">
        <v>242520</v>
      </c>
      <c r="GE26" s="327">
        <v>132440</v>
      </c>
      <c r="GF26" s="328">
        <v>1264552</v>
      </c>
      <c r="GG26" s="334">
        <v>1463088</v>
      </c>
      <c r="GH26" s="333">
        <v>0</v>
      </c>
      <c r="GI26" s="327">
        <v>0</v>
      </c>
      <c r="GJ26" s="331">
        <v>0</v>
      </c>
      <c r="GK26" s="332">
        <v>0</v>
      </c>
      <c r="GL26" s="327">
        <v>0</v>
      </c>
      <c r="GM26" s="327">
        <v>0</v>
      </c>
      <c r="GN26" s="327">
        <v>0</v>
      </c>
      <c r="GO26" s="327">
        <v>0</v>
      </c>
      <c r="GP26" s="327">
        <v>0</v>
      </c>
      <c r="GQ26" s="328">
        <v>0</v>
      </c>
      <c r="GR26" s="330">
        <v>0</v>
      </c>
      <c r="GS26" s="326">
        <v>24763</v>
      </c>
      <c r="GT26" s="327">
        <v>0</v>
      </c>
      <c r="GU26" s="328">
        <v>24763</v>
      </c>
      <c r="GV26" s="326">
        <v>0</v>
      </c>
      <c r="GW26" s="327">
        <v>0</v>
      </c>
      <c r="GX26" s="327">
        <v>28000</v>
      </c>
      <c r="GY26" s="327">
        <v>160000</v>
      </c>
      <c r="GZ26" s="327">
        <v>12320</v>
      </c>
      <c r="HA26" s="327">
        <v>0</v>
      </c>
      <c r="HB26" s="331">
        <v>200320</v>
      </c>
      <c r="HC26" s="330">
        <v>225083</v>
      </c>
      <c r="HD26" s="326">
        <v>0</v>
      </c>
      <c r="HE26" s="327">
        <v>91284</v>
      </c>
      <c r="HF26" s="331">
        <v>91284</v>
      </c>
      <c r="HG26" s="332">
        <v>0</v>
      </c>
      <c r="HH26" s="327">
        <v>985878</v>
      </c>
      <c r="HI26" s="327">
        <v>1140355</v>
      </c>
      <c r="HJ26" s="327">
        <v>986159</v>
      </c>
      <c r="HK26" s="327">
        <v>1119273</v>
      </c>
      <c r="HL26" s="327">
        <v>497860</v>
      </c>
      <c r="HM26" s="328">
        <v>4729525</v>
      </c>
      <c r="HN26" s="329">
        <v>4820809</v>
      </c>
      <c r="HO26" s="333">
        <v>0</v>
      </c>
      <c r="HP26" s="327">
        <v>0</v>
      </c>
      <c r="HQ26" s="328">
        <v>0</v>
      </c>
      <c r="HR26" s="326">
        <v>0</v>
      </c>
      <c r="HS26" s="327">
        <v>0</v>
      </c>
      <c r="HT26" s="327">
        <v>0</v>
      </c>
      <c r="HU26" s="327">
        <v>0</v>
      </c>
      <c r="HV26" s="327">
        <v>0</v>
      </c>
      <c r="HW26" s="327">
        <v>0</v>
      </c>
      <c r="HX26" s="331">
        <v>0</v>
      </c>
      <c r="HY26" s="330">
        <v>0</v>
      </c>
      <c r="HZ26" s="358">
        <v>0</v>
      </c>
      <c r="IA26" s="356">
        <v>0</v>
      </c>
      <c r="IB26" s="358">
        <v>0</v>
      </c>
      <c r="IC26" s="355">
        <v>0</v>
      </c>
      <c r="ID26" s="356">
        <v>1041086</v>
      </c>
      <c r="IE26" s="357">
        <v>814246</v>
      </c>
      <c r="IF26" s="358">
        <v>1030895</v>
      </c>
      <c r="IG26" s="356">
        <v>799052</v>
      </c>
      <c r="IH26" s="358">
        <v>0</v>
      </c>
      <c r="II26" s="359">
        <v>3685279</v>
      </c>
      <c r="IJ26" s="358">
        <v>3685279</v>
      </c>
      <c r="IK26" s="342">
        <v>0</v>
      </c>
      <c r="IL26" s="343">
        <v>0</v>
      </c>
      <c r="IM26" s="344">
        <v>0</v>
      </c>
      <c r="IN26" s="404">
        <v>0</v>
      </c>
      <c r="IO26" s="345">
        <v>0</v>
      </c>
      <c r="IP26" s="345">
        <v>0</v>
      </c>
      <c r="IQ26" s="345">
        <v>0</v>
      </c>
      <c r="IR26" s="345">
        <v>0</v>
      </c>
      <c r="IS26" s="345">
        <v>0</v>
      </c>
      <c r="IT26" s="346">
        <v>0</v>
      </c>
      <c r="IU26" s="347">
        <v>0</v>
      </c>
      <c r="IV26" s="348">
        <v>0</v>
      </c>
      <c r="IW26" s="345">
        <v>0</v>
      </c>
      <c r="IX26" s="349">
        <v>0</v>
      </c>
      <c r="IY26" s="404">
        <v>0</v>
      </c>
      <c r="IZ26" s="345">
        <v>0</v>
      </c>
      <c r="JA26" s="345">
        <v>0</v>
      </c>
      <c r="JB26" s="345">
        <v>0</v>
      </c>
      <c r="JC26" s="345">
        <v>0</v>
      </c>
      <c r="JD26" s="345">
        <v>0</v>
      </c>
      <c r="JE26" s="349">
        <v>0</v>
      </c>
      <c r="JF26" s="350">
        <v>0</v>
      </c>
      <c r="JG26" s="348">
        <v>0</v>
      </c>
      <c r="JH26" s="345">
        <v>0</v>
      </c>
      <c r="JI26" s="346">
        <v>0</v>
      </c>
      <c r="JJ26" s="351">
        <v>0</v>
      </c>
      <c r="JK26" s="345">
        <v>796106</v>
      </c>
      <c r="JL26" s="345">
        <v>300852</v>
      </c>
      <c r="JM26" s="345">
        <v>302419</v>
      </c>
      <c r="JN26" s="345">
        <v>531776</v>
      </c>
      <c r="JO26" s="345">
        <v>0</v>
      </c>
      <c r="JP26" s="349">
        <v>1931153</v>
      </c>
      <c r="JQ26" s="347">
        <v>1931153</v>
      </c>
      <c r="JR26" s="348">
        <v>0</v>
      </c>
      <c r="JS26" s="345">
        <v>0</v>
      </c>
      <c r="JT26" s="346">
        <v>0</v>
      </c>
      <c r="JU26" s="351">
        <v>0</v>
      </c>
      <c r="JV26" s="345">
        <v>0</v>
      </c>
      <c r="JW26" s="345">
        <v>0</v>
      </c>
      <c r="JX26" s="345">
        <v>0</v>
      </c>
      <c r="JY26" s="345">
        <v>0</v>
      </c>
      <c r="JZ26" s="345">
        <v>0</v>
      </c>
      <c r="KA26" s="349">
        <v>0</v>
      </c>
      <c r="KB26" s="347">
        <v>0</v>
      </c>
      <c r="KC26" s="352">
        <v>0</v>
      </c>
      <c r="KD26" s="353">
        <v>0</v>
      </c>
      <c r="KE26" s="349">
        <v>0</v>
      </c>
      <c r="KF26" s="351">
        <v>0</v>
      </c>
      <c r="KG26" s="345">
        <v>0</v>
      </c>
      <c r="KH26" s="345">
        <v>0</v>
      </c>
      <c r="KI26" s="345">
        <v>468891</v>
      </c>
      <c r="KJ26" s="345">
        <v>0</v>
      </c>
      <c r="KK26" s="345">
        <v>0</v>
      </c>
      <c r="KL26" s="349">
        <v>468891</v>
      </c>
      <c r="KM26" s="354">
        <v>468891</v>
      </c>
      <c r="KN26" s="342">
        <v>0</v>
      </c>
      <c r="KO26" s="343">
        <v>0</v>
      </c>
      <c r="KP26" s="344">
        <v>0</v>
      </c>
      <c r="KQ26" s="404">
        <v>0</v>
      </c>
      <c r="KR26" s="345">
        <v>244980</v>
      </c>
      <c r="KS26" s="345">
        <v>513394</v>
      </c>
      <c r="KT26" s="345">
        <v>259585</v>
      </c>
      <c r="KU26" s="345">
        <v>267276</v>
      </c>
      <c r="KV26" s="345">
        <v>0</v>
      </c>
      <c r="KW26" s="349">
        <v>1285235</v>
      </c>
      <c r="KX26" s="347">
        <v>1285235</v>
      </c>
      <c r="KY26" s="348">
        <v>0</v>
      </c>
      <c r="KZ26" s="345">
        <v>0</v>
      </c>
      <c r="LA26" s="349">
        <v>0</v>
      </c>
      <c r="LB26" s="404">
        <v>0</v>
      </c>
      <c r="LC26" s="345">
        <v>0</v>
      </c>
      <c r="LD26" s="345">
        <v>0</v>
      </c>
      <c r="LE26" s="345">
        <v>0</v>
      </c>
      <c r="LF26" s="345">
        <v>0</v>
      </c>
      <c r="LG26" s="345">
        <v>0</v>
      </c>
      <c r="LH26" s="349">
        <v>0</v>
      </c>
      <c r="LI26" s="350">
        <v>0</v>
      </c>
      <c r="LJ26" s="348">
        <v>0</v>
      </c>
      <c r="LK26" s="345">
        <v>0</v>
      </c>
      <c r="LL26" s="349">
        <v>0</v>
      </c>
      <c r="LM26" s="404">
        <v>0</v>
      </c>
      <c r="LN26" s="345">
        <v>0</v>
      </c>
      <c r="LO26" s="345">
        <v>0</v>
      </c>
      <c r="LP26" s="345">
        <v>0</v>
      </c>
      <c r="LQ26" s="345">
        <v>0</v>
      </c>
      <c r="LR26" s="345">
        <v>0</v>
      </c>
      <c r="LS26" s="349">
        <v>0</v>
      </c>
      <c r="LT26" s="347">
        <v>0</v>
      </c>
      <c r="LU26" s="348">
        <v>0</v>
      </c>
      <c r="LV26" s="345">
        <v>0</v>
      </c>
      <c r="LW26" s="349">
        <v>0</v>
      </c>
      <c r="LX26" s="404">
        <v>0</v>
      </c>
      <c r="LY26" s="345">
        <v>0</v>
      </c>
      <c r="LZ26" s="345">
        <v>0</v>
      </c>
      <c r="MA26" s="345">
        <v>0</v>
      </c>
      <c r="MB26" s="345">
        <v>0</v>
      </c>
      <c r="MC26" s="345">
        <v>0</v>
      </c>
      <c r="MD26" s="349">
        <v>0</v>
      </c>
      <c r="ME26" s="350">
        <v>0</v>
      </c>
      <c r="MF26" s="348">
        <v>0</v>
      </c>
      <c r="MG26" s="345">
        <v>0</v>
      </c>
      <c r="MH26" s="349">
        <v>0</v>
      </c>
      <c r="MI26" s="404">
        <v>0</v>
      </c>
      <c r="MJ26" s="345">
        <v>0</v>
      </c>
      <c r="MK26" s="345">
        <v>0</v>
      </c>
      <c r="ML26" s="345">
        <v>2359041</v>
      </c>
      <c r="MM26" s="345">
        <v>1151248</v>
      </c>
      <c r="MN26" s="345">
        <v>2583489</v>
      </c>
      <c r="MO26" s="349">
        <v>6093778</v>
      </c>
      <c r="MP26" s="354">
        <v>6093778</v>
      </c>
      <c r="MQ26" s="348">
        <v>0</v>
      </c>
      <c r="MR26" s="345">
        <v>0</v>
      </c>
      <c r="MS26" s="349">
        <v>0</v>
      </c>
      <c r="MT26" s="404">
        <v>0</v>
      </c>
      <c r="MU26" s="345">
        <v>0</v>
      </c>
      <c r="MV26" s="345">
        <v>0</v>
      </c>
      <c r="MW26" s="345">
        <v>1475492</v>
      </c>
      <c r="MX26" s="345">
        <v>1151248</v>
      </c>
      <c r="MY26" s="345">
        <v>2583489</v>
      </c>
      <c r="MZ26" s="349">
        <v>5210229</v>
      </c>
      <c r="NA26" s="354">
        <v>5210229</v>
      </c>
      <c r="NB26" s="348">
        <v>0</v>
      </c>
      <c r="NC26" s="345">
        <v>0</v>
      </c>
      <c r="ND26" s="349">
        <v>0</v>
      </c>
      <c r="NE26" s="404">
        <v>0</v>
      </c>
      <c r="NF26" s="345">
        <v>0</v>
      </c>
      <c r="NG26" s="345">
        <v>0</v>
      </c>
      <c r="NH26" s="345">
        <v>883549</v>
      </c>
      <c r="NI26" s="345">
        <v>0</v>
      </c>
      <c r="NJ26" s="345">
        <v>0</v>
      </c>
      <c r="NK26" s="349">
        <v>883549</v>
      </c>
      <c r="NL26" s="347">
        <v>883549</v>
      </c>
      <c r="NM26" s="348">
        <v>0</v>
      </c>
      <c r="NN26" s="345">
        <v>0</v>
      </c>
      <c r="NO26" s="349">
        <v>0</v>
      </c>
      <c r="NP26" s="404">
        <v>0</v>
      </c>
      <c r="NQ26" s="345">
        <v>0</v>
      </c>
      <c r="NR26" s="345">
        <v>0</v>
      </c>
      <c r="NS26" s="345">
        <v>0</v>
      </c>
      <c r="NT26" s="345">
        <v>0</v>
      </c>
      <c r="NU26" s="345">
        <v>0</v>
      </c>
      <c r="NV26" s="349">
        <v>0</v>
      </c>
      <c r="NW26" s="350">
        <v>0</v>
      </c>
      <c r="NX26" s="348">
        <v>0</v>
      </c>
      <c r="NY26" s="345">
        <v>0</v>
      </c>
      <c r="NZ26" s="349">
        <v>0</v>
      </c>
      <c r="OA26" s="404">
        <v>0</v>
      </c>
      <c r="OB26" s="345">
        <v>0</v>
      </c>
      <c r="OC26" s="345">
        <v>0</v>
      </c>
      <c r="OD26" s="345">
        <v>0</v>
      </c>
      <c r="OE26" s="345">
        <v>0</v>
      </c>
      <c r="OF26" s="345">
        <v>0</v>
      </c>
      <c r="OG26" s="349">
        <v>0</v>
      </c>
      <c r="OH26" s="350">
        <v>0</v>
      </c>
      <c r="OI26" s="348">
        <v>303436</v>
      </c>
      <c r="OJ26" s="345">
        <v>455773</v>
      </c>
      <c r="OK26" s="346">
        <v>759209</v>
      </c>
      <c r="OL26" s="351">
        <v>0</v>
      </c>
      <c r="OM26" s="345">
        <v>4627166</v>
      </c>
      <c r="ON26" s="345">
        <v>5576804</v>
      </c>
      <c r="OO26" s="345">
        <v>6767774</v>
      </c>
      <c r="OP26" s="345">
        <v>5239625</v>
      </c>
      <c r="OQ26" s="345">
        <v>5396764</v>
      </c>
      <c r="OR26" s="349">
        <v>27608133</v>
      </c>
      <c r="OS26" s="354">
        <v>28367342</v>
      </c>
    </row>
    <row r="27" spans="2:409" s="70" customFormat="1" ht="21" customHeight="1" x14ac:dyDescent="0.2">
      <c r="B27" s="410" t="s">
        <v>22</v>
      </c>
      <c r="C27" s="326">
        <v>76828</v>
      </c>
      <c r="D27" s="327">
        <v>185724</v>
      </c>
      <c r="E27" s="328">
        <v>262552</v>
      </c>
      <c r="F27" s="329">
        <v>0</v>
      </c>
      <c r="G27" s="327">
        <v>2117815</v>
      </c>
      <c r="H27" s="327">
        <v>1258475</v>
      </c>
      <c r="I27" s="327">
        <v>1741409</v>
      </c>
      <c r="J27" s="327">
        <v>2280007</v>
      </c>
      <c r="K27" s="327">
        <v>524044</v>
      </c>
      <c r="L27" s="367">
        <v>7921750</v>
      </c>
      <c r="M27" s="330">
        <v>8184302</v>
      </c>
      <c r="N27" s="326">
        <v>50172</v>
      </c>
      <c r="O27" s="327">
        <v>19448</v>
      </c>
      <c r="P27" s="328">
        <v>69620</v>
      </c>
      <c r="Q27" s="326">
        <v>0</v>
      </c>
      <c r="R27" s="327">
        <v>686427</v>
      </c>
      <c r="S27" s="327">
        <v>408626</v>
      </c>
      <c r="T27" s="327">
        <v>282811</v>
      </c>
      <c r="U27" s="327">
        <v>371349</v>
      </c>
      <c r="V27" s="327">
        <v>346054</v>
      </c>
      <c r="W27" s="328">
        <v>2095267</v>
      </c>
      <c r="X27" s="330">
        <v>2164887</v>
      </c>
      <c r="Y27" s="326">
        <v>0</v>
      </c>
      <c r="Z27" s="327">
        <v>0</v>
      </c>
      <c r="AA27" s="328">
        <v>0</v>
      </c>
      <c r="AB27" s="326">
        <v>0</v>
      </c>
      <c r="AC27" s="327">
        <v>438414</v>
      </c>
      <c r="AD27" s="327">
        <v>93668</v>
      </c>
      <c r="AE27" s="327">
        <v>64248</v>
      </c>
      <c r="AF27" s="327">
        <v>146377</v>
      </c>
      <c r="AG27" s="327">
        <v>141961</v>
      </c>
      <c r="AH27" s="328">
        <v>884668</v>
      </c>
      <c r="AI27" s="330">
        <v>884668</v>
      </c>
      <c r="AJ27" s="326">
        <v>0</v>
      </c>
      <c r="AK27" s="327">
        <v>0</v>
      </c>
      <c r="AL27" s="328">
        <v>0</v>
      </c>
      <c r="AM27" s="326">
        <v>0</v>
      </c>
      <c r="AN27" s="327">
        <v>0</v>
      </c>
      <c r="AO27" s="327">
        <v>0</v>
      </c>
      <c r="AP27" s="327">
        <v>0</v>
      </c>
      <c r="AQ27" s="327">
        <v>0</v>
      </c>
      <c r="AR27" s="327">
        <v>0</v>
      </c>
      <c r="AS27" s="328">
        <v>0</v>
      </c>
      <c r="AT27" s="330">
        <v>0</v>
      </c>
      <c r="AU27" s="326">
        <v>0</v>
      </c>
      <c r="AV27" s="327">
        <v>19448</v>
      </c>
      <c r="AW27" s="328">
        <v>19448</v>
      </c>
      <c r="AX27" s="326">
        <v>0</v>
      </c>
      <c r="AY27" s="327">
        <v>155581</v>
      </c>
      <c r="AZ27" s="327">
        <v>207476</v>
      </c>
      <c r="BA27" s="327">
        <v>115795</v>
      </c>
      <c r="BB27" s="327">
        <v>92772</v>
      </c>
      <c r="BC27" s="327">
        <v>188989</v>
      </c>
      <c r="BD27" s="328">
        <v>760613</v>
      </c>
      <c r="BE27" s="330">
        <v>780061</v>
      </c>
      <c r="BF27" s="326">
        <v>37100</v>
      </c>
      <c r="BG27" s="327">
        <v>0</v>
      </c>
      <c r="BH27" s="331">
        <v>37100</v>
      </c>
      <c r="BI27" s="332">
        <v>0</v>
      </c>
      <c r="BJ27" s="327">
        <v>0</v>
      </c>
      <c r="BK27" s="327">
        <v>70186</v>
      </c>
      <c r="BL27" s="327">
        <v>0</v>
      </c>
      <c r="BM27" s="327">
        <v>0</v>
      </c>
      <c r="BN27" s="327">
        <v>0</v>
      </c>
      <c r="BO27" s="328">
        <v>70186</v>
      </c>
      <c r="BP27" s="330">
        <v>107286</v>
      </c>
      <c r="BQ27" s="326">
        <v>13072</v>
      </c>
      <c r="BR27" s="327">
        <v>0</v>
      </c>
      <c r="BS27" s="328">
        <v>13072</v>
      </c>
      <c r="BT27" s="326">
        <v>0</v>
      </c>
      <c r="BU27" s="327">
        <v>92432</v>
      </c>
      <c r="BV27" s="327">
        <v>37296</v>
      </c>
      <c r="BW27" s="327">
        <v>102768</v>
      </c>
      <c r="BX27" s="327">
        <v>132200</v>
      </c>
      <c r="BY27" s="327">
        <v>15104</v>
      </c>
      <c r="BZ27" s="328">
        <v>379800</v>
      </c>
      <c r="CA27" s="330">
        <v>392872</v>
      </c>
      <c r="CB27" s="326">
        <v>20816</v>
      </c>
      <c r="CC27" s="327">
        <v>38608</v>
      </c>
      <c r="CD27" s="328">
        <v>59424</v>
      </c>
      <c r="CE27" s="326">
        <v>0</v>
      </c>
      <c r="CF27" s="327">
        <v>810247</v>
      </c>
      <c r="CG27" s="327">
        <v>447745</v>
      </c>
      <c r="CH27" s="327">
        <v>820938</v>
      </c>
      <c r="CI27" s="327">
        <v>136375</v>
      </c>
      <c r="CJ27" s="327">
        <v>55552</v>
      </c>
      <c r="CK27" s="328">
        <v>2270857</v>
      </c>
      <c r="CL27" s="330">
        <v>2330281</v>
      </c>
      <c r="CM27" s="326">
        <v>0</v>
      </c>
      <c r="CN27" s="327">
        <v>0</v>
      </c>
      <c r="CO27" s="328">
        <v>0</v>
      </c>
      <c r="CP27" s="332">
        <v>0</v>
      </c>
      <c r="CQ27" s="327">
        <v>614646</v>
      </c>
      <c r="CR27" s="327">
        <v>385137</v>
      </c>
      <c r="CS27" s="327">
        <v>820938</v>
      </c>
      <c r="CT27" s="327">
        <v>0</v>
      </c>
      <c r="CU27" s="327">
        <v>0</v>
      </c>
      <c r="CV27" s="328">
        <v>1820721</v>
      </c>
      <c r="CW27" s="330">
        <v>1820721</v>
      </c>
      <c r="CX27" s="326">
        <v>20816</v>
      </c>
      <c r="CY27" s="327">
        <v>38608</v>
      </c>
      <c r="CZ27" s="328">
        <v>59424</v>
      </c>
      <c r="DA27" s="326">
        <v>0</v>
      </c>
      <c r="DB27" s="327">
        <v>195601</v>
      </c>
      <c r="DC27" s="327">
        <v>62608</v>
      </c>
      <c r="DD27" s="327">
        <v>0</v>
      </c>
      <c r="DE27" s="327">
        <v>136375</v>
      </c>
      <c r="DF27" s="327">
        <v>55552</v>
      </c>
      <c r="DG27" s="328">
        <v>450136</v>
      </c>
      <c r="DH27" s="330">
        <v>509560</v>
      </c>
      <c r="DI27" s="326">
        <v>0</v>
      </c>
      <c r="DJ27" s="327">
        <v>0</v>
      </c>
      <c r="DK27" s="331">
        <v>0</v>
      </c>
      <c r="DL27" s="332">
        <v>0</v>
      </c>
      <c r="DM27" s="327">
        <v>0</v>
      </c>
      <c r="DN27" s="327">
        <v>65976</v>
      </c>
      <c r="DO27" s="327">
        <v>87776</v>
      </c>
      <c r="DP27" s="327">
        <v>365819</v>
      </c>
      <c r="DQ27" s="327">
        <v>24838</v>
      </c>
      <c r="DR27" s="328">
        <v>544409</v>
      </c>
      <c r="DS27" s="330">
        <v>544409</v>
      </c>
      <c r="DT27" s="326">
        <v>0</v>
      </c>
      <c r="DU27" s="327">
        <v>0</v>
      </c>
      <c r="DV27" s="328">
        <v>0</v>
      </c>
      <c r="DW27" s="326">
        <v>0</v>
      </c>
      <c r="DX27" s="327">
        <v>0</v>
      </c>
      <c r="DY27" s="327">
        <v>0</v>
      </c>
      <c r="DZ27" s="327">
        <v>87776</v>
      </c>
      <c r="EA27" s="327">
        <v>365819</v>
      </c>
      <c r="EB27" s="327">
        <v>0</v>
      </c>
      <c r="EC27" s="328">
        <v>453595</v>
      </c>
      <c r="ED27" s="330">
        <v>453595</v>
      </c>
      <c r="EE27" s="326">
        <v>0</v>
      </c>
      <c r="EF27" s="331">
        <v>0</v>
      </c>
      <c r="EG27" s="328">
        <v>0</v>
      </c>
      <c r="EH27" s="326">
        <v>0</v>
      </c>
      <c r="EI27" s="327">
        <v>0</v>
      </c>
      <c r="EJ27" s="327">
        <v>65976</v>
      </c>
      <c r="EK27" s="327">
        <v>0</v>
      </c>
      <c r="EL27" s="327">
        <v>0</v>
      </c>
      <c r="EM27" s="327">
        <v>24838</v>
      </c>
      <c r="EN27" s="331">
        <v>90814</v>
      </c>
      <c r="EO27" s="330">
        <v>90814</v>
      </c>
      <c r="EP27" s="326">
        <v>0</v>
      </c>
      <c r="EQ27" s="327">
        <v>0</v>
      </c>
      <c r="ER27" s="331">
        <v>0</v>
      </c>
      <c r="ES27" s="332">
        <v>0</v>
      </c>
      <c r="ET27" s="327">
        <v>0</v>
      </c>
      <c r="EU27" s="327">
        <v>0</v>
      </c>
      <c r="EV27" s="327">
        <v>0</v>
      </c>
      <c r="EW27" s="327">
        <v>0</v>
      </c>
      <c r="EX27" s="327">
        <v>0</v>
      </c>
      <c r="EY27" s="328">
        <v>0</v>
      </c>
      <c r="EZ27" s="330">
        <v>0</v>
      </c>
      <c r="FA27" s="326">
        <v>0</v>
      </c>
      <c r="FB27" s="327">
        <v>0</v>
      </c>
      <c r="FC27" s="331">
        <v>0</v>
      </c>
      <c r="FD27" s="332">
        <v>0</v>
      </c>
      <c r="FE27" s="327">
        <v>0</v>
      </c>
      <c r="FF27" s="327">
        <v>0</v>
      </c>
      <c r="FG27" s="327">
        <v>0</v>
      </c>
      <c r="FH27" s="327">
        <v>0</v>
      </c>
      <c r="FI27" s="327">
        <v>0</v>
      </c>
      <c r="FJ27" s="328">
        <v>0</v>
      </c>
      <c r="FK27" s="330">
        <v>0</v>
      </c>
      <c r="FL27" s="326">
        <v>5840</v>
      </c>
      <c r="FM27" s="327">
        <v>24624</v>
      </c>
      <c r="FN27" s="328">
        <v>30464</v>
      </c>
      <c r="FO27" s="326">
        <v>0</v>
      </c>
      <c r="FP27" s="327">
        <v>117784</v>
      </c>
      <c r="FQ27" s="327">
        <v>158792</v>
      </c>
      <c r="FR27" s="327">
        <v>145352</v>
      </c>
      <c r="FS27" s="327">
        <v>76800</v>
      </c>
      <c r="FT27" s="327">
        <v>97600</v>
      </c>
      <c r="FU27" s="328">
        <v>596328</v>
      </c>
      <c r="FV27" s="330">
        <v>626792</v>
      </c>
      <c r="FW27" s="333">
        <v>5840</v>
      </c>
      <c r="FX27" s="327">
        <v>24624</v>
      </c>
      <c r="FY27" s="331">
        <v>30464</v>
      </c>
      <c r="FZ27" s="332">
        <v>0</v>
      </c>
      <c r="GA27" s="327">
        <v>117784</v>
      </c>
      <c r="GB27" s="327">
        <v>158792</v>
      </c>
      <c r="GC27" s="327">
        <v>145352</v>
      </c>
      <c r="GD27" s="327">
        <v>76800</v>
      </c>
      <c r="GE27" s="327">
        <v>97600</v>
      </c>
      <c r="GF27" s="328">
        <v>596328</v>
      </c>
      <c r="GG27" s="334">
        <v>626792</v>
      </c>
      <c r="GH27" s="333">
        <v>0</v>
      </c>
      <c r="GI27" s="327">
        <v>0</v>
      </c>
      <c r="GJ27" s="331">
        <v>0</v>
      </c>
      <c r="GK27" s="332">
        <v>0</v>
      </c>
      <c r="GL27" s="327">
        <v>0</v>
      </c>
      <c r="GM27" s="327">
        <v>0</v>
      </c>
      <c r="GN27" s="327">
        <v>0</v>
      </c>
      <c r="GO27" s="327">
        <v>0</v>
      </c>
      <c r="GP27" s="327">
        <v>0</v>
      </c>
      <c r="GQ27" s="328">
        <v>0</v>
      </c>
      <c r="GR27" s="330">
        <v>0</v>
      </c>
      <c r="GS27" s="326">
        <v>0</v>
      </c>
      <c r="GT27" s="327">
        <v>0</v>
      </c>
      <c r="GU27" s="328">
        <v>0</v>
      </c>
      <c r="GV27" s="326">
        <v>0</v>
      </c>
      <c r="GW27" s="327">
        <v>0</v>
      </c>
      <c r="GX27" s="327">
        <v>0</v>
      </c>
      <c r="GY27" s="327">
        <v>0</v>
      </c>
      <c r="GZ27" s="327">
        <v>0</v>
      </c>
      <c r="HA27" s="327">
        <v>0</v>
      </c>
      <c r="HB27" s="331">
        <v>0</v>
      </c>
      <c r="HC27" s="330">
        <v>0</v>
      </c>
      <c r="HD27" s="326">
        <v>0</v>
      </c>
      <c r="HE27" s="327">
        <v>103044</v>
      </c>
      <c r="HF27" s="331">
        <v>103044</v>
      </c>
      <c r="HG27" s="332">
        <v>0</v>
      </c>
      <c r="HH27" s="327">
        <v>503357</v>
      </c>
      <c r="HI27" s="327">
        <v>177336</v>
      </c>
      <c r="HJ27" s="327">
        <v>404532</v>
      </c>
      <c r="HK27" s="327">
        <v>1329664</v>
      </c>
      <c r="HL27" s="327">
        <v>0</v>
      </c>
      <c r="HM27" s="328">
        <v>2414889</v>
      </c>
      <c r="HN27" s="329">
        <v>2517933</v>
      </c>
      <c r="HO27" s="333">
        <v>0</v>
      </c>
      <c r="HP27" s="327">
        <v>0</v>
      </c>
      <c r="HQ27" s="328">
        <v>0</v>
      </c>
      <c r="HR27" s="326">
        <v>0</v>
      </c>
      <c r="HS27" s="327">
        <v>0</v>
      </c>
      <c r="HT27" s="327">
        <v>0</v>
      </c>
      <c r="HU27" s="327">
        <v>0</v>
      </c>
      <c r="HV27" s="327">
        <v>0</v>
      </c>
      <c r="HW27" s="327">
        <v>0</v>
      </c>
      <c r="HX27" s="331">
        <v>0</v>
      </c>
      <c r="HY27" s="330">
        <v>0</v>
      </c>
      <c r="HZ27" s="335">
        <v>0</v>
      </c>
      <c r="IA27" s="336">
        <v>0</v>
      </c>
      <c r="IB27" s="337">
        <v>0</v>
      </c>
      <c r="IC27" s="338">
        <v>0</v>
      </c>
      <c r="ID27" s="336">
        <v>612416</v>
      </c>
      <c r="IE27" s="339">
        <v>897004</v>
      </c>
      <c r="IF27" s="337">
        <v>1162565</v>
      </c>
      <c r="IG27" s="336">
        <v>1492586</v>
      </c>
      <c r="IH27" s="337">
        <v>266177</v>
      </c>
      <c r="II27" s="340">
        <v>4430748</v>
      </c>
      <c r="IJ27" s="341">
        <v>4430748</v>
      </c>
      <c r="IK27" s="342">
        <v>0</v>
      </c>
      <c r="IL27" s="343">
        <v>0</v>
      </c>
      <c r="IM27" s="344">
        <v>0</v>
      </c>
      <c r="IN27" s="404">
        <v>0</v>
      </c>
      <c r="IO27" s="345">
        <v>0</v>
      </c>
      <c r="IP27" s="345">
        <v>109160</v>
      </c>
      <c r="IQ27" s="345">
        <v>147448</v>
      </c>
      <c r="IR27" s="345">
        <v>0</v>
      </c>
      <c r="IS27" s="345">
        <v>0</v>
      </c>
      <c r="IT27" s="346">
        <v>256608</v>
      </c>
      <c r="IU27" s="347">
        <v>256608</v>
      </c>
      <c r="IV27" s="348">
        <v>0</v>
      </c>
      <c r="IW27" s="345">
        <v>0</v>
      </c>
      <c r="IX27" s="349">
        <v>0</v>
      </c>
      <c r="IY27" s="404">
        <v>0</v>
      </c>
      <c r="IZ27" s="345">
        <v>0</v>
      </c>
      <c r="JA27" s="345">
        <v>0</v>
      </c>
      <c r="JB27" s="345">
        <v>0</v>
      </c>
      <c r="JC27" s="345">
        <v>0</v>
      </c>
      <c r="JD27" s="345">
        <v>0</v>
      </c>
      <c r="JE27" s="349">
        <v>0</v>
      </c>
      <c r="JF27" s="350">
        <v>0</v>
      </c>
      <c r="JG27" s="348">
        <v>0</v>
      </c>
      <c r="JH27" s="345">
        <v>0</v>
      </c>
      <c r="JI27" s="346">
        <v>0</v>
      </c>
      <c r="JJ27" s="351">
        <v>0</v>
      </c>
      <c r="JK27" s="345">
        <v>328277</v>
      </c>
      <c r="JL27" s="345">
        <v>114361</v>
      </c>
      <c r="JM27" s="345">
        <v>20572</v>
      </c>
      <c r="JN27" s="345">
        <v>97132</v>
      </c>
      <c r="JO27" s="345">
        <v>266177</v>
      </c>
      <c r="JP27" s="349">
        <v>826519</v>
      </c>
      <c r="JQ27" s="347">
        <v>826519</v>
      </c>
      <c r="JR27" s="348">
        <v>0</v>
      </c>
      <c r="JS27" s="345">
        <v>0</v>
      </c>
      <c r="JT27" s="346">
        <v>0</v>
      </c>
      <c r="JU27" s="351">
        <v>0</v>
      </c>
      <c r="JV27" s="345">
        <v>0</v>
      </c>
      <c r="JW27" s="345">
        <v>0</v>
      </c>
      <c r="JX27" s="345">
        <v>0</v>
      </c>
      <c r="JY27" s="345">
        <v>0</v>
      </c>
      <c r="JZ27" s="345">
        <v>0</v>
      </c>
      <c r="KA27" s="349">
        <v>0</v>
      </c>
      <c r="KB27" s="347">
        <v>0</v>
      </c>
      <c r="KC27" s="352">
        <v>0</v>
      </c>
      <c r="KD27" s="353">
        <v>0</v>
      </c>
      <c r="KE27" s="349">
        <v>0</v>
      </c>
      <c r="KF27" s="351">
        <v>0</v>
      </c>
      <c r="KG27" s="345">
        <v>49735</v>
      </c>
      <c r="KH27" s="345">
        <v>176876</v>
      </c>
      <c r="KI27" s="345">
        <v>476988</v>
      </c>
      <c r="KJ27" s="345">
        <v>0</v>
      </c>
      <c r="KK27" s="345">
        <v>0</v>
      </c>
      <c r="KL27" s="349">
        <v>703599</v>
      </c>
      <c r="KM27" s="354">
        <v>703599</v>
      </c>
      <c r="KN27" s="342">
        <v>0</v>
      </c>
      <c r="KO27" s="343">
        <v>0</v>
      </c>
      <c r="KP27" s="344">
        <v>0</v>
      </c>
      <c r="KQ27" s="404">
        <v>0</v>
      </c>
      <c r="KR27" s="345">
        <v>234404</v>
      </c>
      <c r="KS27" s="345">
        <v>257166</v>
      </c>
      <c r="KT27" s="345">
        <v>517557</v>
      </c>
      <c r="KU27" s="345">
        <v>259356</v>
      </c>
      <c r="KV27" s="345">
        <v>0</v>
      </c>
      <c r="KW27" s="349">
        <v>1268483</v>
      </c>
      <c r="KX27" s="347">
        <v>1268483</v>
      </c>
      <c r="KY27" s="348">
        <v>0</v>
      </c>
      <c r="KZ27" s="345">
        <v>0</v>
      </c>
      <c r="LA27" s="349">
        <v>0</v>
      </c>
      <c r="LB27" s="404">
        <v>0</v>
      </c>
      <c r="LC27" s="345">
        <v>0</v>
      </c>
      <c r="LD27" s="345">
        <v>0</v>
      </c>
      <c r="LE27" s="345">
        <v>0</v>
      </c>
      <c r="LF27" s="345">
        <v>0</v>
      </c>
      <c r="LG27" s="345">
        <v>0</v>
      </c>
      <c r="LH27" s="349">
        <v>0</v>
      </c>
      <c r="LI27" s="350">
        <v>0</v>
      </c>
      <c r="LJ27" s="348">
        <v>0</v>
      </c>
      <c r="LK27" s="345">
        <v>0</v>
      </c>
      <c r="LL27" s="349">
        <v>0</v>
      </c>
      <c r="LM27" s="404">
        <v>0</v>
      </c>
      <c r="LN27" s="345">
        <v>0</v>
      </c>
      <c r="LO27" s="345">
        <v>239441</v>
      </c>
      <c r="LP27" s="345">
        <v>0</v>
      </c>
      <c r="LQ27" s="345">
        <v>1136098</v>
      </c>
      <c r="LR27" s="345">
        <v>0</v>
      </c>
      <c r="LS27" s="349">
        <v>1375539</v>
      </c>
      <c r="LT27" s="347">
        <v>1375539</v>
      </c>
      <c r="LU27" s="348">
        <v>0</v>
      </c>
      <c r="LV27" s="345">
        <v>0</v>
      </c>
      <c r="LW27" s="349">
        <v>0</v>
      </c>
      <c r="LX27" s="404">
        <v>0</v>
      </c>
      <c r="LY27" s="345">
        <v>0</v>
      </c>
      <c r="LZ27" s="345">
        <v>0</v>
      </c>
      <c r="MA27" s="345">
        <v>0</v>
      </c>
      <c r="MB27" s="345">
        <v>0</v>
      </c>
      <c r="MC27" s="345">
        <v>0</v>
      </c>
      <c r="MD27" s="349">
        <v>0</v>
      </c>
      <c r="ME27" s="350">
        <v>0</v>
      </c>
      <c r="MF27" s="348">
        <v>0</v>
      </c>
      <c r="MG27" s="345">
        <v>0</v>
      </c>
      <c r="MH27" s="349">
        <v>0</v>
      </c>
      <c r="MI27" s="404">
        <v>0</v>
      </c>
      <c r="MJ27" s="345">
        <v>0</v>
      </c>
      <c r="MK27" s="345">
        <v>644138</v>
      </c>
      <c r="ML27" s="345">
        <v>1675289</v>
      </c>
      <c r="MM27" s="345">
        <v>1353458</v>
      </c>
      <c r="MN27" s="345">
        <v>838584</v>
      </c>
      <c r="MO27" s="349">
        <v>4511469</v>
      </c>
      <c r="MP27" s="354">
        <v>4511469</v>
      </c>
      <c r="MQ27" s="348">
        <v>0</v>
      </c>
      <c r="MR27" s="345">
        <v>0</v>
      </c>
      <c r="MS27" s="349">
        <v>0</v>
      </c>
      <c r="MT27" s="404">
        <v>0</v>
      </c>
      <c r="MU27" s="345">
        <v>0</v>
      </c>
      <c r="MV27" s="345">
        <v>0</v>
      </c>
      <c r="MW27" s="345">
        <v>1032606</v>
      </c>
      <c r="MX27" s="345">
        <v>669006</v>
      </c>
      <c r="MY27" s="345">
        <v>507620</v>
      </c>
      <c r="MZ27" s="349">
        <v>2209232</v>
      </c>
      <c r="NA27" s="354">
        <v>2209232</v>
      </c>
      <c r="NB27" s="348">
        <v>0</v>
      </c>
      <c r="NC27" s="345">
        <v>0</v>
      </c>
      <c r="ND27" s="349">
        <v>0</v>
      </c>
      <c r="NE27" s="404">
        <v>0</v>
      </c>
      <c r="NF27" s="345">
        <v>0</v>
      </c>
      <c r="NG27" s="345">
        <v>644138</v>
      </c>
      <c r="NH27" s="345">
        <v>642683</v>
      </c>
      <c r="NI27" s="345">
        <v>351169</v>
      </c>
      <c r="NJ27" s="345">
        <v>330964</v>
      </c>
      <c r="NK27" s="349">
        <v>1968954</v>
      </c>
      <c r="NL27" s="347">
        <v>1968954</v>
      </c>
      <c r="NM27" s="348">
        <v>0</v>
      </c>
      <c r="NN27" s="345">
        <v>0</v>
      </c>
      <c r="NO27" s="349">
        <v>0</v>
      </c>
      <c r="NP27" s="404">
        <v>0</v>
      </c>
      <c r="NQ27" s="345">
        <v>0</v>
      </c>
      <c r="NR27" s="345">
        <v>0</v>
      </c>
      <c r="NS27" s="345">
        <v>0</v>
      </c>
      <c r="NT27" s="345">
        <v>0</v>
      </c>
      <c r="NU27" s="345">
        <v>0</v>
      </c>
      <c r="NV27" s="349">
        <v>0</v>
      </c>
      <c r="NW27" s="350">
        <v>0</v>
      </c>
      <c r="NX27" s="348">
        <v>0</v>
      </c>
      <c r="NY27" s="345">
        <v>0</v>
      </c>
      <c r="NZ27" s="349">
        <v>0</v>
      </c>
      <c r="OA27" s="404">
        <v>0</v>
      </c>
      <c r="OB27" s="345">
        <v>0</v>
      </c>
      <c r="OC27" s="345">
        <v>0</v>
      </c>
      <c r="OD27" s="345">
        <v>0</v>
      </c>
      <c r="OE27" s="345">
        <v>333283</v>
      </c>
      <c r="OF27" s="345">
        <v>0</v>
      </c>
      <c r="OG27" s="349">
        <v>333283</v>
      </c>
      <c r="OH27" s="350">
        <v>333283</v>
      </c>
      <c r="OI27" s="348">
        <v>76828</v>
      </c>
      <c r="OJ27" s="345">
        <v>185724</v>
      </c>
      <c r="OK27" s="346">
        <v>262552</v>
      </c>
      <c r="OL27" s="351">
        <v>0</v>
      </c>
      <c r="OM27" s="345">
        <v>2730231</v>
      </c>
      <c r="ON27" s="345">
        <v>2799617</v>
      </c>
      <c r="OO27" s="345">
        <v>4579263</v>
      </c>
      <c r="OP27" s="345">
        <v>5126051</v>
      </c>
      <c r="OQ27" s="345">
        <v>1628805</v>
      </c>
      <c r="OR27" s="349">
        <v>16863967</v>
      </c>
      <c r="OS27" s="354">
        <v>17126519</v>
      </c>
    </row>
    <row r="28" spans="2:409" s="70" customFormat="1" ht="21" customHeight="1" x14ac:dyDescent="0.2">
      <c r="B28" s="410" t="s">
        <v>23</v>
      </c>
      <c r="C28" s="326">
        <v>617598</v>
      </c>
      <c r="D28" s="327">
        <v>192244</v>
      </c>
      <c r="E28" s="328">
        <v>809842</v>
      </c>
      <c r="F28" s="329">
        <v>0</v>
      </c>
      <c r="G28" s="327">
        <v>3285413</v>
      </c>
      <c r="H28" s="327">
        <v>2597425</v>
      </c>
      <c r="I28" s="327">
        <v>1899687</v>
      </c>
      <c r="J28" s="327">
        <v>1918047</v>
      </c>
      <c r="K28" s="327">
        <v>1089158</v>
      </c>
      <c r="L28" s="367">
        <v>10789730</v>
      </c>
      <c r="M28" s="330">
        <v>11599572</v>
      </c>
      <c r="N28" s="326">
        <v>210675</v>
      </c>
      <c r="O28" s="327">
        <v>58436</v>
      </c>
      <c r="P28" s="328">
        <v>269111</v>
      </c>
      <c r="Q28" s="326">
        <v>0</v>
      </c>
      <c r="R28" s="327">
        <v>988980</v>
      </c>
      <c r="S28" s="327">
        <v>883324</v>
      </c>
      <c r="T28" s="327">
        <v>404069</v>
      </c>
      <c r="U28" s="327">
        <v>814920</v>
      </c>
      <c r="V28" s="327">
        <v>128028</v>
      </c>
      <c r="W28" s="328">
        <v>3219321</v>
      </c>
      <c r="X28" s="330">
        <v>3488432</v>
      </c>
      <c r="Y28" s="326">
        <v>0</v>
      </c>
      <c r="Z28" s="327">
        <v>0</v>
      </c>
      <c r="AA28" s="328">
        <v>0</v>
      </c>
      <c r="AB28" s="326">
        <v>0</v>
      </c>
      <c r="AC28" s="327">
        <v>334824</v>
      </c>
      <c r="AD28" s="327">
        <v>333353</v>
      </c>
      <c r="AE28" s="327">
        <v>262461</v>
      </c>
      <c r="AF28" s="327">
        <v>323054</v>
      </c>
      <c r="AG28" s="327">
        <v>16623</v>
      </c>
      <c r="AH28" s="328">
        <v>1270315</v>
      </c>
      <c r="AI28" s="330">
        <v>1270315</v>
      </c>
      <c r="AJ28" s="326">
        <v>0</v>
      </c>
      <c r="AK28" s="327">
        <v>0</v>
      </c>
      <c r="AL28" s="328">
        <v>0</v>
      </c>
      <c r="AM28" s="326">
        <v>0</v>
      </c>
      <c r="AN28" s="327">
        <v>0</v>
      </c>
      <c r="AO28" s="327">
        <v>0</v>
      </c>
      <c r="AP28" s="327">
        <v>0</v>
      </c>
      <c r="AQ28" s="327">
        <v>94813</v>
      </c>
      <c r="AR28" s="327">
        <v>0</v>
      </c>
      <c r="AS28" s="328">
        <v>94813</v>
      </c>
      <c r="AT28" s="330">
        <v>94813</v>
      </c>
      <c r="AU28" s="326">
        <v>154899</v>
      </c>
      <c r="AV28" s="327">
        <v>53652</v>
      </c>
      <c r="AW28" s="328">
        <v>208551</v>
      </c>
      <c r="AX28" s="326">
        <v>0</v>
      </c>
      <c r="AY28" s="327">
        <v>434885</v>
      </c>
      <c r="AZ28" s="327">
        <v>418499</v>
      </c>
      <c r="BA28" s="327">
        <v>17480</v>
      </c>
      <c r="BB28" s="327">
        <v>203148</v>
      </c>
      <c r="BC28" s="327">
        <v>58669</v>
      </c>
      <c r="BD28" s="328">
        <v>1132681</v>
      </c>
      <c r="BE28" s="330">
        <v>1341232</v>
      </c>
      <c r="BF28" s="326">
        <v>0</v>
      </c>
      <c r="BG28" s="327">
        <v>0</v>
      </c>
      <c r="BH28" s="331">
        <v>0</v>
      </c>
      <c r="BI28" s="332">
        <v>0</v>
      </c>
      <c r="BJ28" s="327">
        <v>39015</v>
      </c>
      <c r="BK28" s="327">
        <v>0</v>
      </c>
      <c r="BL28" s="327">
        <v>0</v>
      </c>
      <c r="BM28" s="327">
        <v>35305</v>
      </c>
      <c r="BN28" s="327">
        <v>0</v>
      </c>
      <c r="BO28" s="328">
        <v>74320</v>
      </c>
      <c r="BP28" s="330">
        <v>74320</v>
      </c>
      <c r="BQ28" s="326">
        <v>55776</v>
      </c>
      <c r="BR28" s="327">
        <v>4784</v>
      </c>
      <c r="BS28" s="328">
        <v>60560</v>
      </c>
      <c r="BT28" s="326">
        <v>0</v>
      </c>
      <c r="BU28" s="327">
        <v>180256</v>
      </c>
      <c r="BV28" s="327">
        <v>131472</v>
      </c>
      <c r="BW28" s="327">
        <v>124128</v>
      </c>
      <c r="BX28" s="327">
        <v>158600</v>
      </c>
      <c r="BY28" s="327">
        <v>52736</v>
      </c>
      <c r="BZ28" s="328">
        <v>647192</v>
      </c>
      <c r="CA28" s="330">
        <v>707752</v>
      </c>
      <c r="CB28" s="326">
        <v>0</v>
      </c>
      <c r="CC28" s="327">
        <v>0</v>
      </c>
      <c r="CD28" s="328">
        <v>0</v>
      </c>
      <c r="CE28" s="326">
        <v>0</v>
      </c>
      <c r="CF28" s="327">
        <v>908873</v>
      </c>
      <c r="CG28" s="327">
        <v>1261770</v>
      </c>
      <c r="CH28" s="327">
        <v>515247</v>
      </c>
      <c r="CI28" s="327">
        <v>401163</v>
      </c>
      <c r="CJ28" s="327">
        <v>466882</v>
      </c>
      <c r="CK28" s="328">
        <v>3553935</v>
      </c>
      <c r="CL28" s="330">
        <v>3553935</v>
      </c>
      <c r="CM28" s="326">
        <v>0</v>
      </c>
      <c r="CN28" s="327">
        <v>0</v>
      </c>
      <c r="CO28" s="328">
        <v>0</v>
      </c>
      <c r="CP28" s="332">
        <v>0</v>
      </c>
      <c r="CQ28" s="327">
        <v>726589</v>
      </c>
      <c r="CR28" s="327">
        <v>954529</v>
      </c>
      <c r="CS28" s="327">
        <v>515247</v>
      </c>
      <c r="CT28" s="327">
        <v>249101</v>
      </c>
      <c r="CU28" s="327">
        <v>466882</v>
      </c>
      <c r="CV28" s="328">
        <v>2912348</v>
      </c>
      <c r="CW28" s="330">
        <v>2912348</v>
      </c>
      <c r="CX28" s="326">
        <v>0</v>
      </c>
      <c r="CY28" s="327">
        <v>0</v>
      </c>
      <c r="CZ28" s="328">
        <v>0</v>
      </c>
      <c r="DA28" s="326">
        <v>0</v>
      </c>
      <c r="DB28" s="327">
        <v>182284</v>
      </c>
      <c r="DC28" s="327">
        <v>307241</v>
      </c>
      <c r="DD28" s="327">
        <v>0</v>
      </c>
      <c r="DE28" s="327">
        <v>152062</v>
      </c>
      <c r="DF28" s="327">
        <v>0</v>
      </c>
      <c r="DG28" s="328">
        <v>641587</v>
      </c>
      <c r="DH28" s="330">
        <v>641587</v>
      </c>
      <c r="DI28" s="326">
        <v>0</v>
      </c>
      <c r="DJ28" s="327">
        <v>0</v>
      </c>
      <c r="DK28" s="331">
        <v>0</v>
      </c>
      <c r="DL28" s="332">
        <v>0</v>
      </c>
      <c r="DM28" s="327">
        <v>140312</v>
      </c>
      <c r="DN28" s="327">
        <v>33707</v>
      </c>
      <c r="DO28" s="327">
        <v>444231</v>
      </c>
      <c r="DP28" s="327">
        <v>122788</v>
      </c>
      <c r="DQ28" s="327">
        <v>185449</v>
      </c>
      <c r="DR28" s="328">
        <v>926487</v>
      </c>
      <c r="DS28" s="330">
        <v>926487</v>
      </c>
      <c r="DT28" s="326">
        <v>0</v>
      </c>
      <c r="DU28" s="327">
        <v>0</v>
      </c>
      <c r="DV28" s="328">
        <v>0</v>
      </c>
      <c r="DW28" s="326">
        <v>0</v>
      </c>
      <c r="DX28" s="327">
        <v>110108</v>
      </c>
      <c r="DY28" s="327">
        <v>0</v>
      </c>
      <c r="DZ28" s="327">
        <v>444231</v>
      </c>
      <c r="EA28" s="327">
        <v>122788</v>
      </c>
      <c r="EB28" s="327">
        <v>185449</v>
      </c>
      <c r="EC28" s="328">
        <v>862576</v>
      </c>
      <c r="ED28" s="330">
        <v>862576</v>
      </c>
      <c r="EE28" s="326">
        <v>0</v>
      </c>
      <c r="EF28" s="331">
        <v>0</v>
      </c>
      <c r="EG28" s="328">
        <v>0</v>
      </c>
      <c r="EH28" s="326">
        <v>0</v>
      </c>
      <c r="EI28" s="327">
        <v>30204</v>
      </c>
      <c r="EJ28" s="327">
        <v>33707</v>
      </c>
      <c r="EK28" s="327">
        <v>0</v>
      </c>
      <c r="EL28" s="327">
        <v>0</v>
      </c>
      <c r="EM28" s="327">
        <v>0</v>
      </c>
      <c r="EN28" s="331">
        <v>63911</v>
      </c>
      <c r="EO28" s="330">
        <v>63911</v>
      </c>
      <c r="EP28" s="326">
        <v>0</v>
      </c>
      <c r="EQ28" s="327">
        <v>0</v>
      </c>
      <c r="ER28" s="331">
        <v>0</v>
      </c>
      <c r="ES28" s="332">
        <v>0</v>
      </c>
      <c r="ET28" s="327">
        <v>0</v>
      </c>
      <c r="EU28" s="327">
        <v>0</v>
      </c>
      <c r="EV28" s="327">
        <v>0</v>
      </c>
      <c r="EW28" s="327">
        <v>0</v>
      </c>
      <c r="EX28" s="327">
        <v>0</v>
      </c>
      <c r="EY28" s="328">
        <v>0</v>
      </c>
      <c r="EZ28" s="330">
        <v>0</v>
      </c>
      <c r="FA28" s="326">
        <v>0</v>
      </c>
      <c r="FB28" s="327">
        <v>0</v>
      </c>
      <c r="FC28" s="331">
        <v>0</v>
      </c>
      <c r="FD28" s="332">
        <v>0</v>
      </c>
      <c r="FE28" s="327">
        <v>0</v>
      </c>
      <c r="FF28" s="327">
        <v>0</v>
      </c>
      <c r="FG28" s="327">
        <v>0</v>
      </c>
      <c r="FH28" s="327">
        <v>0</v>
      </c>
      <c r="FI28" s="327">
        <v>0</v>
      </c>
      <c r="FJ28" s="328">
        <v>0</v>
      </c>
      <c r="FK28" s="330">
        <v>0</v>
      </c>
      <c r="FL28" s="326">
        <v>200784</v>
      </c>
      <c r="FM28" s="327">
        <v>133808</v>
      </c>
      <c r="FN28" s="328">
        <v>334592</v>
      </c>
      <c r="FO28" s="326">
        <v>0</v>
      </c>
      <c r="FP28" s="327">
        <v>74680</v>
      </c>
      <c r="FQ28" s="327">
        <v>236008</v>
      </c>
      <c r="FR28" s="327">
        <v>121368</v>
      </c>
      <c r="FS28" s="327">
        <v>116728</v>
      </c>
      <c r="FT28" s="327">
        <v>67304</v>
      </c>
      <c r="FU28" s="328">
        <v>616088</v>
      </c>
      <c r="FV28" s="330">
        <v>950680</v>
      </c>
      <c r="FW28" s="333">
        <v>17552</v>
      </c>
      <c r="FX28" s="327">
        <v>112688</v>
      </c>
      <c r="FY28" s="331">
        <v>130240</v>
      </c>
      <c r="FZ28" s="332">
        <v>0</v>
      </c>
      <c r="GA28" s="327">
        <v>74680</v>
      </c>
      <c r="GB28" s="327">
        <v>236008</v>
      </c>
      <c r="GC28" s="327">
        <v>121368</v>
      </c>
      <c r="GD28" s="327">
        <v>116728</v>
      </c>
      <c r="GE28" s="327">
        <v>61408</v>
      </c>
      <c r="GF28" s="328">
        <v>610192</v>
      </c>
      <c r="GG28" s="334">
        <v>740432</v>
      </c>
      <c r="GH28" s="333">
        <v>23232</v>
      </c>
      <c r="GI28" s="327">
        <v>21120</v>
      </c>
      <c r="GJ28" s="331">
        <v>44352</v>
      </c>
      <c r="GK28" s="332">
        <v>0</v>
      </c>
      <c r="GL28" s="327">
        <v>0</v>
      </c>
      <c r="GM28" s="327">
        <v>0</v>
      </c>
      <c r="GN28" s="327">
        <v>0</v>
      </c>
      <c r="GO28" s="327">
        <v>0</v>
      </c>
      <c r="GP28" s="327">
        <v>5896</v>
      </c>
      <c r="GQ28" s="328">
        <v>5896</v>
      </c>
      <c r="GR28" s="330">
        <v>50248</v>
      </c>
      <c r="GS28" s="326">
        <v>160000</v>
      </c>
      <c r="GT28" s="327">
        <v>0</v>
      </c>
      <c r="GU28" s="328">
        <v>160000</v>
      </c>
      <c r="GV28" s="326">
        <v>0</v>
      </c>
      <c r="GW28" s="327">
        <v>0</v>
      </c>
      <c r="GX28" s="327">
        <v>0</v>
      </c>
      <c r="GY28" s="327">
        <v>0</v>
      </c>
      <c r="GZ28" s="327">
        <v>0</v>
      </c>
      <c r="HA28" s="327">
        <v>0</v>
      </c>
      <c r="HB28" s="331">
        <v>0</v>
      </c>
      <c r="HC28" s="330">
        <v>160000</v>
      </c>
      <c r="HD28" s="326">
        <v>206139</v>
      </c>
      <c r="HE28" s="327">
        <v>0</v>
      </c>
      <c r="HF28" s="331">
        <v>206139</v>
      </c>
      <c r="HG28" s="332">
        <v>0</v>
      </c>
      <c r="HH28" s="327">
        <v>1172568</v>
      </c>
      <c r="HI28" s="327">
        <v>182616</v>
      </c>
      <c r="HJ28" s="327">
        <v>414772</v>
      </c>
      <c r="HK28" s="327">
        <v>462448</v>
      </c>
      <c r="HL28" s="327">
        <v>241495</v>
      </c>
      <c r="HM28" s="328">
        <v>2473899</v>
      </c>
      <c r="HN28" s="329">
        <v>2680038</v>
      </c>
      <c r="HO28" s="333">
        <v>0</v>
      </c>
      <c r="HP28" s="327">
        <v>0</v>
      </c>
      <c r="HQ28" s="328">
        <v>0</v>
      </c>
      <c r="HR28" s="326">
        <v>0</v>
      </c>
      <c r="HS28" s="327">
        <v>0</v>
      </c>
      <c r="HT28" s="327">
        <v>0</v>
      </c>
      <c r="HU28" s="327">
        <v>0</v>
      </c>
      <c r="HV28" s="327">
        <v>0</v>
      </c>
      <c r="HW28" s="327">
        <v>0</v>
      </c>
      <c r="HX28" s="331">
        <v>0</v>
      </c>
      <c r="HY28" s="330">
        <v>0</v>
      </c>
      <c r="HZ28" s="358">
        <v>0</v>
      </c>
      <c r="IA28" s="356">
        <v>0</v>
      </c>
      <c r="IB28" s="358">
        <v>0</v>
      </c>
      <c r="IC28" s="355">
        <v>0</v>
      </c>
      <c r="ID28" s="356">
        <v>582702</v>
      </c>
      <c r="IE28" s="357">
        <v>587315</v>
      </c>
      <c r="IF28" s="358">
        <v>939428</v>
      </c>
      <c r="IG28" s="356">
        <v>267578</v>
      </c>
      <c r="IH28" s="358">
        <v>0</v>
      </c>
      <c r="II28" s="359">
        <v>2377023</v>
      </c>
      <c r="IJ28" s="358">
        <v>2377023</v>
      </c>
      <c r="IK28" s="342">
        <v>0</v>
      </c>
      <c r="IL28" s="343">
        <v>0</v>
      </c>
      <c r="IM28" s="344">
        <v>0</v>
      </c>
      <c r="IN28" s="404">
        <v>0</v>
      </c>
      <c r="IO28" s="345">
        <v>0</v>
      </c>
      <c r="IP28" s="345">
        <v>0</v>
      </c>
      <c r="IQ28" s="345">
        <v>0</v>
      </c>
      <c r="IR28" s="345">
        <v>0</v>
      </c>
      <c r="IS28" s="345">
        <v>0</v>
      </c>
      <c r="IT28" s="346">
        <v>0</v>
      </c>
      <c r="IU28" s="347">
        <v>0</v>
      </c>
      <c r="IV28" s="348">
        <v>0</v>
      </c>
      <c r="IW28" s="345">
        <v>0</v>
      </c>
      <c r="IX28" s="349">
        <v>0</v>
      </c>
      <c r="IY28" s="404">
        <v>0</v>
      </c>
      <c r="IZ28" s="345">
        <v>0</v>
      </c>
      <c r="JA28" s="345">
        <v>0</v>
      </c>
      <c r="JB28" s="345">
        <v>0</v>
      </c>
      <c r="JC28" s="345">
        <v>0</v>
      </c>
      <c r="JD28" s="345">
        <v>0</v>
      </c>
      <c r="JE28" s="349">
        <v>0</v>
      </c>
      <c r="JF28" s="350">
        <v>0</v>
      </c>
      <c r="JG28" s="348">
        <v>0</v>
      </c>
      <c r="JH28" s="345">
        <v>0</v>
      </c>
      <c r="JI28" s="346">
        <v>0</v>
      </c>
      <c r="JJ28" s="351">
        <v>0</v>
      </c>
      <c r="JK28" s="345">
        <v>92708</v>
      </c>
      <c r="JL28" s="345">
        <v>70569</v>
      </c>
      <c r="JM28" s="345">
        <v>192204</v>
      </c>
      <c r="JN28" s="345">
        <v>0</v>
      </c>
      <c r="JO28" s="345">
        <v>0</v>
      </c>
      <c r="JP28" s="349">
        <v>355481</v>
      </c>
      <c r="JQ28" s="347">
        <v>355481</v>
      </c>
      <c r="JR28" s="348">
        <v>0</v>
      </c>
      <c r="JS28" s="345">
        <v>0</v>
      </c>
      <c r="JT28" s="346">
        <v>0</v>
      </c>
      <c r="JU28" s="351">
        <v>0</v>
      </c>
      <c r="JV28" s="345">
        <v>0</v>
      </c>
      <c r="JW28" s="345">
        <v>0</v>
      </c>
      <c r="JX28" s="345">
        <v>0</v>
      </c>
      <c r="JY28" s="345">
        <v>0</v>
      </c>
      <c r="JZ28" s="345">
        <v>0</v>
      </c>
      <c r="KA28" s="349">
        <v>0</v>
      </c>
      <c r="KB28" s="347">
        <v>0</v>
      </c>
      <c r="KC28" s="352">
        <v>0</v>
      </c>
      <c r="KD28" s="353">
        <v>0</v>
      </c>
      <c r="KE28" s="349">
        <v>0</v>
      </c>
      <c r="KF28" s="351">
        <v>0</v>
      </c>
      <c r="KG28" s="345">
        <v>0</v>
      </c>
      <c r="KH28" s="345">
        <v>0</v>
      </c>
      <c r="KI28" s="345">
        <v>0</v>
      </c>
      <c r="KJ28" s="345">
        <v>0</v>
      </c>
      <c r="KK28" s="345">
        <v>0</v>
      </c>
      <c r="KL28" s="349">
        <v>0</v>
      </c>
      <c r="KM28" s="354">
        <v>0</v>
      </c>
      <c r="KN28" s="342">
        <v>0</v>
      </c>
      <c r="KO28" s="343">
        <v>0</v>
      </c>
      <c r="KP28" s="344">
        <v>0</v>
      </c>
      <c r="KQ28" s="404">
        <v>0</v>
      </c>
      <c r="KR28" s="345">
        <v>489994</v>
      </c>
      <c r="KS28" s="345">
        <v>516746</v>
      </c>
      <c r="KT28" s="345">
        <v>523944</v>
      </c>
      <c r="KU28" s="345">
        <v>267578</v>
      </c>
      <c r="KV28" s="345">
        <v>0</v>
      </c>
      <c r="KW28" s="349">
        <v>1798262</v>
      </c>
      <c r="KX28" s="347">
        <v>1798262</v>
      </c>
      <c r="KY28" s="348">
        <v>0</v>
      </c>
      <c r="KZ28" s="345">
        <v>0</v>
      </c>
      <c r="LA28" s="349">
        <v>0</v>
      </c>
      <c r="LB28" s="404">
        <v>0</v>
      </c>
      <c r="LC28" s="345">
        <v>0</v>
      </c>
      <c r="LD28" s="345">
        <v>0</v>
      </c>
      <c r="LE28" s="345">
        <v>0</v>
      </c>
      <c r="LF28" s="345">
        <v>0</v>
      </c>
      <c r="LG28" s="345">
        <v>0</v>
      </c>
      <c r="LH28" s="349">
        <v>0</v>
      </c>
      <c r="LI28" s="350">
        <v>0</v>
      </c>
      <c r="LJ28" s="348">
        <v>0</v>
      </c>
      <c r="LK28" s="345">
        <v>0</v>
      </c>
      <c r="LL28" s="349">
        <v>0</v>
      </c>
      <c r="LM28" s="404">
        <v>0</v>
      </c>
      <c r="LN28" s="345">
        <v>0</v>
      </c>
      <c r="LO28" s="345">
        <v>0</v>
      </c>
      <c r="LP28" s="345">
        <v>0</v>
      </c>
      <c r="LQ28" s="345">
        <v>0</v>
      </c>
      <c r="LR28" s="345">
        <v>0</v>
      </c>
      <c r="LS28" s="349">
        <v>0</v>
      </c>
      <c r="LT28" s="347">
        <v>0</v>
      </c>
      <c r="LU28" s="348">
        <v>0</v>
      </c>
      <c r="LV28" s="345">
        <v>0</v>
      </c>
      <c r="LW28" s="349">
        <v>0</v>
      </c>
      <c r="LX28" s="404">
        <v>0</v>
      </c>
      <c r="LY28" s="345">
        <v>0</v>
      </c>
      <c r="LZ28" s="345">
        <v>0</v>
      </c>
      <c r="MA28" s="345">
        <v>223280</v>
      </c>
      <c r="MB28" s="345">
        <v>0</v>
      </c>
      <c r="MC28" s="345">
        <v>0</v>
      </c>
      <c r="MD28" s="349">
        <v>223280</v>
      </c>
      <c r="ME28" s="350">
        <v>223280</v>
      </c>
      <c r="MF28" s="348">
        <v>0</v>
      </c>
      <c r="MG28" s="345">
        <v>0</v>
      </c>
      <c r="MH28" s="349">
        <v>0</v>
      </c>
      <c r="MI28" s="404">
        <v>0</v>
      </c>
      <c r="MJ28" s="345">
        <v>0</v>
      </c>
      <c r="MK28" s="345">
        <v>0</v>
      </c>
      <c r="ML28" s="345">
        <v>2052379</v>
      </c>
      <c r="MM28" s="345">
        <v>2213550</v>
      </c>
      <c r="MN28" s="345">
        <v>1366593</v>
      </c>
      <c r="MO28" s="349">
        <v>5632522</v>
      </c>
      <c r="MP28" s="354">
        <v>5632522</v>
      </c>
      <c r="MQ28" s="348">
        <v>0</v>
      </c>
      <c r="MR28" s="345">
        <v>0</v>
      </c>
      <c r="MS28" s="349">
        <v>0</v>
      </c>
      <c r="MT28" s="404">
        <v>0</v>
      </c>
      <c r="MU28" s="345">
        <v>0</v>
      </c>
      <c r="MV28" s="345">
        <v>0</v>
      </c>
      <c r="MW28" s="345">
        <v>1481440</v>
      </c>
      <c r="MX28" s="345">
        <v>1528050</v>
      </c>
      <c r="MY28" s="345">
        <v>729988</v>
      </c>
      <c r="MZ28" s="349">
        <v>3739478</v>
      </c>
      <c r="NA28" s="354">
        <v>3739478</v>
      </c>
      <c r="NB28" s="348">
        <v>0</v>
      </c>
      <c r="NC28" s="345">
        <v>0</v>
      </c>
      <c r="ND28" s="349">
        <v>0</v>
      </c>
      <c r="NE28" s="404">
        <v>0</v>
      </c>
      <c r="NF28" s="345">
        <v>0</v>
      </c>
      <c r="NG28" s="345">
        <v>0</v>
      </c>
      <c r="NH28" s="345">
        <v>570939</v>
      </c>
      <c r="NI28" s="345">
        <v>685500</v>
      </c>
      <c r="NJ28" s="345">
        <v>636605</v>
      </c>
      <c r="NK28" s="349">
        <v>1893044</v>
      </c>
      <c r="NL28" s="347">
        <v>1893044</v>
      </c>
      <c r="NM28" s="348">
        <v>0</v>
      </c>
      <c r="NN28" s="345">
        <v>0</v>
      </c>
      <c r="NO28" s="349">
        <v>0</v>
      </c>
      <c r="NP28" s="404">
        <v>0</v>
      </c>
      <c r="NQ28" s="345">
        <v>0</v>
      </c>
      <c r="NR28" s="345">
        <v>0</v>
      </c>
      <c r="NS28" s="345">
        <v>0</v>
      </c>
      <c r="NT28" s="345">
        <v>0</v>
      </c>
      <c r="NU28" s="345">
        <v>0</v>
      </c>
      <c r="NV28" s="349">
        <v>0</v>
      </c>
      <c r="NW28" s="350">
        <v>0</v>
      </c>
      <c r="NX28" s="348">
        <v>0</v>
      </c>
      <c r="NY28" s="345">
        <v>0</v>
      </c>
      <c r="NZ28" s="349">
        <v>0</v>
      </c>
      <c r="OA28" s="404">
        <v>0</v>
      </c>
      <c r="OB28" s="345">
        <v>0</v>
      </c>
      <c r="OC28" s="345">
        <v>0</v>
      </c>
      <c r="OD28" s="345">
        <v>0</v>
      </c>
      <c r="OE28" s="345">
        <v>0</v>
      </c>
      <c r="OF28" s="345">
        <v>0</v>
      </c>
      <c r="OG28" s="349">
        <v>0</v>
      </c>
      <c r="OH28" s="350">
        <v>0</v>
      </c>
      <c r="OI28" s="348">
        <v>617598</v>
      </c>
      <c r="OJ28" s="345">
        <v>192244</v>
      </c>
      <c r="OK28" s="346">
        <v>809842</v>
      </c>
      <c r="OL28" s="351">
        <v>0</v>
      </c>
      <c r="OM28" s="345">
        <v>3868115</v>
      </c>
      <c r="ON28" s="345">
        <v>3184740</v>
      </c>
      <c r="OO28" s="345">
        <v>4891494</v>
      </c>
      <c r="OP28" s="345">
        <v>4399175</v>
      </c>
      <c r="OQ28" s="345">
        <v>2455751</v>
      </c>
      <c r="OR28" s="349">
        <v>18799275</v>
      </c>
      <c r="OS28" s="354">
        <v>19609117</v>
      </c>
    </row>
    <row r="29" spans="2:409" s="70" customFormat="1" ht="21" customHeight="1" x14ac:dyDescent="0.2">
      <c r="B29" s="410" t="s">
        <v>24</v>
      </c>
      <c r="C29" s="326">
        <v>334213</v>
      </c>
      <c r="D29" s="327">
        <v>165128</v>
      </c>
      <c r="E29" s="328">
        <v>499341</v>
      </c>
      <c r="F29" s="329">
        <v>0</v>
      </c>
      <c r="G29" s="327">
        <v>2298208</v>
      </c>
      <c r="H29" s="327">
        <v>2656545</v>
      </c>
      <c r="I29" s="327">
        <v>1825554</v>
      </c>
      <c r="J29" s="327">
        <v>1828901</v>
      </c>
      <c r="K29" s="327">
        <v>1202134</v>
      </c>
      <c r="L29" s="367">
        <v>9811342</v>
      </c>
      <c r="M29" s="330">
        <v>10310683</v>
      </c>
      <c r="N29" s="326">
        <v>97726</v>
      </c>
      <c r="O29" s="327">
        <v>74948</v>
      </c>
      <c r="P29" s="328">
        <v>172674</v>
      </c>
      <c r="Q29" s="326">
        <v>0</v>
      </c>
      <c r="R29" s="327">
        <v>733064</v>
      </c>
      <c r="S29" s="327">
        <v>639353</v>
      </c>
      <c r="T29" s="327">
        <v>517741</v>
      </c>
      <c r="U29" s="327">
        <v>937120</v>
      </c>
      <c r="V29" s="327">
        <v>533219</v>
      </c>
      <c r="W29" s="328">
        <v>3360497</v>
      </c>
      <c r="X29" s="330">
        <v>3533171</v>
      </c>
      <c r="Y29" s="326">
        <v>0</v>
      </c>
      <c r="Z29" s="327">
        <v>0</v>
      </c>
      <c r="AA29" s="328">
        <v>0</v>
      </c>
      <c r="AB29" s="326">
        <v>0</v>
      </c>
      <c r="AC29" s="327">
        <v>200049</v>
      </c>
      <c r="AD29" s="327">
        <v>251498</v>
      </c>
      <c r="AE29" s="327">
        <v>142137</v>
      </c>
      <c r="AF29" s="327">
        <v>527745</v>
      </c>
      <c r="AG29" s="327">
        <v>209437</v>
      </c>
      <c r="AH29" s="328">
        <v>1330866</v>
      </c>
      <c r="AI29" s="330">
        <v>1330866</v>
      </c>
      <c r="AJ29" s="326">
        <v>0</v>
      </c>
      <c r="AK29" s="327">
        <v>0</v>
      </c>
      <c r="AL29" s="328">
        <v>0</v>
      </c>
      <c r="AM29" s="326">
        <v>0</v>
      </c>
      <c r="AN29" s="327">
        <v>0</v>
      </c>
      <c r="AO29" s="327">
        <v>0</v>
      </c>
      <c r="AP29" s="327">
        <v>0</v>
      </c>
      <c r="AQ29" s="327">
        <v>121269</v>
      </c>
      <c r="AR29" s="327">
        <v>216842</v>
      </c>
      <c r="AS29" s="328">
        <v>338111</v>
      </c>
      <c r="AT29" s="330">
        <v>338111</v>
      </c>
      <c r="AU29" s="326">
        <v>33310</v>
      </c>
      <c r="AV29" s="327">
        <v>70164</v>
      </c>
      <c r="AW29" s="328">
        <v>103474</v>
      </c>
      <c r="AX29" s="326">
        <v>0</v>
      </c>
      <c r="AY29" s="327">
        <v>364809</v>
      </c>
      <c r="AZ29" s="327">
        <v>203603</v>
      </c>
      <c r="BA29" s="327">
        <v>236308</v>
      </c>
      <c r="BB29" s="327">
        <v>192474</v>
      </c>
      <c r="BC29" s="327">
        <v>43532</v>
      </c>
      <c r="BD29" s="328">
        <v>1040726</v>
      </c>
      <c r="BE29" s="330">
        <v>1144200</v>
      </c>
      <c r="BF29" s="326">
        <v>0</v>
      </c>
      <c r="BG29" s="327">
        <v>0</v>
      </c>
      <c r="BH29" s="331">
        <v>0</v>
      </c>
      <c r="BI29" s="332">
        <v>0</v>
      </c>
      <c r="BJ29" s="327">
        <v>36550</v>
      </c>
      <c r="BK29" s="327">
        <v>44004</v>
      </c>
      <c r="BL29" s="327">
        <v>0</v>
      </c>
      <c r="BM29" s="327">
        <v>0</v>
      </c>
      <c r="BN29" s="327">
        <v>0</v>
      </c>
      <c r="BO29" s="328">
        <v>80554</v>
      </c>
      <c r="BP29" s="330">
        <v>80554</v>
      </c>
      <c r="BQ29" s="326">
        <v>64416</v>
      </c>
      <c r="BR29" s="327">
        <v>4784</v>
      </c>
      <c r="BS29" s="328">
        <v>69200</v>
      </c>
      <c r="BT29" s="326">
        <v>0</v>
      </c>
      <c r="BU29" s="327">
        <v>131656</v>
      </c>
      <c r="BV29" s="327">
        <v>140248</v>
      </c>
      <c r="BW29" s="327">
        <v>139296</v>
      </c>
      <c r="BX29" s="327">
        <v>95632</v>
      </c>
      <c r="BY29" s="327">
        <v>63408</v>
      </c>
      <c r="BZ29" s="328">
        <v>570240</v>
      </c>
      <c r="CA29" s="330">
        <v>639440</v>
      </c>
      <c r="CB29" s="326">
        <v>20289</v>
      </c>
      <c r="CC29" s="327">
        <v>80820</v>
      </c>
      <c r="CD29" s="328">
        <v>101109</v>
      </c>
      <c r="CE29" s="326">
        <v>0</v>
      </c>
      <c r="CF29" s="327">
        <v>638902</v>
      </c>
      <c r="CG29" s="327">
        <v>1201709</v>
      </c>
      <c r="CH29" s="327">
        <v>492525</v>
      </c>
      <c r="CI29" s="327">
        <v>231095</v>
      </c>
      <c r="CJ29" s="327">
        <v>91349</v>
      </c>
      <c r="CK29" s="328">
        <v>2655580</v>
      </c>
      <c r="CL29" s="330">
        <v>2756689</v>
      </c>
      <c r="CM29" s="326">
        <v>0</v>
      </c>
      <c r="CN29" s="327">
        <v>0</v>
      </c>
      <c r="CO29" s="328">
        <v>0</v>
      </c>
      <c r="CP29" s="332">
        <v>0</v>
      </c>
      <c r="CQ29" s="327">
        <v>576962</v>
      </c>
      <c r="CR29" s="327">
        <v>765341</v>
      </c>
      <c r="CS29" s="327">
        <v>198005</v>
      </c>
      <c r="CT29" s="327">
        <v>36741</v>
      </c>
      <c r="CU29" s="327">
        <v>91349</v>
      </c>
      <c r="CV29" s="328">
        <v>1668398</v>
      </c>
      <c r="CW29" s="330">
        <v>1668398</v>
      </c>
      <c r="CX29" s="326">
        <v>20289</v>
      </c>
      <c r="CY29" s="327">
        <v>80820</v>
      </c>
      <c r="CZ29" s="328">
        <v>101109</v>
      </c>
      <c r="DA29" s="326">
        <v>0</v>
      </c>
      <c r="DB29" s="327">
        <v>61940</v>
      </c>
      <c r="DC29" s="327">
        <v>436368</v>
      </c>
      <c r="DD29" s="327">
        <v>294520</v>
      </c>
      <c r="DE29" s="327">
        <v>194354</v>
      </c>
      <c r="DF29" s="327">
        <v>0</v>
      </c>
      <c r="DG29" s="328">
        <v>987182</v>
      </c>
      <c r="DH29" s="330">
        <v>1088291</v>
      </c>
      <c r="DI29" s="326">
        <v>0</v>
      </c>
      <c r="DJ29" s="327">
        <v>0</v>
      </c>
      <c r="DK29" s="331">
        <v>0</v>
      </c>
      <c r="DL29" s="332">
        <v>0</v>
      </c>
      <c r="DM29" s="327">
        <v>75924</v>
      </c>
      <c r="DN29" s="327">
        <v>419545</v>
      </c>
      <c r="DO29" s="327">
        <v>29024</v>
      </c>
      <c r="DP29" s="327">
        <v>342483</v>
      </c>
      <c r="DQ29" s="327">
        <v>0</v>
      </c>
      <c r="DR29" s="328">
        <v>866976</v>
      </c>
      <c r="DS29" s="330">
        <v>866976</v>
      </c>
      <c r="DT29" s="326">
        <v>0</v>
      </c>
      <c r="DU29" s="327">
        <v>0</v>
      </c>
      <c r="DV29" s="328">
        <v>0</v>
      </c>
      <c r="DW29" s="326">
        <v>0</v>
      </c>
      <c r="DX29" s="327">
        <v>39144</v>
      </c>
      <c r="DY29" s="327">
        <v>370623</v>
      </c>
      <c r="DZ29" s="327">
        <v>29024</v>
      </c>
      <c r="EA29" s="327">
        <v>342483</v>
      </c>
      <c r="EB29" s="327">
        <v>0</v>
      </c>
      <c r="EC29" s="328">
        <v>781274</v>
      </c>
      <c r="ED29" s="330">
        <v>781274</v>
      </c>
      <c r="EE29" s="326">
        <v>0</v>
      </c>
      <c r="EF29" s="331">
        <v>0</v>
      </c>
      <c r="EG29" s="328">
        <v>0</v>
      </c>
      <c r="EH29" s="326">
        <v>0</v>
      </c>
      <c r="EI29" s="327">
        <v>36780</v>
      </c>
      <c r="EJ29" s="327">
        <v>48922</v>
      </c>
      <c r="EK29" s="327">
        <v>0</v>
      </c>
      <c r="EL29" s="327">
        <v>0</v>
      </c>
      <c r="EM29" s="327">
        <v>0</v>
      </c>
      <c r="EN29" s="331">
        <v>85702</v>
      </c>
      <c r="EO29" s="330">
        <v>85702</v>
      </c>
      <c r="EP29" s="326">
        <v>0</v>
      </c>
      <c r="EQ29" s="327">
        <v>0</v>
      </c>
      <c r="ER29" s="331">
        <v>0</v>
      </c>
      <c r="ES29" s="332">
        <v>0</v>
      </c>
      <c r="ET29" s="327">
        <v>0</v>
      </c>
      <c r="EU29" s="327">
        <v>0</v>
      </c>
      <c r="EV29" s="327">
        <v>0</v>
      </c>
      <c r="EW29" s="327">
        <v>0</v>
      </c>
      <c r="EX29" s="327">
        <v>0</v>
      </c>
      <c r="EY29" s="328">
        <v>0</v>
      </c>
      <c r="EZ29" s="330">
        <v>0</v>
      </c>
      <c r="FA29" s="326">
        <v>0</v>
      </c>
      <c r="FB29" s="327">
        <v>0</v>
      </c>
      <c r="FC29" s="331">
        <v>0</v>
      </c>
      <c r="FD29" s="332">
        <v>0</v>
      </c>
      <c r="FE29" s="327">
        <v>0</v>
      </c>
      <c r="FF29" s="327">
        <v>0</v>
      </c>
      <c r="FG29" s="327">
        <v>0</v>
      </c>
      <c r="FH29" s="327">
        <v>0</v>
      </c>
      <c r="FI29" s="327">
        <v>0</v>
      </c>
      <c r="FJ29" s="328">
        <v>0</v>
      </c>
      <c r="FK29" s="330">
        <v>0</v>
      </c>
      <c r="FL29" s="326">
        <v>50480</v>
      </c>
      <c r="FM29" s="327">
        <v>9360</v>
      </c>
      <c r="FN29" s="328">
        <v>59840</v>
      </c>
      <c r="FO29" s="326">
        <v>0</v>
      </c>
      <c r="FP29" s="327">
        <v>149912</v>
      </c>
      <c r="FQ29" s="327">
        <v>223412</v>
      </c>
      <c r="FR29" s="327">
        <v>150120</v>
      </c>
      <c r="FS29" s="327">
        <v>99056</v>
      </c>
      <c r="FT29" s="327">
        <v>81616</v>
      </c>
      <c r="FU29" s="328">
        <v>704116</v>
      </c>
      <c r="FV29" s="330">
        <v>763956</v>
      </c>
      <c r="FW29" s="333">
        <v>50480</v>
      </c>
      <c r="FX29" s="327">
        <v>9360</v>
      </c>
      <c r="FY29" s="331">
        <v>59840</v>
      </c>
      <c r="FZ29" s="332">
        <v>0</v>
      </c>
      <c r="GA29" s="327">
        <v>70712</v>
      </c>
      <c r="GB29" s="327">
        <v>198464</v>
      </c>
      <c r="GC29" s="327">
        <v>150120</v>
      </c>
      <c r="GD29" s="327">
        <v>99056</v>
      </c>
      <c r="GE29" s="327">
        <v>81616</v>
      </c>
      <c r="GF29" s="328">
        <v>599968</v>
      </c>
      <c r="GG29" s="334">
        <v>659808</v>
      </c>
      <c r="GH29" s="333">
        <v>0</v>
      </c>
      <c r="GI29" s="327">
        <v>0</v>
      </c>
      <c r="GJ29" s="331">
        <v>0</v>
      </c>
      <c r="GK29" s="332">
        <v>0</v>
      </c>
      <c r="GL29" s="327">
        <v>0</v>
      </c>
      <c r="GM29" s="327">
        <v>24948</v>
      </c>
      <c r="GN29" s="327">
        <v>0</v>
      </c>
      <c r="GO29" s="327">
        <v>0</v>
      </c>
      <c r="GP29" s="327">
        <v>0</v>
      </c>
      <c r="GQ29" s="328">
        <v>24948</v>
      </c>
      <c r="GR29" s="330">
        <v>24948</v>
      </c>
      <c r="GS29" s="326">
        <v>0</v>
      </c>
      <c r="GT29" s="327">
        <v>0</v>
      </c>
      <c r="GU29" s="328">
        <v>0</v>
      </c>
      <c r="GV29" s="326">
        <v>0</v>
      </c>
      <c r="GW29" s="327">
        <v>79200</v>
      </c>
      <c r="GX29" s="327">
        <v>0</v>
      </c>
      <c r="GY29" s="327">
        <v>0</v>
      </c>
      <c r="GZ29" s="327">
        <v>0</v>
      </c>
      <c r="HA29" s="327">
        <v>0</v>
      </c>
      <c r="HB29" s="331">
        <v>79200</v>
      </c>
      <c r="HC29" s="330">
        <v>79200</v>
      </c>
      <c r="HD29" s="326">
        <v>165718</v>
      </c>
      <c r="HE29" s="327">
        <v>0</v>
      </c>
      <c r="HF29" s="331">
        <v>165718</v>
      </c>
      <c r="HG29" s="332">
        <v>0</v>
      </c>
      <c r="HH29" s="327">
        <v>700406</v>
      </c>
      <c r="HI29" s="327">
        <v>172526</v>
      </c>
      <c r="HJ29" s="327">
        <v>636144</v>
      </c>
      <c r="HK29" s="327">
        <v>219147</v>
      </c>
      <c r="HL29" s="327">
        <v>495950</v>
      </c>
      <c r="HM29" s="328">
        <v>2224173</v>
      </c>
      <c r="HN29" s="329">
        <v>2389891</v>
      </c>
      <c r="HO29" s="333">
        <v>0</v>
      </c>
      <c r="HP29" s="327">
        <v>0</v>
      </c>
      <c r="HQ29" s="328">
        <v>0</v>
      </c>
      <c r="HR29" s="326">
        <v>0</v>
      </c>
      <c r="HS29" s="327">
        <v>0</v>
      </c>
      <c r="HT29" s="327">
        <v>0</v>
      </c>
      <c r="HU29" s="327">
        <v>0</v>
      </c>
      <c r="HV29" s="327">
        <v>0</v>
      </c>
      <c r="HW29" s="327">
        <v>0</v>
      </c>
      <c r="HX29" s="331">
        <v>0</v>
      </c>
      <c r="HY29" s="330">
        <v>0</v>
      </c>
      <c r="HZ29" s="335">
        <v>45060</v>
      </c>
      <c r="IA29" s="336">
        <v>0</v>
      </c>
      <c r="IB29" s="337">
        <v>45060</v>
      </c>
      <c r="IC29" s="338">
        <v>0</v>
      </c>
      <c r="ID29" s="336">
        <v>126041</v>
      </c>
      <c r="IE29" s="339">
        <v>271867</v>
      </c>
      <c r="IF29" s="337">
        <v>828190</v>
      </c>
      <c r="IG29" s="336">
        <v>197889</v>
      </c>
      <c r="IH29" s="337">
        <v>0</v>
      </c>
      <c r="II29" s="340">
        <v>1423987</v>
      </c>
      <c r="IJ29" s="341">
        <v>1469047</v>
      </c>
      <c r="IK29" s="342">
        <v>0</v>
      </c>
      <c r="IL29" s="343">
        <v>0</v>
      </c>
      <c r="IM29" s="344">
        <v>0</v>
      </c>
      <c r="IN29" s="404">
        <v>0</v>
      </c>
      <c r="IO29" s="345">
        <v>0</v>
      </c>
      <c r="IP29" s="345">
        <v>0</v>
      </c>
      <c r="IQ29" s="345">
        <v>0</v>
      </c>
      <c r="IR29" s="345">
        <v>197889</v>
      </c>
      <c r="IS29" s="345">
        <v>0</v>
      </c>
      <c r="IT29" s="346">
        <v>197889</v>
      </c>
      <c r="IU29" s="347">
        <v>197889</v>
      </c>
      <c r="IV29" s="348">
        <v>0</v>
      </c>
      <c r="IW29" s="345">
        <v>0</v>
      </c>
      <c r="IX29" s="349">
        <v>0</v>
      </c>
      <c r="IY29" s="404">
        <v>0</v>
      </c>
      <c r="IZ29" s="345">
        <v>0</v>
      </c>
      <c r="JA29" s="345">
        <v>0</v>
      </c>
      <c r="JB29" s="345">
        <v>0</v>
      </c>
      <c r="JC29" s="345">
        <v>0</v>
      </c>
      <c r="JD29" s="345">
        <v>0</v>
      </c>
      <c r="JE29" s="349">
        <v>0</v>
      </c>
      <c r="JF29" s="350">
        <v>0</v>
      </c>
      <c r="JG29" s="348">
        <v>0</v>
      </c>
      <c r="JH29" s="345">
        <v>0</v>
      </c>
      <c r="JI29" s="346">
        <v>0</v>
      </c>
      <c r="JJ29" s="351">
        <v>0</v>
      </c>
      <c r="JK29" s="345">
        <v>126041</v>
      </c>
      <c r="JL29" s="345">
        <v>97860</v>
      </c>
      <c r="JM29" s="345">
        <v>142503</v>
      </c>
      <c r="JN29" s="345">
        <v>0</v>
      </c>
      <c r="JO29" s="345">
        <v>0</v>
      </c>
      <c r="JP29" s="349">
        <v>366404</v>
      </c>
      <c r="JQ29" s="347">
        <v>366404</v>
      </c>
      <c r="JR29" s="348">
        <v>0</v>
      </c>
      <c r="JS29" s="345">
        <v>0</v>
      </c>
      <c r="JT29" s="346">
        <v>0</v>
      </c>
      <c r="JU29" s="351">
        <v>0</v>
      </c>
      <c r="JV29" s="345">
        <v>0</v>
      </c>
      <c r="JW29" s="345">
        <v>0</v>
      </c>
      <c r="JX29" s="345">
        <v>183805</v>
      </c>
      <c r="JY29" s="345">
        <v>0</v>
      </c>
      <c r="JZ29" s="345">
        <v>0</v>
      </c>
      <c r="KA29" s="349">
        <v>183805</v>
      </c>
      <c r="KB29" s="347">
        <v>183805</v>
      </c>
      <c r="KC29" s="352">
        <v>45060</v>
      </c>
      <c r="KD29" s="353">
        <v>0</v>
      </c>
      <c r="KE29" s="349">
        <v>45060</v>
      </c>
      <c r="KF29" s="351">
        <v>0</v>
      </c>
      <c r="KG29" s="345">
        <v>0</v>
      </c>
      <c r="KH29" s="345">
        <v>174007</v>
      </c>
      <c r="KI29" s="345">
        <v>0</v>
      </c>
      <c r="KJ29" s="345">
        <v>0</v>
      </c>
      <c r="KK29" s="345">
        <v>0</v>
      </c>
      <c r="KL29" s="349">
        <v>174007</v>
      </c>
      <c r="KM29" s="354">
        <v>219067</v>
      </c>
      <c r="KN29" s="342">
        <v>0</v>
      </c>
      <c r="KO29" s="343">
        <v>0</v>
      </c>
      <c r="KP29" s="344">
        <v>0</v>
      </c>
      <c r="KQ29" s="404">
        <v>0</v>
      </c>
      <c r="KR29" s="345">
        <v>0</v>
      </c>
      <c r="KS29" s="345">
        <v>0</v>
      </c>
      <c r="KT29" s="345">
        <v>501882</v>
      </c>
      <c r="KU29" s="345">
        <v>0</v>
      </c>
      <c r="KV29" s="345">
        <v>0</v>
      </c>
      <c r="KW29" s="349">
        <v>501882</v>
      </c>
      <c r="KX29" s="347">
        <v>501882</v>
      </c>
      <c r="KY29" s="348">
        <v>0</v>
      </c>
      <c r="KZ29" s="345">
        <v>0</v>
      </c>
      <c r="LA29" s="349">
        <v>0</v>
      </c>
      <c r="LB29" s="404">
        <v>0</v>
      </c>
      <c r="LC29" s="345">
        <v>0</v>
      </c>
      <c r="LD29" s="345">
        <v>0</v>
      </c>
      <c r="LE29" s="345">
        <v>0</v>
      </c>
      <c r="LF29" s="345">
        <v>0</v>
      </c>
      <c r="LG29" s="345">
        <v>0</v>
      </c>
      <c r="LH29" s="349">
        <v>0</v>
      </c>
      <c r="LI29" s="350">
        <v>0</v>
      </c>
      <c r="LJ29" s="348">
        <v>0</v>
      </c>
      <c r="LK29" s="345">
        <v>0</v>
      </c>
      <c r="LL29" s="349">
        <v>0</v>
      </c>
      <c r="LM29" s="404">
        <v>0</v>
      </c>
      <c r="LN29" s="345">
        <v>0</v>
      </c>
      <c r="LO29" s="345">
        <v>0</v>
      </c>
      <c r="LP29" s="345">
        <v>0</v>
      </c>
      <c r="LQ29" s="345">
        <v>0</v>
      </c>
      <c r="LR29" s="345">
        <v>0</v>
      </c>
      <c r="LS29" s="349">
        <v>0</v>
      </c>
      <c r="LT29" s="347">
        <v>0</v>
      </c>
      <c r="LU29" s="348">
        <v>0</v>
      </c>
      <c r="LV29" s="345">
        <v>0</v>
      </c>
      <c r="LW29" s="349">
        <v>0</v>
      </c>
      <c r="LX29" s="404">
        <v>0</v>
      </c>
      <c r="LY29" s="345">
        <v>0</v>
      </c>
      <c r="LZ29" s="345">
        <v>0</v>
      </c>
      <c r="MA29" s="345">
        <v>0</v>
      </c>
      <c r="MB29" s="345">
        <v>0</v>
      </c>
      <c r="MC29" s="345">
        <v>0</v>
      </c>
      <c r="MD29" s="349">
        <v>0</v>
      </c>
      <c r="ME29" s="350">
        <v>0</v>
      </c>
      <c r="MF29" s="348">
        <v>0</v>
      </c>
      <c r="MG29" s="345">
        <v>0</v>
      </c>
      <c r="MH29" s="349">
        <v>0</v>
      </c>
      <c r="MI29" s="404">
        <v>0</v>
      </c>
      <c r="MJ29" s="345">
        <v>243768</v>
      </c>
      <c r="MK29" s="345">
        <v>258676</v>
      </c>
      <c r="ML29" s="345">
        <v>1379112</v>
      </c>
      <c r="MM29" s="345">
        <v>2299861</v>
      </c>
      <c r="MN29" s="345">
        <v>1179425</v>
      </c>
      <c r="MO29" s="349">
        <v>5360842</v>
      </c>
      <c r="MP29" s="354">
        <v>5360842</v>
      </c>
      <c r="MQ29" s="348">
        <v>0</v>
      </c>
      <c r="MR29" s="345">
        <v>0</v>
      </c>
      <c r="MS29" s="349">
        <v>0</v>
      </c>
      <c r="MT29" s="404">
        <v>0</v>
      </c>
      <c r="MU29" s="345">
        <v>0</v>
      </c>
      <c r="MV29" s="345">
        <v>0</v>
      </c>
      <c r="MW29" s="345">
        <v>254076</v>
      </c>
      <c r="MX29" s="345">
        <v>1359816</v>
      </c>
      <c r="MY29" s="345">
        <v>1179425</v>
      </c>
      <c r="MZ29" s="349">
        <v>2793317</v>
      </c>
      <c r="NA29" s="354">
        <v>2793317</v>
      </c>
      <c r="NB29" s="348">
        <v>0</v>
      </c>
      <c r="NC29" s="345">
        <v>0</v>
      </c>
      <c r="ND29" s="349">
        <v>0</v>
      </c>
      <c r="NE29" s="404">
        <v>0</v>
      </c>
      <c r="NF29" s="345">
        <v>243768</v>
      </c>
      <c r="NG29" s="345">
        <v>258676</v>
      </c>
      <c r="NH29" s="345">
        <v>1125036</v>
      </c>
      <c r="NI29" s="345">
        <v>940045</v>
      </c>
      <c r="NJ29" s="345">
        <v>0</v>
      </c>
      <c r="NK29" s="349">
        <v>2567525</v>
      </c>
      <c r="NL29" s="347">
        <v>2567525</v>
      </c>
      <c r="NM29" s="348">
        <v>0</v>
      </c>
      <c r="NN29" s="345">
        <v>0</v>
      </c>
      <c r="NO29" s="349">
        <v>0</v>
      </c>
      <c r="NP29" s="404">
        <v>0</v>
      </c>
      <c r="NQ29" s="345">
        <v>0</v>
      </c>
      <c r="NR29" s="345">
        <v>0</v>
      </c>
      <c r="NS29" s="345">
        <v>0</v>
      </c>
      <c r="NT29" s="345">
        <v>0</v>
      </c>
      <c r="NU29" s="345">
        <v>0</v>
      </c>
      <c r="NV29" s="349">
        <v>0</v>
      </c>
      <c r="NW29" s="350">
        <v>0</v>
      </c>
      <c r="NX29" s="348">
        <v>0</v>
      </c>
      <c r="NY29" s="345">
        <v>0</v>
      </c>
      <c r="NZ29" s="349">
        <v>0</v>
      </c>
      <c r="OA29" s="404">
        <v>0</v>
      </c>
      <c r="OB29" s="345">
        <v>0</v>
      </c>
      <c r="OC29" s="345">
        <v>0</v>
      </c>
      <c r="OD29" s="345">
        <v>0</v>
      </c>
      <c r="OE29" s="345">
        <v>0</v>
      </c>
      <c r="OF29" s="345">
        <v>0</v>
      </c>
      <c r="OG29" s="349">
        <v>0</v>
      </c>
      <c r="OH29" s="350">
        <v>0</v>
      </c>
      <c r="OI29" s="348">
        <v>379273</v>
      </c>
      <c r="OJ29" s="345">
        <v>165128</v>
      </c>
      <c r="OK29" s="346">
        <v>544401</v>
      </c>
      <c r="OL29" s="351">
        <v>0</v>
      </c>
      <c r="OM29" s="345">
        <v>2668017</v>
      </c>
      <c r="ON29" s="345">
        <v>3187088</v>
      </c>
      <c r="OO29" s="345">
        <v>4032856</v>
      </c>
      <c r="OP29" s="345">
        <v>4326651</v>
      </c>
      <c r="OQ29" s="345">
        <v>2381559</v>
      </c>
      <c r="OR29" s="349">
        <v>16596171</v>
      </c>
      <c r="OS29" s="354">
        <v>17140572</v>
      </c>
    </row>
    <row r="30" spans="2:409" s="70" customFormat="1" ht="21" customHeight="1" x14ac:dyDescent="0.2">
      <c r="B30" s="410" t="s">
        <v>25</v>
      </c>
      <c r="C30" s="326">
        <v>41064</v>
      </c>
      <c r="D30" s="327">
        <v>310445</v>
      </c>
      <c r="E30" s="328">
        <v>351509</v>
      </c>
      <c r="F30" s="329">
        <v>0</v>
      </c>
      <c r="G30" s="327">
        <v>1718421</v>
      </c>
      <c r="H30" s="327">
        <v>1751960</v>
      </c>
      <c r="I30" s="327">
        <v>974206</v>
      </c>
      <c r="J30" s="327">
        <v>1222551</v>
      </c>
      <c r="K30" s="327">
        <v>0</v>
      </c>
      <c r="L30" s="367">
        <v>5667138</v>
      </c>
      <c r="M30" s="330">
        <v>6018647</v>
      </c>
      <c r="N30" s="326">
        <v>15272</v>
      </c>
      <c r="O30" s="327">
        <v>83410</v>
      </c>
      <c r="P30" s="328">
        <v>98682</v>
      </c>
      <c r="Q30" s="326">
        <v>0</v>
      </c>
      <c r="R30" s="327">
        <v>470005</v>
      </c>
      <c r="S30" s="327">
        <v>752462</v>
      </c>
      <c r="T30" s="327">
        <v>265287</v>
      </c>
      <c r="U30" s="327">
        <v>366796</v>
      </c>
      <c r="V30" s="327">
        <v>0</v>
      </c>
      <c r="W30" s="328">
        <v>1854550</v>
      </c>
      <c r="X30" s="330">
        <v>1953232</v>
      </c>
      <c r="Y30" s="326">
        <v>0</v>
      </c>
      <c r="Z30" s="327">
        <v>0</v>
      </c>
      <c r="AA30" s="328">
        <v>0</v>
      </c>
      <c r="AB30" s="326">
        <v>0</v>
      </c>
      <c r="AC30" s="327">
        <v>279283</v>
      </c>
      <c r="AD30" s="327">
        <v>239187</v>
      </c>
      <c r="AE30" s="327">
        <v>68112</v>
      </c>
      <c r="AF30" s="327">
        <v>43663</v>
      </c>
      <c r="AG30" s="327">
        <v>0</v>
      </c>
      <c r="AH30" s="328">
        <v>630245</v>
      </c>
      <c r="AI30" s="330">
        <v>630245</v>
      </c>
      <c r="AJ30" s="326">
        <v>0</v>
      </c>
      <c r="AK30" s="327">
        <v>0</v>
      </c>
      <c r="AL30" s="328">
        <v>0</v>
      </c>
      <c r="AM30" s="326">
        <v>0</v>
      </c>
      <c r="AN30" s="327">
        <v>0</v>
      </c>
      <c r="AO30" s="327">
        <v>0</v>
      </c>
      <c r="AP30" s="327">
        <v>35566</v>
      </c>
      <c r="AQ30" s="327">
        <v>23711</v>
      </c>
      <c r="AR30" s="327">
        <v>0</v>
      </c>
      <c r="AS30" s="328">
        <v>59277</v>
      </c>
      <c r="AT30" s="330">
        <v>59277</v>
      </c>
      <c r="AU30" s="326">
        <v>7720</v>
      </c>
      <c r="AV30" s="327">
        <v>22341</v>
      </c>
      <c r="AW30" s="328">
        <v>30061</v>
      </c>
      <c r="AX30" s="326">
        <v>0</v>
      </c>
      <c r="AY30" s="327">
        <v>102658</v>
      </c>
      <c r="AZ30" s="327">
        <v>360479</v>
      </c>
      <c r="BA30" s="327">
        <v>140673</v>
      </c>
      <c r="BB30" s="327">
        <v>250734</v>
      </c>
      <c r="BC30" s="327">
        <v>0</v>
      </c>
      <c r="BD30" s="328">
        <v>854544</v>
      </c>
      <c r="BE30" s="330">
        <v>884605</v>
      </c>
      <c r="BF30" s="326">
        <v>0</v>
      </c>
      <c r="BG30" s="327">
        <v>40645</v>
      </c>
      <c r="BH30" s="331">
        <v>40645</v>
      </c>
      <c r="BI30" s="332">
        <v>0</v>
      </c>
      <c r="BJ30" s="327">
        <v>0</v>
      </c>
      <c r="BK30" s="327">
        <v>82196</v>
      </c>
      <c r="BL30" s="327">
        <v>0</v>
      </c>
      <c r="BM30" s="327">
        <v>0</v>
      </c>
      <c r="BN30" s="327">
        <v>0</v>
      </c>
      <c r="BO30" s="328">
        <v>82196</v>
      </c>
      <c r="BP30" s="330">
        <v>122841</v>
      </c>
      <c r="BQ30" s="326">
        <v>7552</v>
      </c>
      <c r="BR30" s="327">
        <v>20424</v>
      </c>
      <c r="BS30" s="328">
        <v>27976</v>
      </c>
      <c r="BT30" s="326">
        <v>0</v>
      </c>
      <c r="BU30" s="327">
        <v>88064</v>
      </c>
      <c r="BV30" s="327">
        <v>70600</v>
      </c>
      <c r="BW30" s="327">
        <v>20936</v>
      </c>
      <c r="BX30" s="327">
        <v>48688</v>
      </c>
      <c r="BY30" s="327">
        <v>0</v>
      </c>
      <c r="BZ30" s="328">
        <v>228288</v>
      </c>
      <c r="CA30" s="330">
        <v>256264</v>
      </c>
      <c r="CB30" s="326">
        <v>0</v>
      </c>
      <c r="CC30" s="327">
        <v>39980</v>
      </c>
      <c r="CD30" s="328">
        <v>39980</v>
      </c>
      <c r="CE30" s="326">
        <v>0</v>
      </c>
      <c r="CF30" s="327">
        <v>532569</v>
      </c>
      <c r="CG30" s="327">
        <v>468964</v>
      </c>
      <c r="CH30" s="327">
        <v>230169</v>
      </c>
      <c r="CI30" s="327">
        <v>239783</v>
      </c>
      <c r="CJ30" s="327">
        <v>0</v>
      </c>
      <c r="CK30" s="328">
        <v>1471485</v>
      </c>
      <c r="CL30" s="330">
        <v>1511465</v>
      </c>
      <c r="CM30" s="326">
        <v>0</v>
      </c>
      <c r="CN30" s="327">
        <v>0</v>
      </c>
      <c r="CO30" s="328">
        <v>0</v>
      </c>
      <c r="CP30" s="332">
        <v>0</v>
      </c>
      <c r="CQ30" s="327">
        <v>433248</v>
      </c>
      <c r="CR30" s="327">
        <v>4860</v>
      </c>
      <c r="CS30" s="327">
        <v>12547</v>
      </c>
      <c r="CT30" s="327">
        <v>33774</v>
      </c>
      <c r="CU30" s="327">
        <v>0</v>
      </c>
      <c r="CV30" s="328">
        <v>484429</v>
      </c>
      <c r="CW30" s="330">
        <v>484429</v>
      </c>
      <c r="CX30" s="326">
        <v>0</v>
      </c>
      <c r="CY30" s="327">
        <v>39980</v>
      </c>
      <c r="CZ30" s="328">
        <v>39980</v>
      </c>
      <c r="DA30" s="326">
        <v>0</v>
      </c>
      <c r="DB30" s="327">
        <v>99321</v>
      </c>
      <c r="DC30" s="327">
        <v>464104</v>
      </c>
      <c r="DD30" s="327">
        <v>217622</v>
      </c>
      <c r="DE30" s="327">
        <v>206009</v>
      </c>
      <c r="DF30" s="327">
        <v>0</v>
      </c>
      <c r="DG30" s="328">
        <v>987056</v>
      </c>
      <c r="DH30" s="330">
        <v>1027036</v>
      </c>
      <c r="DI30" s="326">
        <v>0</v>
      </c>
      <c r="DJ30" s="327">
        <v>0</v>
      </c>
      <c r="DK30" s="331">
        <v>0</v>
      </c>
      <c r="DL30" s="332">
        <v>0</v>
      </c>
      <c r="DM30" s="327">
        <v>30924</v>
      </c>
      <c r="DN30" s="327">
        <v>176917</v>
      </c>
      <c r="DO30" s="327">
        <v>0</v>
      </c>
      <c r="DP30" s="327">
        <v>106730</v>
      </c>
      <c r="DQ30" s="327">
        <v>0</v>
      </c>
      <c r="DR30" s="328">
        <v>314571</v>
      </c>
      <c r="DS30" s="330">
        <v>314571</v>
      </c>
      <c r="DT30" s="326">
        <v>0</v>
      </c>
      <c r="DU30" s="327">
        <v>0</v>
      </c>
      <c r="DV30" s="328">
        <v>0</v>
      </c>
      <c r="DW30" s="326">
        <v>0</v>
      </c>
      <c r="DX30" s="327">
        <v>30924</v>
      </c>
      <c r="DY30" s="327">
        <v>176917</v>
      </c>
      <c r="DZ30" s="327">
        <v>0</v>
      </c>
      <c r="EA30" s="327">
        <v>41330</v>
      </c>
      <c r="EB30" s="327">
        <v>0</v>
      </c>
      <c r="EC30" s="328">
        <v>249171</v>
      </c>
      <c r="ED30" s="330">
        <v>249171</v>
      </c>
      <c r="EE30" s="326">
        <v>0</v>
      </c>
      <c r="EF30" s="331">
        <v>0</v>
      </c>
      <c r="EG30" s="328">
        <v>0</v>
      </c>
      <c r="EH30" s="326">
        <v>0</v>
      </c>
      <c r="EI30" s="327">
        <v>0</v>
      </c>
      <c r="EJ30" s="327">
        <v>0</v>
      </c>
      <c r="EK30" s="327">
        <v>0</v>
      </c>
      <c r="EL30" s="327">
        <v>65400</v>
      </c>
      <c r="EM30" s="327">
        <v>0</v>
      </c>
      <c r="EN30" s="331">
        <v>65400</v>
      </c>
      <c r="EO30" s="330">
        <v>65400</v>
      </c>
      <c r="EP30" s="326">
        <v>0</v>
      </c>
      <c r="EQ30" s="327">
        <v>0</v>
      </c>
      <c r="ER30" s="331">
        <v>0</v>
      </c>
      <c r="ES30" s="332">
        <v>0</v>
      </c>
      <c r="ET30" s="327">
        <v>0</v>
      </c>
      <c r="EU30" s="327">
        <v>0</v>
      </c>
      <c r="EV30" s="327">
        <v>0</v>
      </c>
      <c r="EW30" s="327">
        <v>0</v>
      </c>
      <c r="EX30" s="327">
        <v>0</v>
      </c>
      <c r="EY30" s="328">
        <v>0</v>
      </c>
      <c r="EZ30" s="330">
        <v>0</v>
      </c>
      <c r="FA30" s="326">
        <v>0</v>
      </c>
      <c r="FB30" s="327">
        <v>0</v>
      </c>
      <c r="FC30" s="331">
        <v>0</v>
      </c>
      <c r="FD30" s="332">
        <v>0</v>
      </c>
      <c r="FE30" s="327">
        <v>0</v>
      </c>
      <c r="FF30" s="327">
        <v>0</v>
      </c>
      <c r="FG30" s="327">
        <v>0</v>
      </c>
      <c r="FH30" s="327">
        <v>0</v>
      </c>
      <c r="FI30" s="327">
        <v>0</v>
      </c>
      <c r="FJ30" s="328">
        <v>0</v>
      </c>
      <c r="FK30" s="330">
        <v>0</v>
      </c>
      <c r="FL30" s="326">
        <v>25792</v>
      </c>
      <c r="FM30" s="327">
        <v>44544</v>
      </c>
      <c r="FN30" s="328">
        <v>70336</v>
      </c>
      <c r="FO30" s="326">
        <v>0</v>
      </c>
      <c r="FP30" s="327">
        <v>33056</v>
      </c>
      <c r="FQ30" s="327">
        <v>175224</v>
      </c>
      <c r="FR30" s="327">
        <v>71096</v>
      </c>
      <c r="FS30" s="327">
        <v>64224</v>
      </c>
      <c r="FT30" s="327">
        <v>0</v>
      </c>
      <c r="FU30" s="328">
        <v>343600</v>
      </c>
      <c r="FV30" s="330">
        <v>413936</v>
      </c>
      <c r="FW30" s="333">
        <v>12992</v>
      </c>
      <c r="FX30" s="327">
        <v>44544</v>
      </c>
      <c r="FY30" s="331">
        <v>57536</v>
      </c>
      <c r="FZ30" s="332">
        <v>0</v>
      </c>
      <c r="GA30" s="327">
        <v>33056</v>
      </c>
      <c r="GB30" s="327">
        <v>175224</v>
      </c>
      <c r="GC30" s="327">
        <v>71096</v>
      </c>
      <c r="GD30" s="327">
        <v>64224</v>
      </c>
      <c r="GE30" s="327">
        <v>0</v>
      </c>
      <c r="GF30" s="328">
        <v>343600</v>
      </c>
      <c r="GG30" s="334">
        <v>401136</v>
      </c>
      <c r="GH30" s="333">
        <v>12800</v>
      </c>
      <c r="GI30" s="327">
        <v>0</v>
      </c>
      <c r="GJ30" s="331">
        <v>12800</v>
      </c>
      <c r="GK30" s="332">
        <v>0</v>
      </c>
      <c r="GL30" s="327">
        <v>0</v>
      </c>
      <c r="GM30" s="327">
        <v>0</v>
      </c>
      <c r="GN30" s="327">
        <v>0</v>
      </c>
      <c r="GO30" s="327">
        <v>0</v>
      </c>
      <c r="GP30" s="327">
        <v>0</v>
      </c>
      <c r="GQ30" s="328">
        <v>0</v>
      </c>
      <c r="GR30" s="330">
        <v>12800</v>
      </c>
      <c r="GS30" s="326">
        <v>0</v>
      </c>
      <c r="GT30" s="327">
        <v>0</v>
      </c>
      <c r="GU30" s="328">
        <v>0</v>
      </c>
      <c r="GV30" s="326">
        <v>0</v>
      </c>
      <c r="GW30" s="327">
        <v>0</v>
      </c>
      <c r="GX30" s="327">
        <v>0</v>
      </c>
      <c r="GY30" s="327">
        <v>0</v>
      </c>
      <c r="GZ30" s="327">
        <v>0</v>
      </c>
      <c r="HA30" s="327">
        <v>0</v>
      </c>
      <c r="HB30" s="331">
        <v>0</v>
      </c>
      <c r="HC30" s="330">
        <v>0</v>
      </c>
      <c r="HD30" s="326">
        <v>0</v>
      </c>
      <c r="HE30" s="327">
        <v>142511</v>
      </c>
      <c r="HF30" s="331">
        <v>142511</v>
      </c>
      <c r="HG30" s="332">
        <v>0</v>
      </c>
      <c r="HH30" s="327">
        <v>651867</v>
      </c>
      <c r="HI30" s="327">
        <v>178393</v>
      </c>
      <c r="HJ30" s="327">
        <v>407654</v>
      </c>
      <c r="HK30" s="327">
        <v>445018</v>
      </c>
      <c r="HL30" s="327">
        <v>0</v>
      </c>
      <c r="HM30" s="328">
        <v>1682932</v>
      </c>
      <c r="HN30" s="329">
        <v>1825443</v>
      </c>
      <c r="HO30" s="333">
        <v>0</v>
      </c>
      <c r="HP30" s="327">
        <v>0</v>
      </c>
      <c r="HQ30" s="328">
        <v>0</v>
      </c>
      <c r="HR30" s="326">
        <v>0</v>
      </c>
      <c r="HS30" s="327">
        <v>0</v>
      </c>
      <c r="HT30" s="327">
        <v>0</v>
      </c>
      <c r="HU30" s="327">
        <v>0</v>
      </c>
      <c r="HV30" s="327">
        <v>0</v>
      </c>
      <c r="HW30" s="327">
        <v>0</v>
      </c>
      <c r="HX30" s="331">
        <v>0</v>
      </c>
      <c r="HY30" s="330">
        <v>0</v>
      </c>
      <c r="HZ30" s="358">
        <v>0</v>
      </c>
      <c r="IA30" s="356">
        <v>76567</v>
      </c>
      <c r="IB30" s="358">
        <v>76567</v>
      </c>
      <c r="IC30" s="355">
        <v>0</v>
      </c>
      <c r="ID30" s="356">
        <v>396218</v>
      </c>
      <c r="IE30" s="357">
        <v>109414</v>
      </c>
      <c r="IF30" s="358">
        <v>49875</v>
      </c>
      <c r="IG30" s="356">
        <v>76401</v>
      </c>
      <c r="IH30" s="358">
        <v>0</v>
      </c>
      <c r="II30" s="359">
        <v>631908</v>
      </c>
      <c r="IJ30" s="358">
        <v>708475</v>
      </c>
      <c r="IK30" s="342">
        <v>0</v>
      </c>
      <c r="IL30" s="343">
        <v>0</v>
      </c>
      <c r="IM30" s="344">
        <v>0</v>
      </c>
      <c r="IN30" s="404">
        <v>0</v>
      </c>
      <c r="IO30" s="345">
        <v>0</v>
      </c>
      <c r="IP30" s="345">
        <v>0</v>
      </c>
      <c r="IQ30" s="345">
        <v>0</v>
      </c>
      <c r="IR30" s="345">
        <v>0</v>
      </c>
      <c r="IS30" s="345">
        <v>0</v>
      </c>
      <c r="IT30" s="346">
        <v>0</v>
      </c>
      <c r="IU30" s="347">
        <v>0</v>
      </c>
      <c r="IV30" s="348">
        <v>0</v>
      </c>
      <c r="IW30" s="345">
        <v>0</v>
      </c>
      <c r="IX30" s="349">
        <v>0</v>
      </c>
      <c r="IY30" s="404">
        <v>0</v>
      </c>
      <c r="IZ30" s="345">
        <v>0</v>
      </c>
      <c r="JA30" s="345">
        <v>0</v>
      </c>
      <c r="JB30" s="345">
        <v>0</v>
      </c>
      <c r="JC30" s="345">
        <v>0</v>
      </c>
      <c r="JD30" s="345">
        <v>0</v>
      </c>
      <c r="JE30" s="349">
        <v>0</v>
      </c>
      <c r="JF30" s="350">
        <v>0</v>
      </c>
      <c r="JG30" s="348">
        <v>0</v>
      </c>
      <c r="JH30" s="345">
        <v>0</v>
      </c>
      <c r="JI30" s="346">
        <v>0</v>
      </c>
      <c r="JJ30" s="351">
        <v>0</v>
      </c>
      <c r="JK30" s="345">
        <v>164454</v>
      </c>
      <c r="JL30" s="345">
        <v>109414</v>
      </c>
      <c r="JM30" s="345">
        <v>49875</v>
      </c>
      <c r="JN30" s="345">
        <v>76401</v>
      </c>
      <c r="JO30" s="345">
        <v>0</v>
      </c>
      <c r="JP30" s="349">
        <v>400144</v>
      </c>
      <c r="JQ30" s="347">
        <v>400144</v>
      </c>
      <c r="JR30" s="348">
        <v>0</v>
      </c>
      <c r="JS30" s="345">
        <v>0</v>
      </c>
      <c r="JT30" s="346">
        <v>0</v>
      </c>
      <c r="JU30" s="351">
        <v>0</v>
      </c>
      <c r="JV30" s="345">
        <v>0</v>
      </c>
      <c r="JW30" s="345">
        <v>0</v>
      </c>
      <c r="JX30" s="345">
        <v>0</v>
      </c>
      <c r="JY30" s="345">
        <v>0</v>
      </c>
      <c r="JZ30" s="345">
        <v>0</v>
      </c>
      <c r="KA30" s="349">
        <v>0</v>
      </c>
      <c r="KB30" s="347">
        <v>0</v>
      </c>
      <c r="KC30" s="352">
        <v>0</v>
      </c>
      <c r="KD30" s="353">
        <v>76567</v>
      </c>
      <c r="KE30" s="349">
        <v>76567</v>
      </c>
      <c r="KF30" s="351">
        <v>0</v>
      </c>
      <c r="KG30" s="345">
        <v>0</v>
      </c>
      <c r="KH30" s="345">
        <v>0</v>
      </c>
      <c r="KI30" s="345">
        <v>0</v>
      </c>
      <c r="KJ30" s="345">
        <v>0</v>
      </c>
      <c r="KK30" s="345">
        <v>0</v>
      </c>
      <c r="KL30" s="349">
        <v>0</v>
      </c>
      <c r="KM30" s="354">
        <v>76567</v>
      </c>
      <c r="KN30" s="342">
        <v>0</v>
      </c>
      <c r="KO30" s="343">
        <v>0</v>
      </c>
      <c r="KP30" s="344">
        <v>0</v>
      </c>
      <c r="KQ30" s="404">
        <v>0</v>
      </c>
      <c r="KR30" s="345">
        <v>231764</v>
      </c>
      <c r="KS30" s="345">
        <v>0</v>
      </c>
      <c r="KT30" s="345">
        <v>0</v>
      </c>
      <c r="KU30" s="345">
        <v>0</v>
      </c>
      <c r="KV30" s="345">
        <v>0</v>
      </c>
      <c r="KW30" s="349">
        <v>231764</v>
      </c>
      <c r="KX30" s="347">
        <v>231764</v>
      </c>
      <c r="KY30" s="348">
        <v>0</v>
      </c>
      <c r="KZ30" s="345">
        <v>0</v>
      </c>
      <c r="LA30" s="349">
        <v>0</v>
      </c>
      <c r="LB30" s="404">
        <v>0</v>
      </c>
      <c r="LC30" s="345">
        <v>0</v>
      </c>
      <c r="LD30" s="345">
        <v>0</v>
      </c>
      <c r="LE30" s="345">
        <v>0</v>
      </c>
      <c r="LF30" s="345">
        <v>0</v>
      </c>
      <c r="LG30" s="345">
        <v>0</v>
      </c>
      <c r="LH30" s="349">
        <v>0</v>
      </c>
      <c r="LI30" s="350">
        <v>0</v>
      </c>
      <c r="LJ30" s="348">
        <v>0</v>
      </c>
      <c r="LK30" s="345">
        <v>0</v>
      </c>
      <c r="LL30" s="349">
        <v>0</v>
      </c>
      <c r="LM30" s="404">
        <v>0</v>
      </c>
      <c r="LN30" s="345">
        <v>0</v>
      </c>
      <c r="LO30" s="345">
        <v>0</v>
      </c>
      <c r="LP30" s="345">
        <v>0</v>
      </c>
      <c r="LQ30" s="345">
        <v>0</v>
      </c>
      <c r="LR30" s="345">
        <v>0</v>
      </c>
      <c r="LS30" s="349">
        <v>0</v>
      </c>
      <c r="LT30" s="347">
        <v>0</v>
      </c>
      <c r="LU30" s="348">
        <v>0</v>
      </c>
      <c r="LV30" s="345">
        <v>0</v>
      </c>
      <c r="LW30" s="349">
        <v>0</v>
      </c>
      <c r="LX30" s="404">
        <v>0</v>
      </c>
      <c r="LY30" s="345">
        <v>0</v>
      </c>
      <c r="LZ30" s="345">
        <v>0</v>
      </c>
      <c r="MA30" s="345">
        <v>0</v>
      </c>
      <c r="MB30" s="345">
        <v>0</v>
      </c>
      <c r="MC30" s="345">
        <v>0</v>
      </c>
      <c r="MD30" s="349">
        <v>0</v>
      </c>
      <c r="ME30" s="350">
        <v>0</v>
      </c>
      <c r="MF30" s="348">
        <v>0</v>
      </c>
      <c r="MG30" s="345">
        <v>0</v>
      </c>
      <c r="MH30" s="349">
        <v>0</v>
      </c>
      <c r="MI30" s="404">
        <v>0</v>
      </c>
      <c r="MJ30" s="345">
        <v>432012</v>
      </c>
      <c r="MK30" s="345">
        <v>247212</v>
      </c>
      <c r="ML30" s="345">
        <v>628394</v>
      </c>
      <c r="MM30" s="345">
        <v>282466</v>
      </c>
      <c r="MN30" s="345">
        <v>915041</v>
      </c>
      <c r="MO30" s="349">
        <v>2505125</v>
      </c>
      <c r="MP30" s="354">
        <v>2505125</v>
      </c>
      <c r="MQ30" s="348">
        <v>0</v>
      </c>
      <c r="MR30" s="345">
        <v>0</v>
      </c>
      <c r="MS30" s="349">
        <v>0</v>
      </c>
      <c r="MT30" s="404">
        <v>0</v>
      </c>
      <c r="MU30" s="345">
        <v>196718</v>
      </c>
      <c r="MV30" s="345">
        <v>0</v>
      </c>
      <c r="MW30" s="345">
        <v>253030</v>
      </c>
      <c r="MX30" s="345">
        <v>14069</v>
      </c>
      <c r="MY30" s="345">
        <v>554208</v>
      </c>
      <c r="MZ30" s="349">
        <v>1018025</v>
      </c>
      <c r="NA30" s="354">
        <v>1018025</v>
      </c>
      <c r="NB30" s="348">
        <v>0</v>
      </c>
      <c r="NC30" s="345">
        <v>0</v>
      </c>
      <c r="ND30" s="349">
        <v>0</v>
      </c>
      <c r="NE30" s="404">
        <v>0</v>
      </c>
      <c r="NF30" s="345">
        <v>235294</v>
      </c>
      <c r="NG30" s="345">
        <v>247212</v>
      </c>
      <c r="NH30" s="345">
        <v>375364</v>
      </c>
      <c r="NI30" s="345">
        <v>268397</v>
      </c>
      <c r="NJ30" s="345">
        <v>360833</v>
      </c>
      <c r="NK30" s="349">
        <v>1487100</v>
      </c>
      <c r="NL30" s="347">
        <v>1487100</v>
      </c>
      <c r="NM30" s="348">
        <v>0</v>
      </c>
      <c r="NN30" s="345">
        <v>0</v>
      </c>
      <c r="NO30" s="349">
        <v>0</v>
      </c>
      <c r="NP30" s="404">
        <v>0</v>
      </c>
      <c r="NQ30" s="345">
        <v>0</v>
      </c>
      <c r="NR30" s="345">
        <v>0</v>
      </c>
      <c r="NS30" s="345">
        <v>0</v>
      </c>
      <c r="NT30" s="345">
        <v>0</v>
      </c>
      <c r="NU30" s="345">
        <v>0</v>
      </c>
      <c r="NV30" s="349">
        <v>0</v>
      </c>
      <c r="NW30" s="350">
        <v>0</v>
      </c>
      <c r="NX30" s="348">
        <v>0</v>
      </c>
      <c r="NY30" s="345">
        <v>0</v>
      </c>
      <c r="NZ30" s="349">
        <v>0</v>
      </c>
      <c r="OA30" s="404">
        <v>0</v>
      </c>
      <c r="OB30" s="345">
        <v>0</v>
      </c>
      <c r="OC30" s="345">
        <v>0</v>
      </c>
      <c r="OD30" s="345">
        <v>0</v>
      </c>
      <c r="OE30" s="345">
        <v>0</v>
      </c>
      <c r="OF30" s="345">
        <v>0</v>
      </c>
      <c r="OG30" s="349">
        <v>0</v>
      </c>
      <c r="OH30" s="350">
        <v>0</v>
      </c>
      <c r="OI30" s="348">
        <v>41064</v>
      </c>
      <c r="OJ30" s="345">
        <v>387012</v>
      </c>
      <c r="OK30" s="346">
        <v>428076</v>
      </c>
      <c r="OL30" s="351">
        <v>0</v>
      </c>
      <c r="OM30" s="345">
        <v>2546651</v>
      </c>
      <c r="ON30" s="345">
        <v>2108586</v>
      </c>
      <c r="OO30" s="345">
        <v>1652475</v>
      </c>
      <c r="OP30" s="345">
        <v>1581418</v>
      </c>
      <c r="OQ30" s="345">
        <v>915041</v>
      </c>
      <c r="OR30" s="349">
        <v>8804171</v>
      </c>
      <c r="OS30" s="354">
        <v>9232247</v>
      </c>
    </row>
    <row r="31" spans="2:409" s="70" customFormat="1" ht="21" customHeight="1" x14ac:dyDescent="0.2">
      <c r="B31" s="410" t="s">
        <v>26</v>
      </c>
      <c r="C31" s="326">
        <v>282994</v>
      </c>
      <c r="D31" s="327">
        <v>49256</v>
      </c>
      <c r="E31" s="328">
        <v>332250</v>
      </c>
      <c r="F31" s="329">
        <v>0</v>
      </c>
      <c r="G31" s="327">
        <v>1518835</v>
      </c>
      <c r="H31" s="327">
        <v>1714860</v>
      </c>
      <c r="I31" s="327">
        <v>1314678</v>
      </c>
      <c r="J31" s="327">
        <v>1770110</v>
      </c>
      <c r="K31" s="327">
        <v>380357</v>
      </c>
      <c r="L31" s="367">
        <v>6698840</v>
      </c>
      <c r="M31" s="330">
        <v>7031090</v>
      </c>
      <c r="N31" s="326">
        <v>32166</v>
      </c>
      <c r="O31" s="327">
        <v>0</v>
      </c>
      <c r="P31" s="328">
        <v>32166</v>
      </c>
      <c r="Q31" s="326">
        <v>0</v>
      </c>
      <c r="R31" s="327">
        <v>655469</v>
      </c>
      <c r="S31" s="327">
        <v>361013</v>
      </c>
      <c r="T31" s="327">
        <v>526101</v>
      </c>
      <c r="U31" s="327">
        <v>783533</v>
      </c>
      <c r="V31" s="327">
        <v>328989</v>
      </c>
      <c r="W31" s="328">
        <v>2655105</v>
      </c>
      <c r="X31" s="330">
        <v>2687271</v>
      </c>
      <c r="Y31" s="326">
        <v>0</v>
      </c>
      <c r="Z31" s="327">
        <v>0</v>
      </c>
      <c r="AA31" s="328">
        <v>0</v>
      </c>
      <c r="AB31" s="326">
        <v>0</v>
      </c>
      <c r="AC31" s="327">
        <v>417754</v>
      </c>
      <c r="AD31" s="327">
        <v>112897</v>
      </c>
      <c r="AE31" s="327">
        <v>287462</v>
      </c>
      <c r="AF31" s="327">
        <v>358742</v>
      </c>
      <c r="AG31" s="327">
        <v>101844</v>
      </c>
      <c r="AH31" s="328">
        <v>1278699</v>
      </c>
      <c r="AI31" s="330">
        <v>1278699</v>
      </c>
      <c r="AJ31" s="326">
        <v>0</v>
      </c>
      <c r="AK31" s="327">
        <v>0</v>
      </c>
      <c r="AL31" s="328">
        <v>0</v>
      </c>
      <c r="AM31" s="326">
        <v>0</v>
      </c>
      <c r="AN31" s="327">
        <v>0</v>
      </c>
      <c r="AO31" s="327">
        <v>0</v>
      </c>
      <c r="AP31" s="327">
        <v>0</v>
      </c>
      <c r="AQ31" s="327">
        <v>106700</v>
      </c>
      <c r="AR31" s="327">
        <v>23711</v>
      </c>
      <c r="AS31" s="328">
        <v>130411</v>
      </c>
      <c r="AT31" s="330">
        <v>130411</v>
      </c>
      <c r="AU31" s="326">
        <v>14254</v>
      </c>
      <c r="AV31" s="327">
        <v>0</v>
      </c>
      <c r="AW31" s="328">
        <v>14254</v>
      </c>
      <c r="AX31" s="326">
        <v>0</v>
      </c>
      <c r="AY31" s="327">
        <v>199539</v>
      </c>
      <c r="AZ31" s="327">
        <v>218180</v>
      </c>
      <c r="BA31" s="327">
        <v>145142</v>
      </c>
      <c r="BB31" s="327">
        <v>254923</v>
      </c>
      <c r="BC31" s="327">
        <v>153298</v>
      </c>
      <c r="BD31" s="328">
        <v>971082</v>
      </c>
      <c r="BE31" s="330">
        <v>985336</v>
      </c>
      <c r="BF31" s="326">
        <v>0</v>
      </c>
      <c r="BG31" s="327">
        <v>0</v>
      </c>
      <c r="BH31" s="331">
        <v>0</v>
      </c>
      <c r="BI31" s="332">
        <v>0</v>
      </c>
      <c r="BJ31" s="327">
        <v>0</v>
      </c>
      <c r="BK31" s="327">
        <v>0</v>
      </c>
      <c r="BL31" s="327">
        <v>15849</v>
      </c>
      <c r="BM31" s="327">
        <v>0</v>
      </c>
      <c r="BN31" s="327">
        <v>0</v>
      </c>
      <c r="BO31" s="328">
        <v>15849</v>
      </c>
      <c r="BP31" s="330">
        <v>15849</v>
      </c>
      <c r="BQ31" s="326">
        <v>17912</v>
      </c>
      <c r="BR31" s="327">
        <v>0</v>
      </c>
      <c r="BS31" s="328">
        <v>17912</v>
      </c>
      <c r="BT31" s="326">
        <v>0</v>
      </c>
      <c r="BU31" s="327">
        <v>38176</v>
      </c>
      <c r="BV31" s="327">
        <v>29936</v>
      </c>
      <c r="BW31" s="327">
        <v>77648</v>
      </c>
      <c r="BX31" s="327">
        <v>63168</v>
      </c>
      <c r="BY31" s="327">
        <v>50136</v>
      </c>
      <c r="BZ31" s="328">
        <v>259064</v>
      </c>
      <c r="CA31" s="330">
        <v>276976</v>
      </c>
      <c r="CB31" s="326">
        <v>0</v>
      </c>
      <c r="CC31" s="327">
        <v>0</v>
      </c>
      <c r="CD31" s="328">
        <v>0</v>
      </c>
      <c r="CE31" s="326">
        <v>0</v>
      </c>
      <c r="CF31" s="327">
        <v>496932</v>
      </c>
      <c r="CG31" s="327">
        <v>542886</v>
      </c>
      <c r="CH31" s="327">
        <v>343034</v>
      </c>
      <c r="CI31" s="327">
        <v>280213</v>
      </c>
      <c r="CJ31" s="327">
        <v>0</v>
      </c>
      <c r="CK31" s="328">
        <v>1663065</v>
      </c>
      <c r="CL31" s="330">
        <v>1663065</v>
      </c>
      <c r="CM31" s="326">
        <v>0</v>
      </c>
      <c r="CN31" s="327">
        <v>0</v>
      </c>
      <c r="CO31" s="328">
        <v>0</v>
      </c>
      <c r="CP31" s="332">
        <v>0</v>
      </c>
      <c r="CQ31" s="327">
        <v>299491</v>
      </c>
      <c r="CR31" s="327">
        <v>450487</v>
      </c>
      <c r="CS31" s="327">
        <v>343034</v>
      </c>
      <c r="CT31" s="327">
        <v>221598</v>
      </c>
      <c r="CU31" s="327">
        <v>0</v>
      </c>
      <c r="CV31" s="328">
        <v>1314610</v>
      </c>
      <c r="CW31" s="330">
        <v>1314610</v>
      </c>
      <c r="CX31" s="326">
        <v>0</v>
      </c>
      <c r="CY31" s="327">
        <v>0</v>
      </c>
      <c r="CZ31" s="328">
        <v>0</v>
      </c>
      <c r="DA31" s="326">
        <v>0</v>
      </c>
      <c r="DB31" s="327">
        <v>197441</v>
      </c>
      <c r="DC31" s="327">
        <v>92399</v>
      </c>
      <c r="DD31" s="327">
        <v>0</v>
      </c>
      <c r="DE31" s="327">
        <v>58615</v>
      </c>
      <c r="DF31" s="327">
        <v>0</v>
      </c>
      <c r="DG31" s="328">
        <v>348455</v>
      </c>
      <c r="DH31" s="330">
        <v>348455</v>
      </c>
      <c r="DI31" s="326">
        <v>0</v>
      </c>
      <c r="DJ31" s="327">
        <v>0</v>
      </c>
      <c r="DK31" s="331">
        <v>0</v>
      </c>
      <c r="DL31" s="332">
        <v>0</v>
      </c>
      <c r="DM31" s="327">
        <v>111667</v>
      </c>
      <c r="DN31" s="327">
        <v>25716</v>
      </c>
      <c r="DO31" s="327">
        <v>88254</v>
      </c>
      <c r="DP31" s="327">
        <v>343780</v>
      </c>
      <c r="DQ31" s="327">
        <v>0</v>
      </c>
      <c r="DR31" s="328">
        <v>569417</v>
      </c>
      <c r="DS31" s="330">
        <v>569417</v>
      </c>
      <c r="DT31" s="326">
        <v>0</v>
      </c>
      <c r="DU31" s="327">
        <v>0</v>
      </c>
      <c r="DV31" s="328">
        <v>0</v>
      </c>
      <c r="DW31" s="326">
        <v>0</v>
      </c>
      <c r="DX31" s="327">
        <v>111667</v>
      </c>
      <c r="DY31" s="327">
        <v>25716</v>
      </c>
      <c r="DZ31" s="327">
        <v>88254</v>
      </c>
      <c r="EA31" s="327">
        <v>270527</v>
      </c>
      <c r="EB31" s="327">
        <v>0</v>
      </c>
      <c r="EC31" s="328">
        <v>496164</v>
      </c>
      <c r="ED31" s="330">
        <v>496164</v>
      </c>
      <c r="EE31" s="326">
        <v>0</v>
      </c>
      <c r="EF31" s="331">
        <v>0</v>
      </c>
      <c r="EG31" s="328">
        <v>0</v>
      </c>
      <c r="EH31" s="326">
        <v>0</v>
      </c>
      <c r="EI31" s="327">
        <v>0</v>
      </c>
      <c r="EJ31" s="327">
        <v>0</v>
      </c>
      <c r="EK31" s="327">
        <v>0</v>
      </c>
      <c r="EL31" s="327">
        <v>73253</v>
      </c>
      <c r="EM31" s="327">
        <v>0</v>
      </c>
      <c r="EN31" s="331">
        <v>73253</v>
      </c>
      <c r="EO31" s="330">
        <v>73253</v>
      </c>
      <c r="EP31" s="326">
        <v>0</v>
      </c>
      <c r="EQ31" s="327">
        <v>0</v>
      </c>
      <c r="ER31" s="331">
        <v>0</v>
      </c>
      <c r="ES31" s="332">
        <v>0</v>
      </c>
      <c r="ET31" s="327">
        <v>0</v>
      </c>
      <c r="EU31" s="327">
        <v>0</v>
      </c>
      <c r="EV31" s="327">
        <v>0</v>
      </c>
      <c r="EW31" s="327">
        <v>0</v>
      </c>
      <c r="EX31" s="327">
        <v>0</v>
      </c>
      <c r="EY31" s="328">
        <v>0</v>
      </c>
      <c r="EZ31" s="330">
        <v>0</v>
      </c>
      <c r="FA31" s="326">
        <v>0</v>
      </c>
      <c r="FB31" s="327">
        <v>0</v>
      </c>
      <c r="FC31" s="331">
        <v>0</v>
      </c>
      <c r="FD31" s="332">
        <v>0</v>
      </c>
      <c r="FE31" s="327">
        <v>0</v>
      </c>
      <c r="FF31" s="327">
        <v>0</v>
      </c>
      <c r="FG31" s="327">
        <v>0</v>
      </c>
      <c r="FH31" s="327">
        <v>0</v>
      </c>
      <c r="FI31" s="327">
        <v>0</v>
      </c>
      <c r="FJ31" s="328">
        <v>0</v>
      </c>
      <c r="FK31" s="330">
        <v>0</v>
      </c>
      <c r="FL31" s="326">
        <v>196464</v>
      </c>
      <c r="FM31" s="327">
        <v>49256</v>
      </c>
      <c r="FN31" s="328">
        <v>245720</v>
      </c>
      <c r="FO31" s="326">
        <v>0</v>
      </c>
      <c r="FP31" s="327">
        <v>76920</v>
      </c>
      <c r="FQ31" s="327">
        <v>208668</v>
      </c>
      <c r="FR31" s="327">
        <v>157584</v>
      </c>
      <c r="FS31" s="327">
        <v>142600</v>
      </c>
      <c r="FT31" s="327">
        <v>51368</v>
      </c>
      <c r="FU31" s="328">
        <v>637140</v>
      </c>
      <c r="FV31" s="330">
        <v>882860</v>
      </c>
      <c r="FW31" s="333">
        <v>26800</v>
      </c>
      <c r="FX31" s="327">
        <v>35360</v>
      </c>
      <c r="FY31" s="331">
        <v>62160</v>
      </c>
      <c r="FZ31" s="332">
        <v>0</v>
      </c>
      <c r="GA31" s="327">
        <v>76920</v>
      </c>
      <c r="GB31" s="327">
        <v>122824</v>
      </c>
      <c r="GC31" s="327">
        <v>89984</v>
      </c>
      <c r="GD31" s="327">
        <v>142600</v>
      </c>
      <c r="GE31" s="327">
        <v>51368</v>
      </c>
      <c r="GF31" s="328">
        <v>483696</v>
      </c>
      <c r="GG31" s="334">
        <v>545856</v>
      </c>
      <c r="GH31" s="333">
        <v>55264</v>
      </c>
      <c r="GI31" s="327">
        <v>13896</v>
      </c>
      <c r="GJ31" s="331">
        <v>69160</v>
      </c>
      <c r="GK31" s="332">
        <v>0</v>
      </c>
      <c r="GL31" s="327">
        <v>0</v>
      </c>
      <c r="GM31" s="327">
        <v>74228</v>
      </c>
      <c r="GN31" s="327">
        <v>0</v>
      </c>
      <c r="GO31" s="327">
        <v>0</v>
      </c>
      <c r="GP31" s="327">
        <v>0</v>
      </c>
      <c r="GQ31" s="328">
        <v>74228</v>
      </c>
      <c r="GR31" s="330">
        <v>143388</v>
      </c>
      <c r="GS31" s="326">
        <v>114400</v>
      </c>
      <c r="GT31" s="327">
        <v>0</v>
      </c>
      <c r="GU31" s="328">
        <v>114400</v>
      </c>
      <c r="GV31" s="326">
        <v>0</v>
      </c>
      <c r="GW31" s="327">
        <v>0</v>
      </c>
      <c r="GX31" s="327">
        <v>11616</v>
      </c>
      <c r="GY31" s="327">
        <v>67600</v>
      </c>
      <c r="GZ31" s="327">
        <v>0</v>
      </c>
      <c r="HA31" s="327">
        <v>0</v>
      </c>
      <c r="HB31" s="331">
        <v>79216</v>
      </c>
      <c r="HC31" s="330">
        <v>193616</v>
      </c>
      <c r="HD31" s="326">
        <v>54364</v>
      </c>
      <c r="HE31" s="327">
        <v>0</v>
      </c>
      <c r="HF31" s="331">
        <v>54364</v>
      </c>
      <c r="HG31" s="332">
        <v>0</v>
      </c>
      <c r="HH31" s="327">
        <v>177847</v>
      </c>
      <c r="HI31" s="327">
        <v>576577</v>
      </c>
      <c r="HJ31" s="327">
        <v>199705</v>
      </c>
      <c r="HK31" s="327">
        <v>219984</v>
      </c>
      <c r="HL31" s="327">
        <v>0</v>
      </c>
      <c r="HM31" s="328">
        <v>1174113</v>
      </c>
      <c r="HN31" s="329">
        <v>1228477</v>
      </c>
      <c r="HO31" s="333">
        <v>0</v>
      </c>
      <c r="HP31" s="327">
        <v>0</v>
      </c>
      <c r="HQ31" s="328">
        <v>0</v>
      </c>
      <c r="HR31" s="326">
        <v>0</v>
      </c>
      <c r="HS31" s="327">
        <v>0</v>
      </c>
      <c r="HT31" s="327">
        <v>0</v>
      </c>
      <c r="HU31" s="327">
        <v>0</v>
      </c>
      <c r="HV31" s="327">
        <v>0</v>
      </c>
      <c r="HW31" s="327">
        <v>0</v>
      </c>
      <c r="HX31" s="331">
        <v>0</v>
      </c>
      <c r="HY31" s="330">
        <v>0</v>
      </c>
      <c r="HZ31" s="335">
        <v>0</v>
      </c>
      <c r="IA31" s="336">
        <v>0</v>
      </c>
      <c r="IB31" s="337">
        <v>0</v>
      </c>
      <c r="IC31" s="338">
        <v>0</v>
      </c>
      <c r="ID31" s="336">
        <v>127058</v>
      </c>
      <c r="IE31" s="339">
        <v>204125</v>
      </c>
      <c r="IF31" s="337">
        <v>597802</v>
      </c>
      <c r="IG31" s="336">
        <v>526800</v>
      </c>
      <c r="IH31" s="337">
        <v>265984</v>
      </c>
      <c r="II31" s="340">
        <v>1721769</v>
      </c>
      <c r="IJ31" s="341">
        <v>1721769</v>
      </c>
      <c r="IK31" s="342">
        <v>0</v>
      </c>
      <c r="IL31" s="343">
        <v>0</v>
      </c>
      <c r="IM31" s="344">
        <v>0</v>
      </c>
      <c r="IN31" s="404">
        <v>0</v>
      </c>
      <c r="IO31" s="345">
        <v>0</v>
      </c>
      <c r="IP31" s="345">
        <v>0</v>
      </c>
      <c r="IQ31" s="345">
        <v>0</v>
      </c>
      <c r="IR31" s="345">
        <v>0</v>
      </c>
      <c r="IS31" s="345">
        <v>0</v>
      </c>
      <c r="IT31" s="346">
        <v>0</v>
      </c>
      <c r="IU31" s="347">
        <v>0</v>
      </c>
      <c r="IV31" s="348">
        <v>0</v>
      </c>
      <c r="IW31" s="345">
        <v>0</v>
      </c>
      <c r="IX31" s="349">
        <v>0</v>
      </c>
      <c r="IY31" s="404">
        <v>0</v>
      </c>
      <c r="IZ31" s="345">
        <v>0</v>
      </c>
      <c r="JA31" s="345">
        <v>0</v>
      </c>
      <c r="JB31" s="345">
        <v>0</v>
      </c>
      <c r="JC31" s="345">
        <v>0</v>
      </c>
      <c r="JD31" s="345">
        <v>0</v>
      </c>
      <c r="JE31" s="349">
        <v>0</v>
      </c>
      <c r="JF31" s="350">
        <v>0</v>
      </c>
      <c r="JG31" s="348">
        <v>0</v>
      </c>
      <c r="JH31" s="345">
        <v>0</v>
      </c>
      <c r="JI31" s="346">
        <v>0</v>
      </c>
      <c r="JJ31" s="351">
        <v>0</v>
      </c>
      <c r="JK31" s="345">
        <v>127058</v>
      </c>
      <c r="JL31" s="345">
        <v>204125</v>
      </c>
      <c r="JM31" s="345">
        <v>343928</v>
      </c>
      <c r="JN31" s="345">
        <v>0</v>
      </c>
      <c r="JO31" s="345">
        <v>0</v>
      </c>
      <c r="JP31" s="349">
        <v>675111</v>
      </c>
      <c r="JQ31" s="347">
        <v>675111</v>
      </c>
      <c r="JR31" s="348">
        <v>0</v>
      </c>
      <c r="JS31" s="345">
        <v>0</v>
      </c>
      <c r="JT31" s="346">
        <v>0</v>
      </c>
      <c r="JU31" s="351">
        <v>0</v>
      </c>
      <c r="JV31" s="345">
        <v>0</v>
      </c>
      <c r="JW31" s="345">
        <v>0</v>
      </c>
      <c r="JX31" s="345">
        <v>0</v>
      </c>
      <c r="JY31" s="345">
        <v>0</v>
      </c>
      <c r="JZ31" s="345">
        <v>0</v>
      </c>
      <c r="KA31" s="349">
        <v>0</v>
      </c>
      <c r="KB31" s="347">
        <v>0</v>
      </c>
      <c r="KC31" s="352">
        <v>0</v>
      </c>
      <c r="KD31" s="353">
        <v>0</v>
      </c>
      <c r="KE31" s="349">
        <v>0</v>
      </c>
      <c r="KF31" s="351">
        <v>0</v>
      </c>
      <c r="KG31" s="345">
        <v>0</v>
      </c>
      <c r="KH31" s="345">
        <v>0</v>
      </c>
      <c r="KI31" s="345">
        <v>0</v>
      </c>
      <c r="KJ31" s="345">
        <v>0</v>
      </c>
      <c r="KK31" s="345">
        <v>0</v>
      </c>
      <c r="KL31" s="349">
        <v>0</v>
      </c>
      <c r="KM31" s="354">
        <v>0</v>
      </c>
      <c r="KN31" s="342">
        <v>0</v>
      </c>
      <c r="KO31" s="343">
        <v>0</v>
      </c>
      <c r="KP31" s="344">
        <v>0</v>
      </c>
      <c r="KQ31" s="404">
        <v>0</v>
      </c>
      <c r="KR31" s="345">
        <v>0</v>
      </c>
      <c r="KS31" s="345">
        <v>0</v>
      </c>
      <c r="KT31" s="345">
        <v>253874</v>
      </c>
      <c r="KU31" s="345">
        <v>526800</v>
      </c>
      <c r="KV31" s="345">
        <v>265984</v>
      </c>
      <c r="KW31" s="349">
        <v>1046658</v>
      </c>
      <c r="KX31" s="347">
        <v>1046658</v>
      </c>
      <c r="KY31" s="348">
        <v>0</v>
      </c>
      <c r="KZ31" s="345">
        <v>0</v>
      </c>
      <c r="LA31" s="349">
        <v>0</v>
      </c>
      <c r="LB31" s="404">
        <v>0</v>
      </c>
      <c r="LC31" s="345">
        <v>0</v>
      </c>
      <c r="LD31" s="345">
        <v>0</v>
      </c>
      <c r="LE31" s="345">
        <v>0</v>
      </c>
      <c r="LF31" s="345">
        <v>0</v>
      </c>
      <c r="LG31" s="345">
        <v>0</v>
      </c>
      <c r="LH31" s="349">
        <v>0</v>
      </c>
      <c r="LI31" s="350">
        <v>0</v>
      </c>
      <c r="LJ31" s="348">
        <v>0</v>
      </c>
      <c r="LK31" s="345">
        <v>0</v>
      </c>
      <c r="LL31" s="349">
        <v>0</v>
      </c>
      <c r="LM31" s="404">
        <v>0</v>
      </c>
      <c r="LN31" s="345">
        <v>0</v>
      </c>
      <c r="LO31" s="345">
        <v>0</v>
      </c>
      <c r="LP31" s="345">
        <v>0</v>
      </c>
      <c r="LQ31" s="345">
        <v>0</v>
      </c>
      <c r="LR31" s="345">
        <v>0</v>
      </c>
      <c r="LS31" s="349">
        <v>0</v>
      </c>
      <c r="LT31" s="347">
        <v>0</v>
      </c>
      <c r="LU31" s="348">
        <v>0</v>
      </c>
      <c r="LV31" s="345">
        <v>0</v>
      </c>
      <c r="LW31" s="349">
        <v>0</v>
      </c>
      <c r="LX31" s="404">
        <v>0</v>
      </c>
      <c r="LY31" s="345">
        <v>0</v>
      </c>
      <c r="LZ31" s="345">
        <v>0</v>
      </c>
      <c r="MA31" s="345">
        <v>0</v>
      </c>
      <c r="MB31" s="345">
        <v>0</v>
      </c>
      <c r="MC31" s="345">
        <v>0</v>
      </c>
      <c r="MD31" s="349">
        <v>0</v>
      </c>
      <c r="ME31" s="350">
        <v>0</v>
      </c>
      <c r="MF31" s="348">
        <v>0</v>
      </c>
      <c r="MG31" s="345">
        <v>0</v>
      </c>
      <c r="MH31" s="349">
        <v>0</v>
      </c>
      <c r="MI31" s="404">
        <v>0</v>
      </c>
      <c r="MJ31" s="345">
        <v>0</v>
      </c>
      <c r="MK31" s="345">
        <v>0</v>
      </c>
      <c r="ML31" s="345">
        <v>1340209</v>
      </c>
      <c r="MM31" s="345">
        <v>690920</v>
      </c>
      <c r="MN31" s="345">
        <v>1053788</v>
      </c>
      <c r="MO31" s="349">
        <v>3084917</v>
      </c>
      <c r="MP31" s="354">
        <v>3084917</v>
      </c>
      <c r="MQ31" s="348">
        <v>0</v>
      </c>
      <c r="MR31" s="345">
        <v>0</v>
      </c>
      <c r="MS31" s="349">
        <v>0</v>
      </c>
      <c r="MT31" s="404">
        <v>0</v>
      </c>
      <c r="MU31" s="345">
        <v>0</v>
      </c>
      <c r="MV31" s="345">
        <v>0</v>
      </c>
      <c r="MW31" s="345">
        <v>752677</v>
      </c>
      <c r="MX31" s="345">
        <v>290192</v>
      </c>
      <c r="MY31" s="345">
        <v>873556</v>
      </c>
      <c r="MZ31" s="349">
        <v>1916425</v>
      </c>
      <c r="NA31" s="354">
        <v>1916425</v>
      </c>
      <c r="NB31" s="348">
        <v>0</v>
      </c>
      <c r="NC31" s="345">
        <v>0</v>
      </c>
      <c r="ND31" s="349">
        <v>0</v>
      </c>
      <c r="NE31" s="404">
        <v>0</v>
      </c>
      <c r="NF31" s="345">
        <v>0</v>
      </c>
      <c r="NG31" s="345">
        <v>0</v>
      </c>
      <c r="NH31" s="345">
        <v>587532</v>
      </c>
      <c r="NI31" s="345">
        <v>400728</v>
      </c>
      <c r="NJ31" s="345">
        <v>180232</v>
      </c>
      <c r="NK31" s="349">
        <v>1168492</v>
      </c>
      <c r="NL31" s="347">
        <v>1168492</v>
      </c>
      <c r="NM31" s="348">
        <v>0</v>
      </c>
      <c r="NN31" s="345">
        <v>0</v>
      </c>
      <c r="NO31" s="349">
        <v>0</v>
      </c>
      <c r="NP31" s="404">
        <v>0</v>
      </c>
      <c r="NQ31" s="345">
        <v>0</v>
      </c>
      <c r="NR31" s="345">
        <v>0</v>
      </c>
      <c r="NS31" s="345">
        <v>0</v>
      </c>
      <c r="NT31" s="345">
        <v>0</v>
      </c>
      <c r="NU31" s="345">
        <v>0</v>
      </c>
      <c r="NV31" s="349">
        <v>0</v>
      </c>
      <c r="NW31" s="350">
        <v>0</v>
      </c>
      <c r="NX31" s="348">
        <v>0</v>
      </c>
      <c r="NY31" s="345">
        <v>0</v>
      </c>
      <c r="NZ31" s="349">
        <v>0</v>
      </c>
      <c r="OA31" s="404">
        <v>0</v>
      </c>
      <c r="OB31" s="345">
        <v>0</v>
      </c>
      <c r="OC31" s="345">
        <v>0</v>
      </c>
      <c r="OD31" s="345">
        <v>0</v>
      </c>
      <c r="OE31" s="345">
        <v>0</v>
      </c>
      <c r="OF31" s="345">
        <v>0</v>
      </c>
      <c r="OG31" s="349">
        <v>0</v>
      </c>
      <c r="OH31" s="350">
        <v>0</v>
      </c>
      <c r="OI31" s="348">
        <v>282994</v>
      </c>
      <c r="OJ31" s="345">
        <v>49256</v>
      </c>
      <c r="OK31" s="346">
        <v>332250</v>
      </c>
      <c r="OL31" s="351">
        <v>0</v>
      </c>
      <c r="OM31" s="345">
        <v>1645893</v>
      </c>
      <c r="ON31" s="345">
        <v>1918985</v>
      </c>
      <c r="OO31" s="345">
        <v>3252689</v>
      </c>
      <c r="OP31" s="345">
        <v>2987830</v>
      </c>
      <c r="OQ31" s="345">
        <v>1700129</v>
      </c>
      <c r="OR31" s="349">
        <v>11505526</v>
      </c>
      <c r="OS31" s="354">
        <v>11837776</v>
      </c>
    </row>
    <row r="32" spans="2:409" s="70" customFormat="1" ht="21" customHeight="1" x14ac:dyDescent="0.2">
      <c r="B32" s="410" t="s">
        <v>27</v>
      </c>
      <c r="C32" s="326">
        <v>316541</v>
      </c>
      <c r="D32" s="327">
        <v>238555</v>
      </c>
      <c r="E32" s="328">
        <v>555096</v>
      </c>
      <c r="F32" s="329">
        <v>0</v>
      </c>
      <c r="G32" s="327">
        <v>1679686</v>
      </c>
      <c r="H32" s="327">
        <v>997696</v>
      </c>
      <c r="I32" s="327">
        <v>1172312</v>
      </c>
      <c r="J32" s="327">
        <v>2202815</v>
      </c>
      <c r="K32" s="327">
        <v>627910</v>
      </c>
      <c r="L32" s="367">
        <v>6680419</v>
      </c>
      <c r="M32" s="330">
        <v>7235515</v>
      </c>
      <c r="N32" s="326">
        <v>38729</v>
      </c>
      <c r="O32" s="327">
        <v>106946</v>
      </c>
      <c r="P32" s="328">
        <v>145675</v>
      </c>
      <c r="Q32" s="326">
        <v>0</v>
      </c>
      <c r="R32" s="327">
        <v>367420</v>
      </c>
      <c r="S32" s="327">
        <v>302351</v>
      </c>
      <c r="T32" s="327">
        <v>734497</v>
      </c>
      <c r="U32" s="327">
        <v>621295</v>
      </c>
      <c r="V32" s="327">
        <v>602902</v>
      </c>
      <c r="W32" s="328">
        <v>2628465</v>
      </c>
      <c r="X32" s="330">
        <v>2774140</v>
      </c>
      <c r="Y32" s="326">
        <v>0</v>
      </c>
      <c r="Z32" s="327">
        <v>0</v>
      </c>
      <c r="AA32" s="328">
        <v>0</v>
      </c>
      <c r="AB32" s="326">
        <v>0</v>
      </c>
      <c r="AC32" s="327">
        <v>78140</v>
      </c>
      <c r="AD32" s="327">
        <v>176835</v>
      </c>
      <c r="AE32" s="327">
        <v>520585</v>
      </c>
      <c r="AF32" s="327">
        <v>274344</v>
      </c>
      <c r="AG32" s="327">
        <v>412158</v>
      </c>
      <c r="AH32" s="328">
        <v>1462062</v>
      </c>
      <c r="AI32" s="330">
        <v>1462062</v>
      </c>
      <c r="AJ32" s="326">
        <v>0</v>
      </c>
      <c r="AK32" s="327">
        <v>0</v>
      </c>
      <c r="AL32" s="328">
        <v>0</v>
      </c>
      <c r="AM32" s="326">
        <v>0</v>
      </c>
      <c r="AN32" s="327">
        <v>0</v>
      </c>
      <c r="AO32" s="327">
        <v>0</v>
      </c>
      <c r="AP32" s="327">
        <v>0</v>
      </c>
      <c r="AQ32" s="327">
        <v>23090</v>
      </c>
      <c r="AR32" s="327">
        <v>0</v>
      </c>
      <c r="AS32" s="328">
        <v>23090</v>
      </c>
      <c r="AT32" s="330">
        <v>23090</v>
      </c>
      <c r="AU32" s="326">
        <v>23625</v>
      </c>
      <c r="AV32" s="327">
        <v>102162</v>
      </c>
      <c r="AW32" s="328">
        <v>125787</v>
      </c>
      <c r="AX32" s="326">
        <v>0</v>
      </c>
      <c r="AY32" s="327">
        <v>162600</v>
      </c>
      <c r="AZ32" s="327">
        <v>73388</v>
      </c>
      <c r="BA32" s="327">
        <v>149664</v>
      </c>
      <c r="BB32" s="327">
        <v>251725</v>
      </c>
      <c r="BC32" s="327">
        <v>163536</v>
      </c>
      <c r="BD32" s="328">
        <v>800913</v>
      </c>
      <c r="BE32" s="330">
        <v>926700</v>
      </c>
      <c r="BF32" s="326">
        <v>0</v>
      </c>
      <c r="BG32" s="327">
        <v>0</v>
      </c>
      <c r="BH32" s="331">
        <v>0</v>
      </c>
      <c r="BI32" s="332">
        <v>0</v>
      </c>
      <c r="BJ32" s="327">
        <v>0</v>
      </c>
      <c r="BK32" s="327">
        <v>0</v>
      </c>
      <c r="BL32" s="327">
        <v>0</v>
      </c>
      <c r="BM32" s="327">
        <v>0</v>
      </c>
      <c r="BN32" s="327">
        <v>0</v>
      </c>
      <c r="BO32" s="328">
        <v>0</v>
      </c>
      <c r="BP32" s="330">
        <v>0</v>
      </c>
      <c r="BQ32" s="326">
        <v>15104</v>
      </c>
      <c r="BR32" s="327">
        <v>4784</v>
      </c>
      <c r="BS32" s="328">
        <v>19888</v>
      </c>
      <c r="BT32" s="326">
        <v>0</v>
      </c>
      <c r="BU32" s="327">
        <v>126680</v>
      </c>
      <c r="BV32" s="327">
        <v>52128</v>
      </c>
      <c r="BW32" s="327">
        <v>64248</v>
      </c>
      <c r="BX32" s="327">
        <v>72136</v>
      </c>
      <c r="BY32" s="327">
        <v>27208</v>
      </c>
      <c r="BZ32" s="328">
        <v>342400</v>
      </c>
      <c r="CA32" s="330">
        <v>362288</v>
      </c>
      <c r="CB32" s="326">
        <v>62358</v>
      </c>
      <c r="CC32" s="327">
        <v>37369</v>
      </c>
      <c r="CD32" s="328">
        <v>99727</v>
      </c>
      <c r="CE32" s="326">
        <v>0</v>
      </c>
      <c r="CF32" s="327">
        <v>545048</v>
      </c>
      <c r="CG32" s="327">
        <v>305370</v>
      </c>
      <c r="CH32" s="327">
        <v>332868</v>
      </c>
      <c r="CI32" s="327">
        <v>372434</v>
      </c>
      <c r="CJ32" s="327">
        <v>0</v>
      </c>
      <c r="CK32" s="328">
        <v>1555720</v>
      </c>
      <c r="CL32" s="330">
        <v>1655447</v>
      </c>
      <c r="CM32" s="326">
        <v>0</v>
      </c>
      <c r="CN32" s="327">
        <v>0</v>
      </c>
      <c r="CO32" s="328">
        <v>0</v>
      </c>
      <c r="CP32" s="332">
        <v>0</v>
      </c>
      <c r="CQ32" s="327">
        <v>450154</v>
      </c>
      <c r="CR32" s="327">
        <v>188527</v>
      </c>
      <c r="CS32" s="327">
        <v>200985</v>
      </c>
      <c r="CT32" s="327">
        <v>372434</v>
      </c>
      <c r="CU32" s="327">
        <v>0</v>
      </c>
      <c r="CV32" s="328">
        <v>1212100</v>
      </c>
      <c r="CW32" s="330">
        <v>1212100</v>
      </c>
      <c r="CX32" s="326">
        <v>62358</v>
      </c>
      <c r="CY32" s="327">
        <v>37369</v>
      </c>
      <c r="CZ32" s="328">
        <v>99727</v>
      </c>
      <c r="DA32" s="326">
        <v>0</v>
      </c>
      <c r="DB32" s="327">
        <v>94894</v>
      </c>
      <c r="DC32" s="327">
        <v>116843</v>
      </c>
      <c r="DD32" s="327">
        <v>131883</v>
      </c>
      <c r="DE32" s="327">
        <v>0</v>
      </c>
      <c r="DF32" s="327">
        <v>0</v>
      </c>
      <c r="DG32" s="328">
        <v>343620</v>
      </c>
      <c r="DH32" s="330">
        <v>443347</v>
      </c>
      <c r="DI32" s="326">
        <v>0</v>
      </c>
      <c r="DJ32" s="327">
        <v>0</v>
      </c>
      <c r="DK32" s="331">
        <v>0</v>
      </c>
      <c r="DL32" s="332">
        <v>0</v>
      </c>
      <c r="DM32" s="327">
        <v>186094</v>
      </c>
      <c r="DN32" s="327">
        <v>84755</v>
      </c>
      <c r="DO32" s="327">
        <v>49947</v>
      </c>
      <c r="DP32" s="327">
        <v>396914</v>
      </c>
      <c r="DQ32" s="327">
        <v>0</v>
      </c>
      <c r="DR32" s="328">
        <v>717710</v>
      </c>
      <c r="DS32" s="330">
        <v>717710</v>
      </c>
      <c r="DT32" s="326">
        <v>0</v>
      </c>
      <c r="DU32" s="327">
        <v>0</v>
      </c>
      <c r="DV32" s="328">
        <v>0</v>
      </c>
      <c r="DW32" s="326">
        <v>0</v>
      </c>
      <c r="DX32" s="327">
        <v>35110</v>
      </c>
      <c r="DY32" s="327">
        <v>38401</v>
      </c>
      <c r="DZ32" s="327">
        <v>49947</v>
      </c>
      <c r="EA32" s="327">
        <v>396914</v>
      </c>
      <c r="EB32" s="327">
        <v>0</v>
      </c>
      <c r="EC32" s="328">
        <v>520372</v>
      </c>
      <c r="ED32" s="330">
        <v>520372</v>
      </c>
      <c r="EE32" s="326">
        <v>0</v>
      </c>
      <c r="EF32" s="331">
        <v>0</v>
      </c>
      <c r="EG32" s="328">
        <v>0</v>
      </c>
      <c r="EH32" s="326">
        <v>0</v>
      </c>
      <c r="EI32" s="327">
        <v>150984</v>
      </c>
      <c r="EJ32" s="327">
        <v>46354</v>
      </c>
      <c r="EK32" s="327">
        <v>0</v>
      </c>
      <c r="EL32" s="327">
        <v>0</v>
      </c>
      <c r="EM32" s="327">
        <v>0</v>
      </c>
      <c r="EN32" s="331">
        <v>197338</v>
      </c>
      <c r="EO32" s="330">
        <v>197338</v>
      </c>
      <c r="EP32" s="326">
        <v>0</v>
      </c>
      <c r="EQ32" s="327">
        <v>0</v>
      </c>
      <c r="ER32" s="331">
        <v>0</v>
      </c>
      <c r="ES32" s="332">
        <v>0</v>
      </c>
      <c r="ET32" s="327">
        <v>0</v>
      </c>
      <c r="EU32" s="327">
        <v>0</v>
      </c>
      <c r="EV32" s="327">
        <v>0</v>
      </c>
      <c r="EW32" s="327">
        <v>0</v>
      </c>
      <c r="EX32" s="327">
        <v>0</v>
      </c>
      <c r="EY32" s="328">
        <v>0</v>
      </c>
      <c r="EZ32" s="330">
        <v>0</v>
      </c>
      <c r="FA32" s="326">
        <v>0</v>
      </c>
      <c r="FB32" s="327">
        <v>0</v>
      </c>
      <c r="FC32" s="331">
        <v>0</v>
      </c>
      <c r="FD32" s="332">
        <v>0</v>
      </c>
      <c r="FE32" s="327">
        <v>0</v>
      </c>
      <c r="FF32" s="327">
        <v>0</v>
      </c>
      <c r="FG32" s="327">
        <v>0</v>
      </c>
      <c r="FH32" s="327">
        <v>0</v>
      </c>
      <c r="FI32" s="327">
        <v>0</v>
      </c>
      <c r="FJ32" s="328">
        <v>0</v>
      </c>
      <c r="FK32" s="330">
        <v>0</v>
      </c>
      <c r="FL32" s="326">
        <v>162240</v>
      </c>
      <c r="FM32" s="327">
        <v>94240</v>
      </c>
      <c r="FN32" s="328">
        <v>256480</v>
      </c>
      <c r="FO32" s="326">
        <v>0</v>
      </c>
      <c r="FP32" s="327">
        <v>35920</v>
      </c>
      <c r="FQ32" s="327">
        <v>125640</v>
      </c>
      <c r="FR32" s="327">
        <v>55000</v>
      </c>
      <c r="FS32" s="327">
        <v>58160</v>
      </c>
      <c r="FT32" s="327">
        <v>25008</v>
      </c>
      <c r="FU32" s="328">
        <v>299728</v>
      </c>
      <c r="FV32" s="330">
        <v>556208</v>
      </c>
      <c r="FW32" s="333">
        <v>52640</v>
      </c>
      <c r="FX32" s="327">
        <v>94240</v>
      </c>
      <c r="FY32" s="331">
        <v>146880</v>
      </c>
      <c r="FZ32" s="332">
        <v>0</v>
      </c>
      <c r="GA32" s="327">
        <v>14800</v>
      </c>
      <c r="GB32" s="327">
        <v>94840</v>
      </c>
      <c r="GC32" s="327">
        <v>55000</v>
      </c>
      <c r="GD32" s="327">
        <v>58160</v>
      </c>
      <c r="GE32" s="327">
        <v>25008</v>
      </c>
      <c r="GF32" s="328">
        <v>247808</v>
      </c>
      <c r="GG32" s="334">
        <v>394688</v>
      </c>
      <c r="GH32" s="333">
        <v>0</v>
      </c>
      <c r="GI32" s="327">
        <v>0</v>
      </c>
      <c r="GJ32" s="331">
        <v>0</v>
      </c>
      <c r="GK32" s="332">
        <v>0</v>
      </c>
      <c r="GL32" s="327">
        <v>21120</v>
      </c>
      <c r="GM32" s="327">
        <v>0</v>
      </c>
      <c r="GN32" s="327">
        <v>0</v>
      </c>
      <c r="GO32" s="327">
        <v>0</v>
      </c>
      <c r="GP32" s="327">
        <v>0</v>
      </c>
      <c r="GQ32" s="328">
        <v>21120</v>
      </c>
      <c r="GR32" s="330">
        <v>21120</v>
      </c>
      <c r="GS32" s="326">
        <v>109600</v>
      </c>
      <c r="GT32" s="327">
        <v>0</v>
      </c>
      <c r="GU32" s="328">
        <v>109600</v>
      </c>
      <c r="GV32" s="326">
        <v>0</v>
      </c>
      <c r="GW32" s="327">
        <v>0</v>
      </c>
      <c r="GX32" s="327">
        <v>30800</v>
      </c>
      <c r="GY32" s="327">
        <v>0</v>
      </c>
      <c r="GZ32" s="327">
        <v>0</v>
      </c>
      <c r="HA32" s="327">
        <v>0</v>
      </c>
      <c r="HB32" s="331">
        <v>30800</v>
      </c>
      <c r="HC32" s="330">
        <v>140400</v>
      </c>
      <c r="HD32" s="326">
        <v>53214</v>
      </c>
      <c r="HE32" s="327">
        <v>0</v>
      </c>
      <c r="HF32" s="331">
        <v>53214</v>
      </c>
      <c r="HG32" s="332">
        <v>0</v>
      </c>
      <c r="HH32" s="327">
        <v>545204</v>
      </c>
      <c r="HI32" s="327">
        <v>179580</v>
      </c>
      <c r="HJ32" s="327">
        <v>0</v>
      </c>
      <c r="HK32" s="327">
        <v>754012</v>
      </c>
      <c r="HL32" s="327">
        <v>0</v>
      </c>
      <c r="HM32" s="328">
        <v>1478796</v>
      </c>
      <c r="HN32" s="329">
        <v>1532010</v>
      </c>
      <c r="HO32" s="333">
        <v>0</v>
      </c>
      <c r="HP32" s="327">
        <v>0</v>
      </c>
      <c r="HQ32" s="328">
        <v>0</v>
      </c>
      <c r="HR32" s="326">
        <v>0</v>
      </c>
      <c r="HS32" s="327">
        <v>0</v>
      </c>
      <c r="HT32" s="327">
        <v>0</v>
      </c>
      <c r="HU32" s="327">
        <v>0</v>
      </c>
      <c r="HV32" s="327">
        <v>0</v>
      </c>
      <c r="HW32" s="327">
        <v>0</v>
      </c>
      <c r="HX32" s="331">
        <v>0</v>
      </c>
      <c r="HY32" s="330">
        <v>0</v>
      </c>
      <c r="HZ32" s="358">
        <v>0</v>
      </c>
      <c r="IA32" s="356">
        <v>0</v>
      </c>
      <c r="IB32" s="358">
        <v>0</v>
      </c>
      <c r="IC32" s="355">
        <v>0</v>
      </c>
      <c r="ID32" s="356">
        <v>413307</v>
      </c>
      <c r="IE32" s="357">
        <v>-125645</v>
      </c>
      <c r="IF32" s="358">
        <v>510205</v>
      </c>
      <c r="IG32" s="356">
        <v>263200</v>
      </c>
      <c r="IH32" s="358">
        <v>0</v>
      </c>
      <c r="II32" s="359">
        <v>1061067</v>
      </c>
      <c r="IJ32" s="358">
        <v>1061067</v>
      </c>
      <c r="IK32" s="342">
        <v>0</v>
      </c>
      <c r="IL32" s="343">
        <v>0</v>
      </c>
      <c r="IM32" s="344">
        <v>0</v>
      </c>
      <c r="IN32" s="404">
        <v>0</v>
      </c>
      <c r="IO32" s="345">
        <v>0</v>
      </c>
      <c r="IP32" s="345">
        <v>0</v>
      </c>
      <c r="IQ32" s="345">
        <v>173104</v>
      </c>
      <c r="IR32" s="345">
        <v>0</v>
      </c>
      <c r="IS32" s="345">
        <v>0</v>
      </c>
      <c r="IT32" s="346">
        <v>173104</v>
      </c>
      <c r="IU32" s="347">
        <v>173104</v>
      </c>
      <c r="IV32" s="348">
        <v>0</v>
      </c>
      <c r="IW32" s="345">
        <v>0</v>
      </c>
      <c r="IX32" s="349">
        <v>0</v>
      </c>
      <c r="IY32" s="404">
        <v>0</v>
      </c>
      <c r="IZ32" s="345">
        <v>0</v>
      </c>
      <c r="JA32" s="345">
        <v>0</v>
      </c>
      <c r="JB32" s="345">
        <v>0</v>
      </c>
      <c r="JC32" s="345">
        <v>0</v>
      </c>
      <c r="JD32" s="345">
        <v>0</v>
      </c>
      <c r="JE32" s="349">
        <v>0</v>
      </c>
      <c r="JF32" s="350">
        <v>0</v>
      </c>
      <c r="JG32" s="348">
        <v>0</v>
      </c>
      <c r="JH32" s="345">
        <v>0</v>
      </c>
      <c r="JI32" s="346">
        <v>0</v>
      </c>
      <c r="JJ32" s="351">
        <v>0</v>
      </c>
      <c r="JK32" s="345">
        <v>0</v>
      </c>
      <c r="JL32" s="345">
        <v>22511</v>
      </c>
      <c r="JM32" s="345">
        <v>0</v>
      </c>
      <c r="JN32" s="345">
        <v>0</v>
      </c>
      <c r="JO32" s="345">
        <v>0</v>
      </c>
      <c r="JP32" s="349">
        <v>22511</v>
      </c>
      <c r="JQ32" s="347">
        <v>22511</v>
      </c>
      <c r="JR32" s="348">
        <v>0</v>
      </c>
      <c r="JS32" s="345">
        <v>0</v>
      </c>
      <c r="JT32" s="346">
        <v>0</v>
      </c>
      <c r="JU32" s="351">
        <v>0</v>
      </c>
      <c r="JV32" s="345">
        <v>0</v>
      </c>
      <c r="JW32" s="345">
        <v>0</v>
      </c>
      <c r="JX32" s="345">
        <v>0</v>
      </c>
      <c r="JY32" s="345">
        <v>263200</v>
      </c>
      <c r="JZ32" s="345">
        <v>0</v>
      </c>
      <c r="KA32" s="349">
        <v>263200</v>
      </c>
      <c r="KB32" s="347">
        <v>263200</v>
      </c>
      <c r="KC32" s="352">
        <v>0</v>
      </c>
      <c r="KD32" s="353">
        <v>0</v>
      </c>
      <c r="KE32" s="349">
        <v>0</v>
      </c>
      <c r="KF32" s="351">
        <v>0</v>
      </c>
      <c r="KG32" s="345">
        <v>174485</v>
      </c>
      <c r="KH32" s="345">
        <v>-148156</v>
      </c>
      <c r="KI32" s="345">
        <v>0</v>
      </c>
      <c r="KJ32" s="345">
        <v>0</v>
      </c>
      <c r="KK32" s="345">
        <v>0</v>
      </c>
      <c r="KL32" s="349">
        <v>26329</v>
      </c>
      <c r="KM32" s="354">
        <v>26329</v>
      </c>
      <c r="KN32" s="342">
        <v>0</v>
      </c>
      <c r="KO32" s="343">
        <v>0</v>
      </c>
      <c r="KP32" s="344">
        <v>0</v>
      </c>
      <c r="KQ32" s="404">
        <v>0</v>
      </c>
      <c r="KR32" s="345">
        <v>238822</v>
      </c>
      <c r="KS32" s="345">
        <v>0</v>
      </c>
      <c r="KT32" s="345">
        <v>97038</v>
      </c>
      <c r="KU32" s="345">
        <v>0</v>
      </c>
      <c r="KV32" s="345">
        <v>0</v>
      </c>
      <c r="KW32" s="349">
        <v>335860</v>
      </c>
      <c r="KX32" s="347">
        <v>335860</v>
      </c>
      <c r="KY32" s="348">
        <v>0</v>
      </c>
      <c r="KZ32" s="345">
        <v>0</v>
      </c>
      <c r="LA32" s="349">
        <v>0</v>
      </c>
      <c r="LB32" s="404">
        <v>0</v>
      </c>
      <c r="LC32" s="345">
        <v>0</v>
      </c>
      <c r="LD32" s="345">
        <v>0</v>
      </c>
      <c r="LE32" s="345">
        <v>0</v>
      </c>
      <c r="LF32" s="345">
        <v>0</v>
      </c>
      <c r="LG32" s="345">
        <v>0</v>
      </c>
      <c r="LH32" s="349">
        <v>0</v>
      </c>
      <c r="LI32" s="350">
        <v>0</v>
      </c>
      <c r="LJ32" s="348">
        <v>0</v>
      </c>
      <c r="LK32" s="345">
        <v>0</v>
      </c>
      <c r="LL32" s="349">
        <v>0</v>
      </c>
      <c r="LM32" s="404">
        <v>0</v>
      </c>
      <c r="LN32" s="345">
        <v>0</v>
      </c>
      <c r="LO32" s="345">
        <v>0</v>
      </c>
      <c r="LP32" s="345">
        <v>240063</v>
      </c>
      <c r="LQ32" s="345">
        <v>0</v>
      </c>
      <c r="LR32" s="345">
        <v>0</v>
      </c>
      <c r="LS32" s="349">
        <v>240063</v>
      </c>
      <c r="LT32" s="347">
        <v>240063</v>
      </c>
      <c r="LU32" s="348">
        <v>0</v>
      </c>
      <c r="LV32" s="345">
        <v>0</v>
      </c>
      <c r="LW32" s="349">
        <v>0</v>
      </c>
      <c r="LX32" s="404">
        <v>0</v>
      </c>
      <c r="LY32" s="345">
        <v>0</v>
      </c>
      <c r="LZ32" s="345">
        <v>0</v>
      </c>
      <c r="MA32" s="345">
        <v>0</v>
      </c>
      <c r="MB32" s="345">
        <v>0</v>
      </c>
      <c r="MC32" s="345">
        <v>0</v>
      </c>
      <c r="MD32" s="349">
        <v>0</v>
      </c>
      <c r="ME32" s="350">
        <v>0</v>
      </c>
      <c r="MF32" s="348">
        <v>0</v>
      </c>
      <c r="MG32" s="345">
        <v>0</v>
      </c>
      <c r="MH32" s="349">
        <v>0</v>
      </c>
      <c r="MI32" s="404">
        <v>0</v>
      </c>
      <c r="MJ32" s="345">
        <v>0</v>
      </c>
      <c r="MK32" s="345">
        <v>775611</v>
      </c>
      <c r="ML32" s="345">
        <v>437281</v>
      </c>
      <c r="MM32" s="345">
        <v>1965974</v>
      </c>
      <c r="MN32" s="345">
        <v>731540</v>
      </c>
      <c r="MO32" s="349">
        <v>3910406</v>
      </c>
      <c r="MP32" s="354">
        <v>3910406</v>
      </c>
      <c r="MQ32" s="348">
        <v>0</v>
      </c>
      <c r="MR32" s="345">
        <v>0</v>
      </c>
      <c r="MS32" s="349">
        <v>0</v>
      </c>
      <c r="MT32" s="404">
        <v>0</v>
      </c>
      <c r="MU32" s="345">
        <v>0</v>
      </c>
      <c r="MV32" s="345">
        <v>243635</v>
      </c>
      <c r="MW32" s="345">
        <v>0</v>
      </c>
      <c r="MX32" s="345">
        <v>713253</v>
      </c>
      <c r="MY32" s="345">
        <v>310096</v>
      </c>
      <c r="MZ32" s="349">
        <v>1266984</v>
      </c>
      <c r="NA32" s="354">
        <v>1266984</v>
      </c>
      <c r="NB32" s="348">
        <v>0</v>
      </c>
      <c r="NC32" s="345">
        <v>0</v>
      </c>
      <c r="ND32" s="349">
        <v>0</v>
      </c>
      <c r="NE32" s="404">
        <v>0</v>
      </c>
      <c r="NF32" s="345">
        <v>0</v>
      </c>
      <c r="NG32" s="345">
        <v>531976</v>
      </c>
      <c r="NH32" s="345">
        <v>437281</v>
      </c>
      <c r="NI32" s="345">
        <v>1252721</v>
      </c>
      <c r="NJ32" s="345">
        <v>0</v>
      </c>
      <c r="NK32" s="349">
        <v>2221978</v>
      </c>
      <c r="NL32" s="347">
        <v>2221978</v>
      </c>
      <c r="NM32" s="348">
        <v>0</v>
      </c>
      <c r="NN32" s="345">
        <v>0</v>
      </c>
      <c r="NO32" s="349">
        <v>0</v>
      </c>
      <c r="NP32" s="404">
        <v>0</v>
      </c>
      <c r="NQ32" s="345">
        <v>0</v>
      </c>
      <c r="NR32" s="345">
        <v>0</v>
      </c>
      <c r="NS32" s="345">
        <v>0</v>
      </c>
      <c r="NT32" s="345">
        <v>0</v>
      </c>
      <c r="NU32" s="345">
        <v>0</v>
      </c>
      <c r="NV32" s="349">
        <v>0</v>
      </c>
      <c r="NW32" s="350">
        <v>0</v>
      </c>
      <c r="NX32" s="348">
        <v>0</v>
      </c>
      <c r="NY32" s="345">
        <v>0</v>
      </c>
      <c r="NZ32" s="349">
        <v>0</v>
      </c>
      <c r="OA32" s="404">
        <v>0</v>
      </c>
      <c r="OB32" s="345">
        <v>0</v>
      </c>
      <c r="OC32" s="345">
        <v>0</v>
      </c>
      <c r="OD32" s="345">
        <v>0</v>
      </c>
      <c r="OE32" s="345">
        <v>0</v>
      </c>
      <c r="OF32" s="345">
        <v>421444</v>
      </c>
      <c r="OG32" s="349">
        <v>421444</v>
      </c>
      <c r="OH32" s="350">
        <v>421444</v>
      </c>
      <c r="OI32" s="348">
        <v>316541</v>
      </c>
      <c r="OJ32" s="345">
        <v>238555</v>
      </c>
      <c r="OK32" s="346">
        <v>555096</v>
      </c>
      <c r="OL32" s="351">
        <v>0</v>
      </c>
      <c r="OM32" s="345">
        <v>2092993</v>
      </c>
      <c r="ON32" s="345">
        <v>1647662</v>
      </c>
      <c r="OO32" s="345">
        <v>2119798</v>
      </c>
      <c r="OP32" s="345">
        <v>4431989</v>
      </c>
      <c r="OQ32" s="345">
        <v>1359450</v>
      </c>
      <c r="OR32" s="349">
        <v>11651892</v>
      </c>
      <c r="OS32" s="354">
        <v>12206988</v>
      </c>
    </row>
    <row r="33" spans="2:409" s="70" customFormat="1" ht="21" customHeight="1" x14ac:dyDescent="0.2">
      <c r="B33" s="410" t="s">
        <v>28</v>
      </c>
      <c r="C33" s="326">
        <v>0</v>
      </c>
      <c r="D33" s="327">
        <v>800</v>
      </c>
      <c r="E33" s="328">
        <v>800</v>
      </c>
      <c r="F33" s="329">
        <v>0</v>
      </c>
      <c r="G33" s="327">
        <v>789634</v>
      </c>
      <c r="H33" s="327">
        <v>303125</v>
      </c>
      <c r="I33" s="327">
        <v>549069</v>
      </c>
      <c r="J33" s="327">
        <v>37473</v>
      </c>
      <c r="K33" s="327">
        <v>25584</v>
      </c>
      <c r="L33" s="367">
        <v>1704885</v>
      </c>
      <c r="M33" s="330">
        <v>1705685</v>
      </c>
      <c r="N33" s="326">
        <v>0</v>
      </c>
      <c r="O33" s="327">
        <v>0</v>
      </c>
      <c r="P33" s="328">
        <v>0</v>
      </c>
      <c r="Q33" s="326">
        <v>0</v>
      </c>
      <c r="R33" s="327">
        <v>86359</v>
      </c>
      <c r="S33" s="327">
        <v>12906</v>
      </c>
      <c r="T33" s="327">
        <v>192496</v>
      </c>
      <c r="U33" s="327">
        <v>28433</v>
      </c>
      <c r="V33" s="327">
        <v>10064</v>
      </c>
      <c r="W33" s="328">
        <v>330258</v>
      </c>
      <c r="X33" s="330">
        <v>330258</v>
      </c>
      <c r="Y33" s="326">
        <v>0</v>
      </c>
      <c r="Z33" s="327">
        <v>0</v>
      </c>
      <c r="AA33" s="328">
        <v>0</v>
      </c>
      <c r="AB33" s="326">
        <v>0</v>
      </c>
      <c r="AC33" s="327">
        <v>0</v>
      </c>
      <c r="AD33" s="327">
        <v>-166</v>
      </c>
      <c r="AE33" s="327">
        <v>109434</v>
      </c>
      <c r="AF33" s="327">
        <v>0</v>
      </c>
      <c r="AG33" s="327">
        <v>0</v>
      </c>
      <c r="AH33" s="328">
        <v>109268</v>
      </c>
      <c r="AI33" s="330">
        <v>109268</v>
      </c>
      <c r="AJ33" s="326">
        <v>0</v>
      </c>
      <c r="AK33" s="327">
        <v>0</v>
      </c>
      <c r="AL33" s="328">
        <v>0</v>
      </c>
      <c r="AM33" s="326">
        <v>0</v>
      </c>
      <c r="AN33" s="327">
        <v>0</v>
      </c>
      <c r="AO33" s="327">
        <v>0</v>
      </c>
      <c r="AP33" s="327">
        <v>0</v>
      </c>
      <c r="AQ33" s="327">
        <v>0</v>
      </c>
      <c r="AR33" s="327">
        <v>0</v>
      </c>
      <c r="AS33" s="328">
        <v>0</v>
      </c>
      <c r="AT33" s="330">
        <v>0</v>
      </c>
      <c r="AU33" s="326">
        <v>0</v>
      </c>
      <c r="AV33" s="327">
        <v>0</v>
      </c>
      <c r="AW33" s="328">
        <v>0</v>
      </c>
      <c r="AX33" s="326">
        <v>0</v>
      </c>
      <c r="AY33" s="327">
        <v>51991</v>
      </c>
      <c r="AZ33" s="327">
        <v>0</v>
      </c>
      <c r="BA33" s="327">
        <v>68646</v>
      </c>
      <c r="BB33" s="327">
        <v>28433</v>
      </c>
      <c r="BC33" s="327">
        <v>0</v>
      </c>
      <c r="BD33" s="328">
        <v>149070</v>
      </c>
      <c r="BE33" s="330">
        <v>149070</v>
      </c>
      <c r="BF33" s="326">
        <v>0</v>
      </c>
      <c r="BG33" s="327">
        <v>0</v>
      </c>
      <c r="BH33" s="331">
        <v>0</v>
      </c>
      <c r="BI33" s="332">
        <v>0</v>
      </c>
      <c r="BJ33" s="327">
        <v>0</v>
      </c>
      <c r="BK33" s="327">
        <v>0</v>
      </c>
      <c r="BL33" s="327">
        <v>0</v>
      </c>
      <c r="BM33" s="327">
        <v>0</v>
      </c>
      <c r="BN33" s="327">
        <v>0</v>
      </c>
      <c r="BO33" s="328">
        <v>0</v>
      </c>
      <c r="BP33" s="330">
        <v>0</v>
      </c>
      <c r="BQ33" s="326">
        <v>0</v>
      </c>
      <c r="BR33" s="327">
        <v>0</v>
      </c>
      <c r="BS33" s="328">
        <v>0</v>
      </c>
      <c r="BT33" s="326">
        <v>0</v>
      </c>
      <c r="BU33" s="327">
        <v>34368</v>
      </c>
      <c r="BV33" s="327">
        <v>13072</v>
      </c>
      <c r="BW33" s="327">
        <v>14416</v>
      </c>
      <c r="BX33" s="327">
        <v>0</v>
      </c>
      <c r="BY33" s="327">
        <v>10064</v>
      </c>
      <c r="BZ33" s="328">
        <v>71920</v>
      </c>
      <c r="CA33" s="330">
        <v>71920</v>
      </c>
      <c r="CB33" s="326">
        <v>0</v>
      </c>
      <c r="CC33" s="327">
        <v>0</v>
      </c>
      <c r="CD33" s="328">
        <v>0</v>
      </c>
      <c r="CE33" s="326">
        <v>0</v>
      </c>
      <c r="CF33" s="327">
        <v>188707</v>
      </c>
      <c r="CG33" s="327">
        <v>234875</v>
      </c>
      <c r="CH33" s="327">
        <v>82710</v>
      </c>
      <c r="CI33" s="327">
        <v>0</v>
      </c>
      <c r="CJ33" s="327">
        <v>0</v>
      </c>
      <c r="CK33" s="328">
        <v>506292</v>
      </c>
      <c r="CL33" s="330">
        <v>506292</v>
      </c>
      <c r="CM33" s="326">
        <v>0</v>
      </c>
      <c r="CN33" s="327">
        <v>0</v>
      </c>
      <c r="CO33" s="328">
        <v>0</v>
      </c>
      <c r="CP33" s="332">
        <v>0</v>
      </c>
      <c r="CQ33" s="327">
        <v>40726</v>
      </c>
      <c r="CR33" s="327">
        <v>234875</v>
      </c>
      <c r="CS33" s="327">
        <v>82710</v>
      </c>
      <c r="CT33" s="327">
        <v>0</v>
      </c>
      <c r="CU33" s="327">
        <v>0</v>
      </c>
      <c r="CV33" s="328">
        <v>358311</v>
      </c>
      <c r="CW33" s="330">
        <v>358311</v>
      </c>
      <c r="CX33" s="326">
        <v>0</v>
      </c>
      <c r="CY33" s="327">
        <v>0</v>
      </c>
      <c r="CZ33" s="328">
        <v>0</v>
      </c>
      <c r="DA33" s="326">
        <v>0</v>
      </c>
      <c r="DB33" s="327">
        <v>147981</v>
      </c>
      <c r="DC33" s="327">
        <v>0</v>
      </c>
      <c r="DD33" s="327">
        <v>0</v>
      </c>
      <c r="DE33" s="327">
        <v>0</v>
      </c>
      <c r="DF33" s="327">
        <v>0</v>
      </c>
      <c r="DG33" s="328">
        <v>147981</v>
      </c>
      <c r="DH33" s="330">
        <v>147981</v>
      </c>
      <c r="DI33" s="326">
        <v>0</v>
      </c>
      <c r="DJ33" s="327">
        <v>0</v>
      </c>
      <c r="DK33" s="331">
        <v>0</v>
      </c>
      <c r="DL33" s="332">
        <v>0</v>
      </c>
      <c r="DM33" s="327">
        <v>0</v>
      </c>
      <c r="DN33" s="327">
        <v>0</v>
      </c>
      <c r="DO33" s="327">
        <v>48646</v>
      </c>
      <c r="DP33" s="327">
        <v>0</v>
      </c>
      <c r="DQ33" s="327">
        <v>0</v>
      </c>
      <c r="DR33" s="328">
        <v>48646</v>
      </c>
      <c r="DS33" s="330">
        <v>48646</v>
      </c>
      <c r="DT33" s="326">
        <v>0</v>
      </c>
      <c r="DU33" s="327">
        <v>0</v>
      </c>
      <c r="DV33" s="328">
        <v>0</v>
      </c>
      <c r="DW33" s="326">
        <v>0</v>
      </c>
      <c r="DX33" s="327">
        <v>0</v>
      </c>
      <c r="DY33" s="327">
        <v>0</v>
      </c>
      <c r="DZ33" s="327">
        <v>0</v>
      </c>
      <c r="EA33" s="327">
        <v>0</v>
      </c>
      <c r="EB33" s="327">
        <v>0</v>
      </c>
      <c r="EC33" s="328">
        <v>0</v>
      </c>
      <c r="ED33" s="330">
        <v>0</v>
      </c>
      <c r="EE33" s="326">
        <v>0</v>
      </c>
      <c r="EF33" s="331">
        <v>0</v>
      </c>
      <c r="EG33" s="328">
        <v>0</v>
      </c>
      <c r="EH33" s="326">
        <v>0</v>
      </c>
      <c r="EI33" s="327">
        <v>0</v>
      </c>
      <c r="EJ33" s="327">
        <v>0</v>
      </c>
      <c r="EK33" s="327">
        <v>48646</v>
      </c>
      <c r="EL33" s="327">
        <v>0</v>
      </c>
      <c r="EM33" s="327">
        <v>0</v>
      </c>
      <c r="EN33" s="331">
        <v>48646</v>
      </c>
      <c r="EO33" s="330">
        <v>48646</v>
      </c>
      <c r="EP33" s="326">
        <v>0</v>
      </c>
      <c r="EQ33" s="327">
        <v>0</v>
      </c>
      <c r="ER33" s="331">
        <v>0</v>
      </c>
      <c r="ES33" s="332">
        <v>0</v>
      </c>
      <c r="ET33" s="327">
        <v>0</v>
      </c>
      <c r="EU33" s="327">
        <v>0</v>
      </c>
      <c r="EV33" s="327">
        <v>0</v>
      </c>
      <c r="EW33" s="327">
        <v>0</v>
      </c>
      <c r="EX33" s="327">
        <v>0</v>
      </c>
      <c r="EY33" s="328">
        <v>0</v>
      </c>
      <c r="EZ33" s="330">
        <v>0</v>
      </c>
      <c r="FA33" s="326">
        <v>0</v>
      </c>
      <c r="FB33" s="327">
        <v>0</v>
      </c>
      <c r="FC33" s="331">
        <v>0</v>
      </c>
      <c r="FD33" s="332">
        <v>0</v>
      </c>
      <c r="FE33" s="327">
        <v>0</v>
      </c>
      <c r="FF33" s="327">
        <v>0</v>
      </c>
      <c r="FG33" s="327">
        <v>0</v>
      </c>
      <c r="FH33" s="327">
        <v>0</v>
      </c>
      <c r="FI33" s="327">
        <v>0</v>
      </c>
      <c r="FJ33" s="328">
        <v>0</v>
      </c>
      <c r="FK33" s="330">
        <v>0</v>
      </c>
      <c r="FL33" s="326">
        <v>0</v>
      </c>
      <c r="FM33" s="327">
        <v>800</v>
      </c>
      <c r="FN33" s="328">
        <v>800</v>
      </c>
      <c r="FO33" s="326">
        <v>0</v>
      </c>
      <c r="FP33" s="327">
        <v>19952</v>
      </c>
      <c r="FQ33" s="327">
        <v>55344</v>
      </c>
      <c r="FR33" s="327">
        <v>17920</v>
      </c>
      <c r="FS33" s="327">
        <v>9040</v>
      </c>
      <c r="FT33" s="327">
        <v>15520</v>
      </c>
      <c r="FU33" s="328">
        <v>117776</v>
      </c>
      <c r="FV33" s="330">
        <v>118576</v>
      </c>
      <c r="FW33" s="333">
        <v>0</v>
      </c>
      <c r="FX33" s="327">
        <v>800</v>
      </c>
      <c r="FY33" s="331">
        <v>800</v>
      </c>
      <c r="FZ33" s="332">
        <v>0</v>
      </c>
      <c r="GA33" s="327">
        <v>19952</v>
      </c>
      <c r="GB33" s="327">
        <v>55344</v>
      </c>
      <c r="GC33" s="327">
        <v>17920</v>
      </c>
      <c r="GD33" s="327">
        <v>9040</v>
      </c>
      <c r="GE33" s="327">
        <v>15520</v>
      </c>
      <c r="GF33" s="328">
        <v>117776</v>
      </c>
      <c r="GG33" s="334">
        <v>118576</v>
      </c>
      <c r="GH33" s="333">
        <v>0</v>
      </c>
      <c r="GI33" s="327">
        <v>0</v>
      </c>
      <c r="GJ33" s="331">
        <v>0</v>
      </c>
      <c r="GK33" s="332">
        <v>0</v>
      </c>
      <c r="GL33" s="327">
        <v>0</v>
      </c>
      <c r="GM33" s="327">
        <v>0</v>
      </c>
      <c r="GN33" s="327">
        <v>0</v>
      </c>
      <c r="GO33" s="327">
        <v>0</v>
      </c>
      <c r="GP33" s="327">
        <v>0</v>
      </c>
      <c r="GQ33" s="328">
        <v>0</v>
      </c>
      <c r="GR33" s="330">
        <v>0</v>
      </c>
      <c r="GS33" s="326">
        <v>0</v>
      </c>
      <c r="GT33" s="327">
        <v>0</v>
      </c>
      <c r="GU33" s="328">
        <v>0</v>
      </c>
      <c r="GV33" s="326">
        <v>0</v>
      </c>
      <c r="GW33" s="327">
        <v>0</v>
      </c>
      <c r="GX33" s="327">
        <v>0</v>
      </c>
      <c r="GY33" s="327">
        <v>0</v>
      </c>
      <c r="GZ33" s="327">
        <v>0</v>
      </c>
      <c r="HA33" s="327">
        <v>0</v>
      </c>
      <c r="HB33" s="331">
        <v>0</v>
      </c>
      <c r="HC33" s="330">
        <v>0</v>
      </c>
      <c r="HD33" s="326">
        <v>0</v>
      </c>
      <c r="HE33" s="327">
        <v>0</v>
      </c>
      <c r="HF33" s="331">
        <v>0</v>
      </c>
      <c r="HG33" s="332">
        <v>0</v>
      </c>
      <c r="HH33" s="327">
        <v>494616</v>
      </c>
      <c r="HI33" s="327">
        <v>0</v>
      </c>
      <c r="HJ33" s="327">
        <v>207297</v>
      </c>
      <c r="HK33" s="327">
        <v>0</v>
      </c>
      <c r="HL33" s="327">
        <v>0</v>
      </c>
      <c r="HM33" s="328">
        <v>701913</v>
      </c>
      <c r="HN33" s="329">
        <v>701913</v>
      </c>
      <c r="HO33" s="333">
        <v>0</v>
      </c>
      <c r="HP33" s="327">
        <v>0</v>
      </c>
      <c r="HQ33" s="328">
        <v>0</v>
      </c>
      <c r="HR33" s="326">
        <v>0</v>
      </c>
      <c r="HS33" s="327">
        <v>0</v>
      </c>
      <c r="HT33" s="327">
        <v>0</v>
      </c>
      <c r="HU33" s="327">
        <v>0</v>
      </c>
      <c r="HV33" s="327">
        <v>0</v>
      </c>
      <c r="HW33" s="327">
        <v>0</v>
      </c>
      <c r="HX33" s="331">
        <v>0</v>
      </c>
      <c r="HY33" s="330">
        <v>0</v>
      </c>
      <c r="HZ33" s="335">
        <v>0</v>
      </c>
      <c r="IA33" s="336">
        <v>0</v>
      </c>
      <c r="IB33" s="337">
        <v>0</v>
      </c>
      <c r="IC33" s="338">
        <v>0</v>
      </c>
      <c r="ID33" s="336">
        <v>131320</v>
      </c>
      <c r="IE33" s="339">
        <v>47347</v>
      </c>
      <c r="IF33" s="337">
        <v>0</v>
      </c>
      <c r="IG33" s="336">
        <v>0</v>
      </c>
      <c r="IH33" s="337">
        <v>273066</v>
      </c>
      <c r="II33" s="340">
        <v>451733</v>
      </c>
      <c r="IJ33" s="341">
        <v>451733</v>
      </c>
      <c r="IK33" s="342">
        <v>0</v>
      </c>
      <c r="IL33" s="343">
        <v>0</v>
      </c>
      <c r="IM33" s="344">
        <v>0</v>
      </c>
      <c r="IN33" s="404">
        <v>0</v>
      </c>
      <c r="IO33" s="345">
        <v>0</v>
      </c>
      <c r="IP33" s="345">
        <v>0</v>
      </c>
      <c r="IQ33" s="345">
        <v>0</v>
      </c>
      <c r="IR33" s="345">
        <v>0</v>
      </c>
      <c r="IS33" s="345">
        <v>0</v>
      </c>
      <c r="IT33" s="346">
        <v>0</v>
      </c>
      <c r="IU33" s="347">
        <v>0</v>
      </c>
      <c r="IV33" s="348">
        <v>0</v>
      </c>
      <c r="IW33" s="345">
        <v>0</v>
      </c>
      <c r="IX33" s="349">
        <v>0</v>
      </c>
      <c r="IY33" s="404">
        <v>0</v>
      </c>
      <c r="IZ33" s="345">
        <v>0</v>
      </c>
      <c r="JA33" s="345">
        <v>0</v>
      </c>
      <c r="JB33" s="345">
        <v>0</v>
      </c>
      <c r="JC33" s="345">
        <v>0</v>
      </c>
      <c r="JD33" s="345">
        <v>0</v>
      </c>
      <c r="JE33" s="349">
        <v>0</v>
      </c>
      <c r="JF33" s="350">
        <v>0</v>
      </c>
      <c r="JG33" s="348">
        <v>0</v>
      </c>
      <c r="JH33" s="345">
        <v>0</v>
      </c>
      <c r="JI33" s="346">
        <v>0</v>
      </c>
      <c r="JJ33" s="351">
        <v>0</v>
      </c>
      <c r="JK33" s="345">
        <v>131320</v>
      </c>
      <c r="JL33" s="345">
        <v>13202</v>
      </c>
      <c r="JM33" s="345">
        <v>0</v>
      </c>
      <c r="JN33" s="345">
        <v>0</v>
      </c>
      <c r="JO33" s="345">
        <v>0</v>
      </c>
      <c r="JP33" s="349">
        <v>144522</v>
      </c>
      <c r="JQ33" s="347">
        <v>144522</v>
      </c>
      <c r="JR33" s="348">
        <v>0</v>
      </c>
      <c r="JS33" s="345">
        <v>0</v>
      </c>
      <c r="JT33" s="346">
        <v>0</v>
      </c>
      <c r="JU33" s="351">
        <v>0</v>
      </c>
      <c r="JV33" s="345">
        <v>0</v>
      </c>
      <c r="JW33" s="345">
        <v>0</v>
      </c>
      <c r="JX33" s="345">
        <v>0</v>
      </c>
      <c r="JY33" s="345">
        <v>0</v>
      </c>
      <c r="JZ33" s="345">
        <v>0</v>
      </c>
      <c r="KA33" s="349">
        <v>0</v>
      </c>
      <c r="KB33" s="347">
        <v>0</v>
      </c>
      <c r="KC33" s="352">
        <v>0</v>
      </c>
      <c r="KD33" s="353">
        <v>0</v>
      </c>
      <c r="KE33" s="349">
        <v>0</v>
      </c>
      <c r="KF33" s="351">
        <v>0</v>
      </c>
      <c r="KG33" s="345">
        <v>0</v>
      </c>
      <c r="KH33" s="345">
        <v>0</v>
      </c>
      <c r="KI33" s="345">
        <v>0</v>
      </c>
      <c r="KJ33" s="345">
        <v>0</v>
      </c>
      <c r="KK33" s="345">
        <v>0</v>
      </c>
      <c r="KL33" s="349">
        <v>0</v>
      </c>
      <c r="KM33" s="354">
        <v>0</v>
      </c>
      <c r="KN33" s="342">
        <v>0</v>
      </c>
      <c r="KO33" s="343">
        <v>0</v>
      </c>
      <c r="KP33" s="344">
        <v>0</v>
      </c>
      <c r="KQ33" s="404">
        <v>0</v>
      </c>
      <c r="KR33" s="345">
        <v>0</v>
      </c>
      <c r="KS33" s="345">
        <v>34145</v>
      </c>
      <c r="KT33" s="345">
        <v>0</v>
      </c>
      <c r="KU33" s="345">
        <v>0</v>
      </c>
      <c r="KV33" s="345">
        <v>273066</v>
      </c>
      <c r="KW33" s="349">
        <v>307211</v>
      </c>
      <c r="KX33" s="347">
        <v>307211</v>
      </c>
      <c r="KY33" s="348">
        <v>0</v>
      </c>
      <c r="KZ33" s="345">
        <v>0</v>
      </c>
      <c r="LA33" s="349">
        <v>0</v>
      </c>
      <c r="LB33" s="404">
        <v>0</v>
      </c>
      <c r="LC33" s="345">
        <v>0</v>
      </c>
      <c r="LD33" s="345">
        <v>0</v>
      </c>
      <c r="LE33" s="345">
        <v>0</v>
      </c>
      <c r="LF33" s="345">
        <v>0</v>
      </c>
      <c r="LG33" s="345">
        <v>0</v>
      </c>
      <c r="LH33" s="349">
        <v>0</v>
      </c>
      <c r="LI33" s="350">
        <v>0</v>
      </c>
      <c r="LJ33" s="348">
        <v>0</v>
      </c>
      <c r="LK33" s="345">
        <v>0</v>
      </c>
      <c r="LL33" s="349">
        <v>0</v>
      </c>
      <c r="LM33" s="404">
        <v>0</v>
      </c>
      <c r="LN33" s="345">
        <v>0</v>
      </c>
      <c r="LO33" s="345">
        <v>0</v>
      </c>
      <c r="LP33" s="345">
        <v>0</v>
      </c>
      <c r="LQ33" s="345">
        <v>0</v>
      </c>
      <c r="LR33" s="345">
        <v>0</v>
      </c>
      <c r="LS33" s="349">
        <v>0</v>
      </c>
      <c r="LT33" s="347">
        <v>0</v>
      </c>
      <c r="LU33" s="348">
        <v>0</v>
      </c>
      <c r="LV33" s="345">
        <v>0</v>
      </c>
      <c r="LW33" s="349">
        <v>0</v>
      </c>
      <c r="LX33" s="404">
        <v>0</v>
      </c>
      <c r="LY33" s="345">
        <v>0</v>
      </c>
      <c r="LZ33" s="345">
        <v>0</v>
      </c>
      <c r="MA33" s="345">
        <v>0</v>
      </c>
      <c r="MB33" s="345">
        <v>0</v>
      </c>
      <c r="MC33" s="345">
        <v>0</v>
      </c>
      <c r="MD33" s="349">
        <v>0</v>
      </c>
      <c r="ME33" s="350">
        <v>0</v>
      </c>
      <c r="MF33" s="348">
        <v>0</v>
      </c>
      <c r="MG33" s="345">
        <v>0</v>
      </c>
      <c r="MH33" s="349">
        <v>0</v>
      </c>
      <c r="MI33" s="404">
        <v>0</v>
      </c>
      <c r="MJ33" s="345">
        <v>0</v>
      </c>
      <c r="MK33" s="345">
        <v>0</v>
      </c>
      <c r="ML33" s="345">
        <v>0</v>
      </c>
      <c r="MM33" s="345">
        <v>246586</v>
      </c>
      <c r="MN33" s="345">
        <v>266551</v>
      </c>
      <c r="MO33" s="349">
        <v>513137</v>
      </c>
      <c r="MP33" s="354">
        <v>513137</v>
      </c>
      <c r="MQ33" s="348">
        <v>0</v>
      </c>
      <c r="MR33" s="345">
        <v>0</v>
      </c>
      <c r="MS33" s="349">
        <v>0</v>
      </c>
      <c r="MT33" s="404">
        <v>0</v>
      </c>
      <c r="MU33" s="345">
        <v>0</v>
      </c>
      <c r="MV33" s="345">
        <v>0</v>
      </c>
      <c r="MW33" s="345">
        <v>0</v>
      </c>
      <c r="MX33" s="345">
        <v>246586</v>
      </c>
      <c r="MY33" s="345">
        <v>266551</v>
      </c>
      <c r="MZ33" s="349">
        <v>513137</v>
      </c>
      <c r="NA33" s="354">
        <v>513137</v>
      </c>
      <c r="NB33" s="348">
        <v>0</v>
      </c>
      <c r="NC33" s="345">
        <v>0</v>
      </c>
      <c r="ND33" s="349">
        <v>0</v>
      </c>
      <c r="NE33" s="404">
        <v>0</v>
      </c>
      <c r="NF33" s="345">
        <v>0</v>
      </c>
      <c r="NG33" s="345">
        <v>0</v>
      </c>
      <c r="NH33" s="345">
        <v>0</v>
      </c>
      <c r="NI33" s="345">
        <v>0</v>
      </c>
      <c r="NJ33" s="345">
        <v>0</v>
      </c>
      <c r="NK33" s="349">
        <v>0</v>
      </c>
      <c r="NL33" s="347">
        <v>0</v>
      </c>
      <c r="NM33" s="348">
        <v>0</v>
      </c>
      <c r="NN33" s="345">
        <v>0</v>
      </c>
      <c r="NO33" s="349">
        <v>0</v>
      </c>
      <c r="NP33" s="404">
        <v>0</v>
      </c>
      <c r="NQ33" s="345">
        <v>0</v>
      </c>
      <c r="NR33" s="345">
        <v>0</v>
      </c>
      <c r="NS33" s="345">
        <v>0</v>
      </c>
      <c r="NT33" s="345">
        <v>0</v>
      </c>
      <c r="NU33" s="345">
        <v>0</v>
      </c>
      <c r="NV33" s="349">
        <v>0</v>
      </c>
      <c r="NW33" s="350">
        <v>0</v>
      </c>
      <c r="NX33" s="348">
        <v>0</v>
      </c>
      <c r="NY33" s="345">
        <v>0</v>
      </c>
      <c r="NZ33" s="349">
        <v>0</v>
      </c>
      <c r="OA33" s="404">
        <v>0</v>
      </c>
      <c r="OB33" s="345">
        <v>0</v>
      </c>
      <c r="OC33" s="345">
        <v>0</v>
      </c>
      <c r="OD33" s="345">
        <v>0</v>
      </c>
      <c r="OE33" s="345">
        <v>0</v>
      </c>
      <c r="OF33" s="345">
        <v>0</v>
      </c>
      <c r="OG33" s="349">
        <v>0</v>
      </c>
      <c r="OH33" s="350">
        <v>0</v>
      </c>
      <c r="OI33" s="348">
        <v>0</v>
      </c>
      <c r="OJ33" s="345">
        <v>800</v>
      </c>
      <c r="OK33" s="346">
        <v>800</v>
      </c>
      <c r="OL33" s="351">
        <v>0</v>
      </c>
      <c r="OM33" s="345">
        <v>920954</v>
      </c>
      <c r="ON33" s="345">
        <v>350472</v>
      </c>
      <c r="OO33" s="345">
        <v>549069</v>
      </c>
      <c r="OP33" s="345">
        <v>284059</v>
      </c>
      <c r="OQ33" s="345">
        <v>565201</v>
      </c>
      <c r="OR33" s="349">
        <v>2669755</v>
      </c>
      <c r="OS33" s="354">
        <v>2670555</v>
      </c>
    </row>
    <row r="34" spans="2:409" s="70" customFormat="1" ht="21" customHeight="1" x14ac:dyDescent="0.2">
      <c r="B34" s="410" t="s">
        <v>29</v>
      </c>
      <c r="C34" s="326">
        <v>107552</v>
      </c>
      <c r="D34" s="327">
        <v>0</v>
      </c>
      <c r="E34" s="328">
        <v>107552</v>
      </c>
      <c r="F34" s="329">
        <v>0</v>
      </c>
      <c r="G34" s="327">
        <v>244653</v>
      </c>
      <c r="H34" s="327">
        <v>611927</v>
      </c>
      <c r="I34" s="327">
        <v>698488</v>
      </c>
      <c r="J34" s="327">
        <v>461536</v>
      </c>
      <c r="K34" s="327">
        <v>125874</v>
      </c>
      <c r="L34" s="367">
        <v>2142478</v>
      </c>
      <c r="M34" s="330">
        <v>2250030</v>
      </c>
      <c r="N34" s="326">
        <v>9632</v>
      </c>
      <c r="O34" s="327">
        <v>0</v>
      </c>
      <c r="P34" s="328">
        <v>9632</v>
      </c>
      <c r="Q34" s="326">
        <v>0</v>
      </c>
      <c r="R34" s="327">
        <v>10704</v>
      </c>
      <c r="S34" s="327">
        <v>237879</v>
      </c>
      <c r="T34" s="327">
        <v>291496</v>
      </c>
      <c r="U34" s="327">
        <v>17808</v>
      </c>
      <c r="V34" s="327">
        <v>63634</v>
      </c>
      <c r="W34" s="328">
        <v>621521</v>
      </c>
      <c r="X34" s="330">
        <v>631153</v>
      </c>
      <c r="Y34" s="326">
        <v>0</v>
      </c>
      <c r="Z34" s="327">
        <v>0</v>
      </c>
      <c r="AA34" s="328">
        <v>0</v>
      </c>
      <c r="AB34" s="326">
        <v>0</v>
      </c>
      <c r="AC34" s="327">
        <v>0</v>
      </c>
      <c r="AD34" s="327">
        <v>126061</v>
      </c>
      <c r="AE34" s="327">
        <v>0</v>
      </c>
      <c r="AF34" s="327">
        <v>-28512</v>
      </c>
      <c r="AG34" s="327">
        <v>0</v>
      </c>
      <c r="AH34" s="328">
        <v>97549</v>
      </c>
      <c r="AI34" s="330">
        <v>97549</v>
      </c>
      <c r="AJ34" s="326">
        <v>0</v>
      </c>
      <c r="AK34" s="327">
        <v>0</v>
      </c>
      <c r="AL34" s="328">
        <v>0</v>
      </c>
      <c r="AM34" s="326">
        <v>0</v>
      </c>
      <c r="AN34" s="327">
        <v>0</v>
      </c>
      <c r="AO34" s="327">
        <v>0</v>
      </c>
      <c r="AP34" s="327">
        <v>0</v>
      </c>
      <c r="AQ34" s="327">
        <v>0</v>
      </c>
      <c r="AR34" s="327">
        <v>58850</v>
      </c>
      <c r="AS34" s="328">
        <v>58850</v>
      </c>
      <c r="AT34" s="330">
        <v>58850</v>
      </c>
      <c r="AU34" s="326">
        <v>0</v>
      </c>
      <c r="AV34" s="327">
        <v>0</v>
      </c>
      <c r="AW34" s="328">
        <v>0</v>
      </c>
      <c r="AX34" s="326">
        <v>0</v>
      </c>
      <c r="AY34" s="327">
        <v>0</v>
      </c>
      <c r="AZ34" s="327">
        <v>41720</v>
      </c>
      <c r="BA34" s="327">
        <v>266056</v>
      </c>
      <c r="BB34" s="327">
        <v>23752</v>
      </c>
      <c r="BC34" s="327">
        <v>0</v>
      </c>
      <c r="BD34" s="328">
        <v>331528</v>
      </c>
      <c r="BE34" s="330">
        <v>331528</v>
      </c>
      <c r="BF34" s="326">
        <v>0</v>
      </c>
      <c r="BG34" s="327">
        <v>0</v>
      </c>
      <c r="BH34" s="331">
        <v>0</v>
      </c>
      <c r="BI34" s="332">
        <v>0</v>
      </c>
      <c r="BJ34" s="327">
        <v>0</v>
      </c>
      <c r="BK34" s="327">
        <v>70098</v>
      </c>
      <c r="BL34" s="327">
        <v>0</v>
      </c>
      <c r="BM34" s="327">
        <v>0</v>
      </c>
      <c r="BN34" s="327">
        <v>0</v>
      </c>
      <c r="BO34" s="328">
        <v>70098</v>
      </c>
      <c r="BP34" s="330">
        <v>70098</v>
      </c>
      <c r="BQ34" s="326">
        <v>9632</v>
      </c>
      <c r="BR34" s="327">
        <v>0</v>
      </c>
      <c r="BS34" s="328">
        <v>9632</v>
      </c>
      <c r="BT34" s="326">
        <v>0</v>
      </c>
      <c r="BU34" s="327">
        <v>10704</v>
      </c>
      <c r="BV34" s="327">
        <v>0</v>
      </c>
      <c r="BW34" s="327">
        <v>25440</v>
      </c>
      <c r="BX34" s="327">
        <v>22568</v>
      </c>
      <c r="BY34" s="327">
        <v>4784</v>
      </c>
      <c r="BZ34" s="328">
        <v>63496</v>
      </c>
      <c r="CA34" s="330">
        <v>73128</v>
      </c>
      <c r="CB34" s="326">
        <v>20816</v>
      </c>
      <c r="CC34" s="327">
        <v>0</v>
      </c>
      <c r="CD34" s="328">
        <v>20816</v>
      </c>
      <c r="CE34" s="326">
        <v>0</v>
      </c>
      <c r="CF34" s="327">
        <v>0</v>
      </c>
      <c r="CG34" s="327">
        <v>162544</v>
      </c>
      <c r="CH34" s="327">
        <v>252136</v>
      </c>
      <c r="CI34" s="327">
        <v>0</v>
      </c>
      <c r="CJ34" s="327">
        <v>0</v>
      </c>
      <c r="CK34" s="328">
        <v>414680</v>
      </c>
      <c r="CL34" s="330">
        <v>435496</v>
      </c>
      <c r="CM34" s="326">
        <v>0</v>
      </c>
      <c r="CN34" s="327">
        <v>0</v>
      </c>
      <c r="CO34" s="328">
        <v>0</v>
      </c>
      <c r="CP34" s="332">
        <v>0</v>
      </c>
      <c r="CQ34" s="327">
        <v>0</v>
      </c>
      <c r="CR34" s="327">
        <v>162544</v>
      </c>
      <c r="CS34" s="327">
        <v>81320</v>
      </c>
      <c r="CT34" s="327">
        <v>0</v>
      </c>
      <c r="CU34" s="327">
        <v>0</v>
      </c>
      <c r="CV34" s="328">
        <v>243864</v>
      </c>
      <c r="CW34" s="330">
        <v>243864</v>
      </c>
      <c r="CX34" s="326">
        <v>20816</v>
      </c>
      <c r="CY34" s="327">
        <v>0</v>
      </c>
      <c r="CZ34" s="328">
        <v>20816</v>
      </c>
      <c r="DA34" s="326">
        <v>0</v>
      </c>
      <c r="DB34" s="327">
        <v>0</v>
      </c>
      <c r="DC34" s="327">
        <v>0</v>
      </c>
      <c r="DD34" s="327">
        <v>170816</v>
      </c>
      <c r="DE34" s="327">
        <v>0</v>
      </c>
      <c r="DF34" s="327">
        <v>0</v>
      </c>
      <c r="DG34" s="328">
        <v>170816</v>
      </c>
      <c r="DH34" s="330">
        <v>191632</v>
      </c>
      <c r="DI34" s="326">
        <v>0</v>
      </c>
      <c r="DJ34" s="327">
        <v>0</v>
      </c>
      <c r="DK34" s="331">
        <v>0</v>
      </c>
      <c r="DL34" s="332">
        <v>0</v>
      </c>
      <c r="DM34" s="327">
        <v>0</v>
      </c>
      <c r="DN34" s="327">
        <v>0</v>
      </c>
      <c r="DO34" s="327">
        <v>68400</v>
      </c>
      <c r="DP34" s="327">
        <v>0</v>
      </c>
      <c r="DQ34" s="327">
        <v>0</v>
      </c>
      <c r="DR34" s="328">
        <v>68400</v>
      </c>
      <c r="DS34" s="330">
        <v>68400</v>
      </c>
      <c r="DT34" s="326">
        <v>0</v>
      </c>
      <c r="DU34" s="327">
        <v>0</v>
      </c>
      <c r="DV34" s="328">
        <v>0</v>
      </c>
      <c r="DW34" s="326">
        <v>0</v>
      </c>
      <c r="DX34" s="327">
        <v>0</v>
      </c>
      <c r="DY34" s="327">
        <v>0</v>
      </c>
      <c r="DZ34" s="327">
        <v>0</v>
      </c>
      <c r="EA34" s="327">
        <v>0</v>
      </c>
      <c r="EB34" s="327">
        <v>0</v>
      </c>
      <c r="EC34" s="328">
        <v>0</v>
      </c>
      <c r="ED34" s="330">
        <v>0</v>
      </c>
      <c r="EE34" s="326">
        <v>0</v>
      </c>
      <c r="EF34" s="331">
        <v>0</v>
      </c>
      <c r="EG34" s="328">
        <v>0</v>
      </c>
      <c r="EH34" s="326">
        <v>0</v>
      </c>
      <c r="EI34" s="327">
        <v>0</v>
      </c>
      <c r="EJ34" s="327">
        <v>0</v>
      </c>
      <c r="EK34" s="327">
        <v>68400</v>
      </c>
      <c r="EL34" s="327">
        <v>0</v>
      </c>
      <c r="EM34" s="327">
        <v>0</v>
      </c>
      <c r="EN34" s="331">
        <v>68400</v>
      </c>
      <c r="EO34" s="330">
        <v>68400</v>
      </c>
      <c r="EP34" s="326">
        <v>0</v>
      </c>
      <c r="EQ34" s="327">
        <v>0</v>
      </c>
      <c r="ER34" s="331">
        <v>0</v>
      </c>
      <c r="ES34" s="332">
        <v>0</v>
      </c>
      <c r="ET34" s="327">
        <v>0</v>
      </c>
      <c r="EU34" s="327">
        <v>0</v>
      </c>
      <c r="EV34" s="327">
        <v>0</v>
      </c>
      <c r="EW34" s="327">
        <v>0</v>
      </c>
      <c r="EX34" s="327">
        <v>0</v>
      </c>
      <c r="EY34" s="328">
        <v>0</v>
      </c>
      <c r="EZ34" s="330">
        <v>0</v>
      </c>
      <c r="FA34" s="326">
        <v>0</v>
      </c>
      <c r="FB34" s="327">
        <v>0</v>
      </c>
      <c r="FC34" s="331">
        <v>0</v>
      </c>
      <c r="FD34" s="332">
        <v>0</v>
      </c>
      <c r="FE34" s="327">
        <v>0</v>
      </c>
      <c r="FF34" s="327">
        <v>0</v>
      </c>
      <c r="FG34" s="327">
        <v>0</v>
      </c>
      <c r="FH34" s="327">
        <v>0</v>
      </c>
      <c r="FI34" s="327">
        <v>0</v>
      </c>
      <c r="FJ34" s="328">
        <v>0</v>
      </c>
      <c r="FK34" s="330">
        <v>0</v>
      </c>
      <c r="FL34" s="326">
        <v>23520</v>
      </c>
      <c r="FM34" s="327">
        <v>0</v>
      </c>
      <c r="FN34" s="328">
        <v>23520</v>
      </c>
      <c r="FO34" s="326">
        <v>0</v>
      </c>
      <c r="FP34" s="327">
        <v>0</v>
      </c>
      <c r="FQ34" s="327">
        <v>211504</v>
      </c>
      <c r="FR34" s="327">
        <v>86456</v>
      </c>
      <c r="FS34" s="327">
        <v>29520</v>
      </c>
      <c r="FT34" s="327">
        <v>62240</v>
      </c>
      <c r="FU34" s="328">
        <v>389720</v>
      </c>
      <c r="FV34" s="330">
        <v>413240</v>
      </c>
      <c r="FW34" s="333">
        <v>23520</v>
      </c>
      <c r="FX34" s="327">
        <v>0</v>
      </c>
      <c r="FY34" s="331">
        <v>23520</v>
      </c>
      <c r="FZ34" s="332">
        <v>0</v>
      </c>
      <c r="GA34" s="327">
        <v>0</v>
      </c>
      <c r="GB34" s="327">
        <v>51504</v>
      </c>
      <c r="GC34" s="327">
        <v>86456</v>
      </c>
      <c r="GD34" s="327">
        <v>29520</v>
      </c>
      <c r="GE34" s="327">
        <v>62240</v>
      </c>
      <c r="GF34" s="328">
        <v>229720</v>
      </c>
      <c r="GG34" s="334">
        <v>253240</v>
      </c>
      <c r="GH34" s="333">
        <v>0</v>
      </c>
      <c r="GI34" s="327">
        <v>0</v>
      </c>
      <c r="GJ34" s="331">
        <v>0</v>
      </c>
      <c r="GK34" s="332">
        <v>0</v>
      </c>
      <c r="GL34" s="327">
        <v>0</v>
      </c>
      <c r="GM34" s="327">
        <v>0</v>
      </c>
      <c r="GN34" s="327">
        <v>0</v>
      </c>
      <c r="GO34" s="327">
        <v>0</v>
      </c>
      <c r="GP34" s="327">
        <v>0</v>
      </c>
      <c r="GQ34" s="328">
        <v>0</v>
      </c>
      <c r="GR34" s="330">
        <v>0</v>
      </c>
      <c r="GS34" s="326">
        <v>0</v>
      </c>
      <c r="GT34" s="327">
        <v>0</v>
      </c>
      <c r="GU34" s="328">
        <v>0</v>
      </c>
      <c r="GV34" s="326">
        <v>0</v>
      </c>
      <c r="GW34" s="327">
        <v>0</v>
      </c>
      <c r="GX34" s="327">
        <v>160000</v>
      </c>
      <c r="GY34" s="327">
        <v>0</v>
      </c>
      <c r="GZ34" s="327">
        <v>0</v>
      </c>
      <c r="HA34" s="327">
        <v>0</v>
      </c>
      <c r="HB34" s="331">
        <v>160000</v>
      </c>
      <c r="HC34" s="330">
        <v>160000</v>
      </c>
      <c r="HD34" s="326">
        <v>53584</v>
      </c>
      <c r="HE34" s="327">
        <v>0</v>
      </c>
      <c r="HF34" s="331">
        <v>53584</v>
      </c>
      <c r="HG34" s="332">
        <v>0</v>
      </c>
      <c r="HH34" s="327">
        <v>233949</v>
      </c>
      <c r="HI34" s="327">
        <v>0</v>
      </c>
      <c r="HJ34" s="327">
        <v>0</v>
      </c>
      <c r="HK34" s="327">
        <v>414208</v>
      </c>
      <c r="HL34" s="327">
        <v>0</v>
      </c>
      <c r="HM34" s="328">
        <v>648157</v>
      </c>
      <c r="HN34" s="329">
        <v>701741</v>
      </c>
      <c r="HO34" s="333">
        <v>0</v>
      </c>
      <c r="HP34" s="327">
        <v>0</v>
      </c>
      <c r="HQ34" s="328">
        <v>0</v>
      </c>
      <c r="HR34" s="326">
        <v>0</v>
      </c>
      <c r="HS34" s="327">
        <v>0</v>
      </c>
      <c r="HT34" s="327">
        <v>0</v>
      </c>
      <c r="HU34" s="327">
        <v>0</v>
      </c>
      <c r="HV34" s="327">
        <v>0</v>
      </c>
      <c r="HW34" s="327">
        <v>0</v>
      </c>
      <c r="HX34" s="331">
        <v>0</v>
      </c>
      <c r="HY34" s="330">
        <v>0</v>
      </c>
      <c r="HZ34" s="358">
        <v>0</v>
      </c>
      <c r="IA34" s="356">
        <v>0</v>
      </c>
      <c r="IB34" s="358">
        <v>0</v>
      </c>
      <c r="IC34" s="355">
        <v>0</v>
      </c>
      <c r="ID34" s="356">
        <v>0</v>
      </c>
      <c r="IE34" s="357">
        <v>154760</v>
      </c>
      <c r="IF34" s="358">
        <v>396152</v>
      </c>
      <c r="IG34" s="356">
        <v>276672</v>
      </c>
      <c r="IH34" s="358">
        <v>0</v>
      </c>
      <c r="II34" s="359">
        <v>827584</v>
      </c>
      <c r="IJ34" s="358">
        <v>827584</v>
      </c>
      <c r="IK34" s="342">
        <v>0</v>
      </c>
      <c r="IL34" s="343">
        <v>0</v>
      </c>
      <c r="IM34" s="344">
        <v>0</v>
      </c>
      <c r="IN34" s="404">
        <v>0</v>
      </c>
      <c r="IO34" s="345">
        <v>0</v>
      </c>
      <c r="IP34" s="345">
        <v>0</v>
      </c>
      <c r="IQ34" s="345">
        <v>140120</v>
      </c>
      <c r="IR34" s="345">
        <v>0</v>
      </c>
      <c r="IS34" s="345">
        <v>0</v>
      </c>
      <c r="IT34" s="346">
        <v>140120</v>
      </c>
      <c r="IU34" s="347">
        <v>140120</v>
      </c>
      <c r="IV34" s="348">
        <v>0</v>
      </c>
      <c r="IW34" s="345">
        <v>0</v>
      </c>
      <c r="IX34" s="349">
        <v>0</v>
      </c>
      <c r="IY34" s="404">
        <v>0</v>
      </c>
      <c r="IZ34" s="345">
        <v>0</v>
      </c>
      <c r="JA34" s="345">
        <v>0</v>
      </c>
      <c r="JB34" s="345">
        <v>0</v>
      </c>
      <c r="JC34" s="345">
        <v>0</v>
      </c>
      <c r="JD34" s="345">
        <v>0</v>
      </c>
      <c r="JE34" s="349">
        <v>0</v>
      </c>
      <c r="JF34" s="350">
        <v>0</v>
      </c>
      <c r="JG34" s="348">
        <v>0</v>
      </c>
      <c r="JH34" s="345">
        <v>0</v>
      </c>
      <c r="JI34" s="346">
        <v>0</v>
      </c>
      <c r="JJ34" s="351">
        <v>0</v>
      </c>
      <c r="JK34" s="345">
        <v>0</v>
      </c>
      <c r="JL34" s="345">
        <v>154760</v>
      </c>
      <c r="JM34" s="345">
        <v>0</v>
      </c>
      <c r="JN34" s="345">
        <v>0</v>
      </c>
      <c r="JO34" s="345">
        <v>0</v>
      </c>
      <c r="JP34" s="349">
        <v>154760</v>
      </c>
      <c r="JQ34" s="347">
        <v>154760</v>
      </c>
      <c r="JR34" s="348">
        <v>0</v>
      </c>
      <c r="JS34" s="345">
        <v>0</v>
      </c>
      <c r="JT34" s="346">
        <v>0</v>
      </c>
      <c r="JU34" s="351">
        <v>0</v>
      </c>
      <c r="JV34" s="345">
        <v>0</v>
      </c>
      <c r="JW34" s="345">
        <v>0</v>
      </c>
      <c r="JX34" s="345">
        <v>0</v>
      </c>
      <c r="JY34" s="345">
        <v>0</v>
      </c>
      <c r="JZ34" s="345">
        <v>0</v>
      </c>
      <c r="KA34" s="349">
        <v>0</v>
      </c>
      <c r="KB34" s="347">
        <v>0</v>
      </c>
      <c r="KC34" s="352">
        <v>0</v>
      </c>
      <c r="KD34" s="353">
        <v>0</v>
      </c>
      <c r="KE34" s="349">
        <v>0</v>
      </c>
      <c r="KF34" s="351">
        <v>0</v>
      </c>
      <c r="KG34" s="345">
        <v>0</v>
      </c>
      <c r="KH34" s="345">
        <v>0</v>
      </c>
      <c r="KI34" s="345">
        <v>0</v>
      </c>
      <c r="KJ34" s="345">
        <v>0</v>
      </c>
      <c r="KK34" s="345">
        <v>0</v>
      </c>
      <c r="KL34" s="349">
        <v>0</v>
      </c>
      <c r="KM34" s="354">
        <v>0</v>
      </c>
      <c r="KN34" s="342">
        <v>0</v>
      </c>
      <c r="KO34" s="343">
        <v>0</v>
      </c>
      <c r="KP34" s="344">
        <v>0</v>
      </c>
      <c r="KQ34" s="404">
        <v>0</v>
      </c>
      <c r="KR34" s="345">
        <v>0</v>
      </c>
      <c r="KS34" s="345">
        <v>0</v>
      </c>
      <c r="KT34" s="345">
        <v>0</v>
      </c>
      <c r="KU34" s="345">
        <v>0</v>
      </c>
      <c r="KV34" s="345">
        <v>0</v>
      </c>
      <c r="KW34" s="349">
        <v>0</v>
      </c>
      <c r="KX34" s="347">
        <v>0</v>
      </c>
      <c r="KY34" s="348">
        <v>0</v>
      </c>
      <c r="KZ34" s="345">
        <v>0</v>
      </c>
      <c r="LA34" s="349">
        <v>0</v>
      </c>
      <c r="LB34" s="404">
        <v>0</v>
      </c>
      <c r="LC34" s="345">
        <v>0</v>
      </c>
      <c r="LD34" s="345">
        <v>0</v>
      </c>
      <c r="LE34" s="345">
        <v>0</v>
      </c>
      <c r="LF34" s="345">
        <v>0</v>
      </c>
      <c r="LG34" s="345">
        <v>0</v>
      </c>
      <c r="LH34" s="349">
        <v>0</v>
      </c>
      <c r="LI34" s="350">
        <v>0</v>
      </c>
      <c r="LJ34" s="348">
        <v>0</v>
      </c>
      <c r="LK34" s="345">
        <v>0</v>
      </c>
      <c r="LL34" s="349">
        <v>0</v>
      </c>
      <c r="LM34" s="404">
        <v>0</v>
      </c>
      <c r="LN34" s="345">
        <v>0</v>
      </c>
      <c r="LO34" s="345">
        <v>0</v>
      </c>
      <c r="LP34" s="345">
        <v>256032</v>
      </c>
      <c r="LQ34" s="345">
        <v>276672</v>
      </c>
      <c r="LR34" s="345">
        <v>0</v>
      </c>
      <c r="LS34" s="349">
        <v>532704</v>
      </c>
      <c r="LT34" s="347">
        <v>532704</v>
      </c>
      <c r="LU34" s="348">
        <v>0</v>
      </c>
      <c r="LV34" s="345">
        <v>0</v>
      </c>
      <c r="LW34" s="349">
        <v>0</v>
      </c>
      <c r="LX34" s="404">
        <v>0</v>
      </c>
      <c r="LY34" s="345">
        <v>0</v>
      </c>
      <c r="LZ34" s="345">
        <v>0</v>
      </c>
      <c r="MA34" s="345">
        <v>0</v>
      </c>
      <c r="MB34" s="345">
        <v>0</v>
      </c>
      <c r="MC34" s="345">
        <v>0</v>
      </c>
      <c r="MD34" s="349">
        <v>0</v>
      </c>
      <c r="ME34" s="350">
        <v>0</v>
      </c>
      <c r="MF34" s="348">
        <v>0</v>
      </c>
      <c r="MG34" s="345">
        <v>0</v>
      </c>
      <c r="MH34" s="349">
        <v>0</v>
      </c>
      <c r="MI34" s="404">
        <v>0</v>
      </c>
      <c r="MJ34" s="345">
        <v>0</v>
      </c>
      <c r="MK34" s="345">
        <v>0</v>
      </c>
      <c r="ML34" s="345">
        <v>0</v>
      </c>
      <c r="MM34" s="345">
        <v>0</v>
      </c>
      <c r="MN34" s="345">
        <v>975471</v>
      </c>
      <c r="MO34" s="349">
        <v>975471</v>
      </c>
      <c r="MP34" s="354">
        <v>975471</v>
      </c>
      <c r="MQ34" s="348">
        <v>0</v>
      </c>
      <c r="MR34" s="345">
        <v>0</v>
      </c>
      <c r="MS34" s="349">
        <v>0</v>
      </c>
      <c r="MT34" s="404">
        <v>0</v>
      </c>
      <c r="MU34" s="345">
        <v>0</v>
      </c>
      <c r="MV34" s="345">
        <v>0</v>
      </c>
      <c r="MW34" s="345">
        <v>0</v>
      </c>
      <c r="MX34" s="345">
        <v>0</v>
      </c>
      <c r="MY34" s="345">
        <v>300152</v>
      </c>
      <c r="MZ34" s="349">
        <v>300152</v>
      </c>
      <c r="NA34" s="354">
        <v>300152</v>
      </c>
      <c r="NB34" s="348">
        <v>0</v>
      </c>
      <c r="NC34" s="345">
        <v>0</v>
      </c>
      <c r="ND34" s="349">
        <v>0</v>
      </c>
      <c r="NE34" s="404">
        <v>0</v>
      </c>
      <c r="NF34" s="345">
        <v>0</v>
      </c>
      <c r="NG34" s="345">
        <v>0</v>
      </c>
      <c r="NH34" s="345">
        <v>0</v>
      </c>
      <c r="NI34" s="345">
        <v>0</v>
      </c>
      <c r="NJ34" s="345">
        <v>675319</v>
      </c>
      <c r="NK34" s="349">
        <v>675319</v>
      </c>
      <c r="NL34" s="347">
        <v>675319</v>
      </c>
      <c r="NM34" s="348">
        <v>0</v>
      </c>
      <c r="NN34" s="345">
        <v>0</v>
      </c>
      <c r="NO34" s="349">
        <v>0</v>
      </c>
      <c r="NP34" s="404">
        <v>0</v>
      </c>
      <c r="NQ34" s="345">
        <v>0</v>
      </c>
      <c r="NR34" s="345">
        <v>0</v>
      </c>
      <c r="NS34" s="345">
        <v>0</v>
      </c>
      <c r="NT34" s="345">
        <v>0</v>
      </c>
      <c r="NU34" s="345">
        <v>0</v>
      </c>
      <c r="NV34" s="349">
        <v>0</v>
      </c>
      <c r="NW34" s="350">
        <v>0</v>
      </c>
      <c r="NX34" s="348">
        <v>0</v>
      </c>
      <c r="NY34" s="345">
        <v>0</v>
      </c>
      <c r="NZ34" s="349">
        <v>0</v>
      </c>
      <c r="OA34" s="404">
        <v>0</v>
      </c>
      <c r="OB34" s="345">
        <v>0</v>
      </c>
      <c r="OC34" s="345">
        <v>0</v>
      </c>
      <c r="OD34" s="345">
        <v>0</v>
      </c>
      <c r="OE34" s="345">
        <v>0</v>
      </c>
      <c r="OF34" s="345">
        <v>0</v>
      </c>
      <c r="OG34" s="349">
        <v>0</v>
      </c>
      <c r="OH34" s="350">
        <v>0</v>
      </c>
      <c r="OI34" s="348">
        <v>107552</v>
      </c>
      <c r="OJ34" s="345">
        <v>0</v>
      </c>
      <c r="OK34" s="346">
        <v>107552</v>
      </c>
      <c r="OL34" s="351">
        <v>0</v>
      </c>
      <c r="OM34" s="345">
        <v>244653</v>
      </c>
      <c r="ON34" s="345">
        <v>766687</v>
      </c>
      <c r="OO34" s="345">
        <v>1094640</v>
      </c>
      <c r="OP34" s="345">
        <v>738208</v>
      </c>
      <c r="OQ34" s="345">
        <v>1101345</v>
      </c>
      <c r="OR34" s="349">
        <v>3945533</v>
      </c>
      <c r="OS34" s="354">
        <v>4053085</v>
      </c>
    </row>
    <row r="35" spans="2:409" s="70" customFormat="1" ht="21" customHeight="1" x14ac:dyDescent="0.2">
      <c r="B35" s="410" t="s">
        <v>30</v>
      </c>
      <c r="C35" s="326">
        <v>23084</v>
      </c>
      <c r="D35" s="327">
        <v>101182</v>
      </c>
      <c r="E35" s="368">
        <v>124266</v>
      </c>
      <c r="F35" s="370">
        <v>0</v>
      </c>
      <c r="G35" s="369">
        <v>103253</v>
      </c>
      <c r="H35" s="369">
        <v>381256</v>
      </c>
      <c r="I35" s="369">
        <v>226656</v>
      </c>
      <c r="J35" s="369">
        <v>396696</v>
      </c>
      <c r="K35" s="369">
        <v>0</v>
      </c>
      <c r="L35" s="370">
        <v>1107861</v>
      </c>
      <c r="M35" s="330">
        <v>1232127</v>
      </c>
      <c r="N35" s="326">
        <v>7420</v>
      </c>
      <c r="O35" s="327">
        <v>61656</v>
      </c>
      <c r="P35" s="328">
        <v>69076</v>
      </c>
      <c r="Q35" s="326">
        <v>0</v>
      </c>
      <c r="R35" s="327">
        <v>51957</v>
      </c>
      <c r="S35" s="327">
        <v>19168</v>
      </c>
      <c r="T35" s="327">
        <v>131701</v>
      </c>
      <c r="U35" s="327">
        <v>86496</v>
      </c>
      <c r="V35" s="327">
        <v>0</v>
      </c>
      <c r="W35" s="328">
        <v>289322</v>
      </c>
      <c r="X35" s="330">
        <v>358398</v>
      </c>
      <c r="Y35" s="326">
        <v>0</v>
      </c>
      <c r="Z35" s="327">
        <v>0</v>
      </c>
      <c r="AA35" s="328">
        <v>0</v>
      </c>
      <c r="AB35" s="326">
        <v>0</v>
      </c>
      <c r="AC35" s="327">
        <v>20629</v>
      </c>
      <c r="AD35" s="327">
        <v>0</v>
      </c>
      <c r="AE35" s="327">
        <v>76564</v>
      </c>
      <c r="AF35" s="327">
        <v>31064</v>
      </c>
      <c r="AG35" s="327">
        <v>0</v>
      </c>
      <c r="AH35" s="328">
        <v>128257</v>
      </c>
      <c r="AI35" s="330">
        <v>128257</v>
      </c>
      <c r="AJ35" s="326">
        <v>0</v>
      </c>
      <c r="AK35" s="327">
        <v>0</v>
      </c>
      <c r="AL35" s="328">
        <v>0</v>
      </c>
      <c r="AM35" s="326">
        <v>0</v>
      </c>
      <c r="AN35" s="327">
        <v>0</v>
      </c>
      <c r="AO35" s="327">
        <v>0</v>
      </c>
      <c r="AP35" s="327">
        <v>11769</v>
      </c>
      <c r="AQ35" s="327">
        <v>0</v>
      </c>
      <c r="AR35" s="327">
        <v>0</v>
      </c>
      <c r="AS35" s="328">
        <v>11769</v>
      </c>
      <c r="AT35" s="330">
        <v>11769</v>
      </c>
      <c r="AU35" s="326">
        <v>0</v>
      </c>
      <c r="AV35" s="327">
        <v>61656</v>
      </c>
      <c r="AW35" s="328">
        <v>61656</v>
      </c>
      <c r="AX35" s="326">
        <v>0</v>
      </c>
      <c r="AY35" s="327">
        <v>31328</v>
      </c>
      <c r="AZ35" s="327">
        <v>0</v>
      </c>
      <c r="BA35" s="327">
        <v>19648</v>
      </c>
      <c r="BB35" s="327">
        <v>42360</v>
      </c>
      <c r="BC35" s="327">
        <v>0</v>
      </c>
      <c r="BD35" s="328">
        <v>93336</v>
      </c>
      <c r="BE35" s="330">
        <v>154992</v>
      </c>
      <c r="BF35" s="326">
        <v>7420</v>
      </c>
      <c r="BG35" s="327">
        <v>0</v>
      </c>
      <c r="BH35" s="331">
        <v>7420</v>
      </c>
      <c r="BI35" s="332">
        <v>0</v>
      </c>
      <c r="BJ35" s="327">
        <v>0</v>
      </c>
      <c r="BK35" s="327">
        <v>0</v>
      </c>
      <c r="BL35" s="327">
        <v>0</v>
      </c>
      <c r="BM35" s="327">
        <v>0</v>
      </c>
      <c r="BN35" s="327">
        <v>0</v>
      </c>
      <c r="BO35" s="328">
        <v>0</v>
      </c>
      <c r="BP35" s="330">
        <v>7420</v>
      </c>
      <c r="BQ35" s="326">
        <v>0</v>
      </c>
      <c r="BR35" s="327">
        <v>0</v>
      </c>
      <c r="BS35" s="328">
        <v>0</v>
      </c>
      <c r="BT35" s="326">
        <v>0</v>
      </c>
      <c r="BU35" s="327">
        <v>0</v>
      </c>
      <c r="BV35" s="327">
        <v>19168</v>
      </c>
      <c r="BW35" s="327">
        <v>23720</v>
      </c>
      <c r="BX35" s="327">
        <v>13072</v>
      </c>
      <c r="BY35" s="327">
        <v>0</v>
      </c>
      <c r="BZ35" s="328">
        <v>55960</v>
      </c>
      <c r="CA35" s="330">
        <v>55960</v>
      </c>
      <c r="CB35" s="326">
        <v>0</v>
      </c>
      <c r="CC35" s="327">
        <v>39526</v>
      </c>
      <c r="CD35" s="328">
        <v>39526</v>
      </c>
      <c r="CE35" s="326">
        <v>0</v>
      </c>
      <c r="CF35" s="327">
        <v>0</v>
      </c>
      <c r="CG35" s="327">
        <v>0</v>
      </c>
      <c r="CH35" s="327">
        <v>0</v>
      </c>
      <c r="CI35" s="327">
        <v>125960</v>
      </c>
      <c r="CJ35" s="327">
        <v>0</v>
      </c>
      <c r="CK35" s="328">
        <v>125960</v>
      </c>
      <c r="CL35" s="330">
        <v>165486</v>
      </c>
      <c r="CM35" s="326">
        <v>0</v>
      </c>
      <c r="CN35" s="327">
        <v>0</v>
      </c>
      <c r="CO35" s="328">
        <v>0</v>
      </c>
      <c r="CP35" s="332">
        <v>0</v>
      </c>
      <c r="CQ35" s="327">
        <v>0</v>
      </c>
      <c r="CR35" s="327">
        <v>0</v>
      </c>
      <c r="CS35" s="327">
        <v>0</v>
      </c>
      <c r="CT35" s="327">
        <v>125960</v>
      </c>
      <c r="CU35" s="327">
        <v>0</v>
      </c>
      <c r="CV35" s="328">
        <v>125960</v>
      </c>
      <c r="CW35" s="330">
        <v>125960</v>
      </c>
      <c r="CX35" s="326">
        <v>0</v>
      </c>
      <c r="CY35" s="327">
        <v>39526</v>
      </c>
      <c r="CZ35" s="328">
        <v>39526</v>
      </c>
      <c r="DA35" s="326">
        <v>0</v>
      </c>
      <c r="DB35" s="327">
        <v>0</v>
      </c>
      <c r="DC35" s="327">
        <v>0</v>
      </c>
      <c r="DD35" s="327">
        <v>0</v>
      </c>
      <c r="DE35" s="327">
        <v>0</v>
      </c>
      <c r="DF35" s="327">
        <v>0</v>
      </c>
      <c r="DG35" s="328">
        <v>0</v>
      </c>
      <c r="DH35" s="330">
        <v>39526</v>
      </c>
      <c r="DI35" s="326">
        <v>0</v>
      </c>
      <c r="DJ35" s="327">
        <v>0</v>
      </c>
      <c r="DK35" s="331">
        <v>0</v>
      </c>
      <c r="DL35" s="332">
        <v>0</v>
      </c>
      <c r="DM35" s="327">
        <v>47696</v>
      </c>
      <c r="DN35" s="327">
        <v>0</v>
      </c>
      <c r="DO35" s="327">
        <v>0</v>
      </c>
      <c r="DP35" s="327">
        <v>68440</v>
      </c>
      <c r="DQ35" s="327">
        <v>0</v>
      </c>
      <c r="DR35" s="328">
        <v>116136</v>
      </c>
      <c r="DS35" s="330">
        <v>116136</v>
      </c>
      <c r="DT35" s="326">
        <v>0</v>
      </c>
      <c r="DU35" s="327">
        <v>0</v>
      </c>
      <c r="DV35" s="328">
        <v>0</v>
      </c>
      <c r="DW35" s="326">
        <v>0</v>
      </c>
      <c r="DX35" s="327">
        <v>47696</v>
      </c>
      <c r="DY35" s="327">
        <v>0</v>
      </c>
      <c r="DZ35" s="327">
        <v>0</v>
      </c>
      <c r="EA35" s="327">
        <v>68440</v>
      </c>
      <c r="EB35" s="327">
        <v>0</v>
      </c>
      <c r="EC35" s="328">
        <v>116136</v>
      </c>
      <c r="ED35" s="330">
        <v>116136</v>
      </c>
      <c r="EE35" s="326">
        <v>0</v>
      </c>
      <c r="EF35" s="331">
        <v>0</v>
      </c>
      <c r="EG35" s="328">
        <v>0</v>
      </c>
      <c r="EH35" s="326">
        <v>0</v>
      </c>
      <c r="EI35" s="327">
        <v>0</v>
      </c>
      <c r="EJ35" s="327">
        <v>0</v>
      </c>
      <c r="EK35" s="327">
        <v>0</v>
      </c>
      <c r="EL35" s="327">
        <v>0</v>
      </c>
      <c r="EM35" s="327">
        <v>0</v>
      </c>
      <c r="EN35" s="331">
        <v>0</v>
      </c>
      <c r="EO35" s="330">
        <v>0</v>
      </c>
      <c r="EP35" s="326">
        <v>0</v>
      </c>
      <c r="EQ35" s="327">
        <v>0</v>
      </c>
      <c r="ER35" s="331">
        <v>0</v>
      </c>
      <c r="ES35" s="332">
        <v>0</v>
      </c>
      <c r="ET35" s="327">
        <v>0</v>
      </c>
      <c r="EU35" s="327">
        <v>0</v>
      </c>
      <c r="EV35" s="327">
        <v>0</v>
      </c>
      <c r="EW35" s="327">
        <v>0</v>
      </c>
      <c r="EX35" s="327">
        <v>0</v>
      </c>
      <c r="EY35" s="328">
        <v>0</v>
      </c>
      <c r="EZ35" s="330">
        <v>0</v>
      </c>
      <c r="FA35" s="326">
        <v>0</v>
      </c>
      <c r="FB35" s="327">
        <v>0</v>
      </c>
      <c r="FC35" s="331">
        <v>0</v>
      </c>
      <c r="FD35" s="332">
        <v>0</v>
      </c>
      <c r="FE35" s="327">
        <v>0</v>
      </c>
      <c r="FF35" s="327">
        <v>0</v>
      </c>
      <c r="FG35" s="327">
        <v>0</v>
      </c>
      <c r="FH35" s="327">
        <v>0</v>
      </c>
      <c r="FI35" s="327">
        <v>0</v>
      </c>
      <c r="FJ35" s="328">
        <v>0</v>
      </c>
      <c r="FK35" s="330">
        <v>0</v>
      </c>
      <c r="FL35" s="326">
        <v>15664</v>
      </c>
      <c r="FM35" s="327">
        <v>0</v>
      </c>
      <c r="FN35" s="328">
        <v>15664</v>
      </c>
      <c r="FO35" s="326">
        <v>0</v>
      </c>
      <c r="FP35" s="327">
        <v>3600</v>
      </c>
      <c r="FQ35" s="327">
        <v>45792</v>
      </c>
      <c r="FR35" s="327">
        <v>28000</v>
      </c>
      <c r="FS35" s="327">
        <v>33688</v>
      </c>
      <c r="FT35" s="327">
        <v>0</v>
      </c>
      <c r="FU35" s="328">
        <v>111080</v>
      </c>
      <c r="FV35" s="330">
        <v>126744</v>
      </c>
      <c r="FW35" s="333">
        <v>15664</v>
      </c>
      <c r="FX35" s="327">
        <v>0</v>
      </c>
      <c r="FY35" s="331">
        <v>15664</v>
      </c>
      <c r="FZ35" s="332">
        <v>0</v>
      </c>
      <c r="GA35" s="327">
        <v>3600</v>
      </c>
      <c r="GB35" s="327">
        <v>8992</v>
      </c>
      <c r="GC35" s="327">
        <v>28000</v>
      </c>
      <c r="GD35" s="327">
        <v>33688</v>
      </c>
      <c r="GE35" s="327">
        <v>0</v>
      </c>
      <c r="GF35" s="328">
        <v>74280</v>
      </c>
      <c r="GG35" s="334">
        <v>89944</v>
      </c>
      <c r="GH35" s="333">
        <v>0</v>
      </c>
      <c r="GI35" s="327">
        <v>0</v>
      </c>
      <c r="GJ35" s="331">
        <v>0</v>
      </c>
      <c r="GK35" s="332">
        <v>0</v>
      </c>
      <c r="GL35" s="327">
        <v>0</v>
      </c>
      <c r="GM35" s="327">
        <v>0</v>
      </c>
      <c r="GN35" s="327">
        <v>0</v>
      </c>
      <c r="GO35" s="327">
        <v>0</v>
      </c>
      <c r="GP35" s="327">
        <v>0</v>
      </c>
      <c r="GQ35" s="328">
        <v>0</v>
      </c>
      <c r="GR35" s="330">
        <v>0</v>
      </c>
      <c r="GS35" s="326">
        <v>0</v>
      </c>
      <c r="GT35" s="327">
        <v>0</v>
      </c>
      <c r="GU35" s="328">
        <v>0</v>
      </c>
      <c r="GV35" s="326">
        <v>0</v>
      </c>
      <c r="GW35" s="327">
        <v>0</v>
      </c>
      <c r="GX35" s="327">
        <v>36800</v>
      </c>
      <c r="GY35" s="327">
        <v>0</v>
      </c>
      <c r="GZ35" s="327">
        <v>0</v>
      </c>
      <c r="HA35" s="327">
        <v>0</v>
      </c>
      <c r="HB35" s="331">
        <v>36800</v>
      </c>
      <c r="HC35" s="330">
        <v>36800</v>
      </c>
      <c r="HD35" s="326">
        <v>0</v>
      </c>
      <c r="HE35" s="327">
        <v>0</v>
      </c>
      <c r="HF35" s="331">
        <v>0</v>
      </c>
      <c r="HG35" s="332">
        <v>0</v>
      </c>
      <c r="HH35" s="327">
        <v>0</v>
      </c>
      <c r="HI35" s="327">
        <v>316296</v>
      </c>
      <c r="HJ35" s="327">
        <v>66955</v>
      </c>
      <c r="HK35" s="327">
        <v>82112</v>
      </c>
      <c r="HL35" s="327">
        <v>0</v>
      </c>
      <c r="HM35" s="328">
        <v>465363</v>
      </c>
      <c r="HN35" s="329">
        <v>465363</v>
      </c>
      <c r="HO35" s="333">
        <v>0</v>
      </c>
      <c r="HP35" s="327">
        <v>0</v>
      </c>
      <c r="HQ35" s="328">
        <v>0</v>
      </c>
      <c r="HR35" s="326">
        <v>0</v>
      </c>
      <c r="HS35" s="327">
        <v>0</v>
      </c>
      <c r="HT35" s="327">
        <v>0</v>
      </c>
      <c r="HU35" s="327">
        <v>0</v>
      </c>
      <c r="HV35" s="327">
        <v>0</v>
      </c>
      <c r="HW35" s="327">
        <v>0</v>
      </c>
      <c r="HX35" s="331">
        <v>0</v>
      </c>
      <c r="HY35" s="330">
        <v>0</v>
      </c>
      <c r="HZ35" s="335">
        <v>0</v>
      </c>
      <c r="IA35" s="336">
        <v>0</v>
      </c>
      <c r="IB35" s="337">
        <v>0</v>
      </c>
      <c r="IC35" s="338">
        <v>0</v>
      </c>
      <c r="ID35" s="336">
        <v>61984</v>
      </c>
      <c r="IE35" s="339">
        <v>0</v>
      </c>
      <c r="IF35" s="337">
        <v>0</v>
      </c>
      <c r="IG35" s="336">
        <v>0</v>
      </c>
      <c r="IH35" s="337">
        <v>0</v>
      </c>
      <c r="II35" s="340">
        <v>61984</v>
      </c>
      <c r="IJ35" s="341">
        <v>61984</v>
      </c>
      <c r="IK35" s="342">
        <v>0</v>
      </c>
      <c r="IL35" s="343">
        <v>0</v>
      </c>
      <c r="IM35" s="344">
        <v>0</v>
      </c>
      <c r="IN35" s="404">
        <v>0</v>
      </c>
      <c r="IO35" s="345">
        <v>0</v>
      </c>
      <c r="IP35" s="345">
        <v>0</v>
      </c>
      <c r="IQ35" s="345">
        <v>0</v>
      </c>
      <c r="IR35" s="345">
        <v>0</v>
      </c>
      <c r="IS35" s="345">
        <v>0</v>
      </c>
      <c r="IT35" s="346">
        <v>0</v>
      </c>
      <c r="IU35" s="347">
        <v>0</v>
      </c>
      <c r="IV35" s="348">
        <v>0</v>
      </c>
      <c r="IW35" s="345">
        <v>0</v>
      </c>
      <c r="IX35" s="349">
        <v>0</v>
      </c>
      <c r="IY35" s="404">
        <v>0</v>
      </c>
      <c r="IZ35" s="345">
        <v>0</v>
      </c>
      <c r="JA35" s="345">
        <v>0</v>
      </c>
      <c r="JB35" s="345">
        <v>0</v>
      </c>
      <c r="JC35" s="345">
        <v>0</v>
      </c>
      <c r="JD35" s="345">
        <v>0</v>
      </c>
      <c r="JE35" s="349">
        <v>0</v>
      </c>
      <c r="JF35" s="350">
        <v>0</v>
      </c>
      <c r="JG35" s="348">
        <v>0</v>
      </c>
      <c r="JH35" s="345">
        <v>0</v>
      </c>
      <c r="JI35" s="346">
        <v>0</v>
      </c>
      <c r="JJ35" s="351">
        <v>0</v>
      </c>
      <c r="JK35" s="345">
        <v>61984</v>
      </c>
      <c r="JL35" s="345">
        <v>0</v>
      </c>
      <c r="JM35" s="345">
        <v>0</v>
      </c>
      <c r="JN35" s="345">
        <v>0</v>
      </c>
      <c r="JO35" s="345">
        <v>0</v>
      </c>
      <c r="JP35" s="349">
        <v>61984</v>
      </c>
      <c r="JQ35" s="347">
        <v>61984</v>
      </c>
      <c r="JR35" s="348">
        <v>0</v>
      </c>
      <c r="JS35" s="345">
        <v>0</v>
      </c>
      <c r="JT35" s="346">
        <v>0</v>
      </c>
      <c r="JU35" s="351">
        <v>0</v>
      </c>
      <c r="JV35" s="345">
        <v>0</v>
      </c>
      <c r="JW35" s="345">
        <v>0</v>
      </c>
      <c r="JX35" s="345">
        <v>0</v>
      </c>
      <c r="JY35" s="345">
        <v>0</v>
      </c>
      <c r="JZ35" s="345">
        <v>0</v>
      </c>
      <c r="KA35" s="349">
        <v>0</v>
      </c>
      <c r="KB35" s="347">
        <v>0</v>
      </c>
      <c r="KC35" s="352">
        <v>0</v>
      </c>
      <c r="KD35" s="353">
        <v>0</v>
      </c>
      <c r="KE35" s="349">
        <v>0</v>
      </c>
      <c r="KF35" s="351">
        <v>0</v>
      </c>
      <c r="KG35" s="345">
        <v>0</v>
      </c>
      <c r="KH35" s="345">
        <v>0</v>
      </c>
      <c r="KI35" s="345">
        <v>0</v>
      </c>
      <c r="KJ35" s="345">
        <v>0</v>
      </c>
      <c r="KK35" s="345">
        <v>0</v>
      </c>
      <c r="KL35" s="349">
        <v>0</v>
      </c>
      <c r="KM35" s="354">
        <v>0</v>
      </c>
      <c r="KN35" s="342">
        <v>0</v>
      </c>
      <c r="KO35" s="343">
        <v>0</v>
      </c>
      <c r="KP35" s="344">
        <v>0</v>
      </c>
      <c r="KQ35" s="404">
        <v>0</v>
      </c>
      <c r="KR35" s="345">
        <v>0</v>
      </c>
      <c r="KS35" s="345">
        <v>0</v>
      </c>
      <c r="KT35" s="345">
        <v>0</v>
      </c>
      <c r="KU35" s="345">
        <v>0</v>
      </c>
      <c r="KV35" s="345">
        <v>0</v>
      </c>
      <c r="KW35" s="349">
        <v>0</v>
      </c>
      <c r="KX35" s="347">
        <v>0</v>
      </c>
      <c r="KY35" s="348">
        <v>0</v>
      </c>
      <c r="KZ35" s="345">
        <v>0</v>
      </c>
      <c r="LA35" s="349">
        <v>0</v>
      </c>
      <c r="LB35" s="404">
        <v>0</v>
      </c>
      <c r="LC35" s="345">
        <v>0</v>
      </c>
      <c r="LD35" s="345">
        <v>0</v>
      </c>
      <c r="LE35" s="345">
        <v>0</v>
      </c>
      <c r="LF35" s="345">
        <v>0</v>
      </c>
      <c r="LG35" s="345">
        <v>0</v>
      </c>
      <c r="LH35" s="349">
        <v>0</v>
      </c>
      <c r="LI35" s="350">
        <v>0</v>
      </c>
      <c r="LJ35" s="348">
        <v>0</v>
      </c>
      <c r="LK35" s="345">
        <v>0</v>
      </c>
      <c r="LL35" s="349">
        <v>0</v>
      </c>
      <c r="LM35" s="404">
        <v>0</v>
      </c>
      <c r="LN35" s="345">
        <v>0</v>
      </c>
      <c r="LO35" s="345">
        <v>0</v>
      </c>
      <c r="LP35" s="345">
        <v>0</v>
      </c>
      <c r="LQ35" s="345">
        <v>0</v>
      </c>
      <c r="LR35" s="345">
        <v>0</v>
      </c>
      <c r="LS35" s="349">
        <v>0</v>
      </c>
      <c r="LT35" s="347">
        <v>0</v>
      </c>
      <c r="LU35" s="348">
        <v>0</v>
      </c>
      <c r="LV35" s="345">
        <v>0</v>
      </c>
      <c r="LW35" s="349">
        <v>0</v>
      </c>
      <c r="LX35" s="404">
        <v>0</v>
      </c>
      <c r="LY35" s="345">
        <v>0</v>
      </c>
      <c r="LZ35" s="345">
        <v>0</v>
      </c>
      <c r="MA35" s="345">
        <v>0</v>
      </c>
      <c r="MB35" s="345">
        <v>0</v>
      </c>
      <c r="MC35" s="345">
        <v>0</v>
      </c>
      <c r="MD35" s="349">
        <v>0</v>
      </c>
      <c r="ME35" s="350">
        <v>0</v>
      </c>
      <c r="MF35" s="348">
        <v>0</v>
      </c>
      <c r="MG35" s="345">
        <v>0</v>
      </c>
      <c r="MH35" s="349">
        <v>0</v>
      </c>
      <c r="MI35" s="404">
        <v>0</v>
      </c>
      <c r="MJ35" s="345">
        <v>224288</v>
      </c>
      <c r="MK35" s="345">
        <v>246539</v>
      </c>
      <c r="ML35" s="345">
        <v>253320</v>
      </c>
      <c r="MM35" s="345">
        <v>971440</v>
      </c>
      <c r="MN35" s="345">
        <v>273000</v>
      </c>
      <c r="MO35" s="349">
        <v>1968587</v>
      </c>
      <c r="MP35" s="354">
        <v>1968587</v>
      </c>
      <c r="MQ35" s="348">
        <v>0</v>
      </c>
      <c r="MR35" s="345">
        <v>0</v>
      </c>
      <c r="MS35" s="349">
        <v>0</v>
      </c>
      <c r="MT35" s="404">
        <v>0</v>
      </c>
      <c r="MU35" s="345">
        <v>0</v>
      </c>
      <c r="MV35" s="345">
        <v>0</v>
      </c>
      <c r="MW35" s="345">
        <v>253320</v>
      </c>
      <c r="MX35" s="345">
        <v>242648</v>
      </c>
      <c r="MY35" s="345">
        <v>273000</v>
      </c>
      <c r="MZ35" s="349">
        <v>768968</v>
      </c>
      <c r="NA35" s="354">
        <v>768968</v>
      </c>
      <c r="NB35" s="348">
        <v>0</v>
      </c>
      <c r="NC35" s="345">
        <v>0</v>
      </c>
      <c r="ND35" s="349">
        <v>0</v>
      </c>
      <c r="NE35" s="404">
        <v>0</v>
      </c>
      <c r="NF35" s="345">
        <v>224288</v>
      </c>
      <c r="NG35" s="345">
        <v>246539</v>
      </c>
      <c r="NH35" s="345">
        <v>0</v>
      </c>
      <c r="NI35" s="345">
        <v>544085</v>
      </c>
      <c r="NJ35" s="345">
        <v>0</v>
      </c>
      <c r="NK35" s="349">
        <v>1014912</v>
      </c>
      <c r="NL35" s="347">
        <v>1014912</v>
      </c>
      <c r="NM35" s="348">
        <v>0</v>
      </c>
      <c r="NN35" s="345">
        <v>0</v>
      </c>
      <c r="NO35" s="349">
        <v>0</v>
      </c>
      <c r="NP35" s="404">
        <v>0</v>
      </c>
      <c r="NQ35" s="345">
        <v>0</v>
      </c>
      <c r="NR35" s="345">
        <v>0</v>
      </c>
      <c r="NS35" s="345">
        <v>0</v>
      </c>
      <c r="NT35" s="345">
        <v>0</v>
      </c>
      <c r="NU35" s="345">
        <v>0</v>
      </c>
      <c r="NV35" s="349">
        <v>0</v>
      </c>
      <c r="NW35" s="350">
        <v>0</v>
      </c>
      <c r="NX35" s="348">
        <v>0</v>
      </c>
      <c r="NY35" s="345">
        <v>0</v>
      </c>
      <c r="NZ35" s="349">
        <v>0</v>
      </c>
      <c r="OA35" s="404">
        <v>0</v>
      </c>
      <c r="OB35" s="345">
        <v>0</v>
      </c>
      <c r="OC35" s="345">
        <v>0</v>
      </c>
      <c r="OD35" s="345">
        <v>0</v>
      </c>
      <c r="OE35" s="345">
        <v>184707</v>
      </c>
      <c r="OF35" s="345">
        <v>0</v>
      </c>
      <c r="OG35" s="349">
        <v>184707</v>
      </c>
      <c r="OH35" s="350">
        <v>184707</v>
      </c>
      <c r="OI35" s="348">
        <v>23084</v>
      </c>
      <c r="OJ35" s="345">
        <v>101182</v>
      </c>
      <c r="OK35" s="346">
        <v>124266</v>
      </c>
      <c r="OL35" s="351">
        <v>0</v>
      </c>
      <c r="OM35" s="345">
        <v>389525</v>
      </c>
      <c r="ON35" s="345">
        <v>627795</v>
      </c>
      <c r="OO35" s="345">
        <v>479976</v>
      </c>
      <c r="OP35" s="345">
        <v>1368136</v>
      </c>
      <c r="OQ35" s="345">
        <v>273000</v>
      </c>
      <c r="OR35" s="349">
        <v>3138432</v>
      </c>
      <c r="OS35" s="354">
        <v>3262698</v>
      </c>
    </row>
    <row r="36" spans="2:409" s="70" customFormat="1" ht="21" customHeight="1" x14ac:dyDescent="0.2">
      <c r="B36" s="410" t="s">
        <v>31</v>
      </c>
      <c r="C36" s="326">
        <v>2400</v>
      </c>
      <c r="D36" s="327">
        <v>51640</v>
      </c>
      <c r="E36" s="328">
        <v>54040</v>
      </c>
      <c r="F36" s="329">
        <v>0</v>
      </c>
      <c r="G36" s="327">
        <v>197980</v>
      </c>
      <c r="H36" s="327">
        <v>404387</v>
      </c>
      <c r="I36" s="327">
        <v>474071</v>
      </c>
      <c r="J36" s="327">
        <v>333579</v>
      </c>
      <c r="K36" s="327">
        <v>375467</v>
      </c>
      <c r="L36" s="367">
        <v>1785484</v>
      </c>
      <c r="M36" s="330">
        <v>1839524</v>
      </c>
      <c r="N36" s="326">
        <v>0</v>
      </c>
      <c r="O36" s="327">
        <v>23080</v>
      </c>
      <c r="P36" s="328">
        <v>23080</v>
      </c>
      <c r="Q36" s="326">
        <v>0</v>
      </c>
      <c r="R36" s="327">
        <v>0</v>
      </c>
      <c r="S36" s="327">
        <v>144760</v>
      </c>
      <c r="T36" s="327">
        <v>344588</v>
      </c>
      <c r="U36" s="327">
        <v>97344</v>
      </c>
      <c r="V36" s="327">
        <v>16720</v>
      </c>
      <c r="W36" s="328">
        <v>603412</v>
      </c>
      <c r="X36" s="330">
        <v>626492</v>
      </c>
      <c r="Y36" s="326">
        <v>0</v>
      </c>
      <c r="Z36" s="327">
        <v>0</v>
      </c>
      <c r="AA36" s="328">
        <v>0</v>
      </c>
      <c r="AB36" s="326">
        <v>0</v>
      </c>
      <c r="AC36" s="327">
        <v>0</v>
      </c>
      <c r="AD36" s="327">
        <v>0</v>
      </c>
      <c r="AE36" s="327">
        <v>221676</v>
      </c>
      <c r="AF36" s="327">
        <v>0</v>
      </c>
      <c r="AG36" s="327">
        <v>0</v>
      </c>
      <c r="AH36" s="328">
        <v>221676</v>
      </c>
      <c r="AI36" s="330">
        <v>221676</v>
      </c>
      <c r="AJ36" s="326">
        <v>0</v>
      </c>
      <c r="AK36" s="327">
        <v>0</v>
      </c>
      <c r="AL36" s="328">
        <v>0</v>
      </c>
      <c r="AM36" s="326">
        <v>0</v>
      </c>
      <c r="AN36" s="327">
        <v>0</v>
      </c>
      <c r="AO36" s="327">
        <v>47080</v>
      </c>
      <c r="AP36" s="327">
        <v>0</v>
      </c>
      <c r="AQ36" s="327">
        <v>0</v>
      </c>
      <c r="AR36" s="327">
        <v>0</v>
      </c>
      <c r="AS36" s="328">
        <v>47080</v>
      </c>
      <c r="AT36" s="330">
        <v>47080</v>
      </c>
      <c r="AU36" s="326">
        <v>0</v>
      </c>
      <c r="AV36" s="327">
        <v>23080</v>
      </c>
      <c r="AW36" s="328">
        <v>23080</v>
      </c>
      <c r="AX36" s="326">
        <v>0</v>
      </c>
      <c r="AY36" s="327">
        <v>0</v>
      </c>
      <c r="AZ36" s="327">
        <v>82064</v>
      </c>
      <c r="BA36" s="327">
        <v>122912</v>
      </c>
      <c r="BB36" s="327">
        <v>67152</v>
      </c>
      <c r="BC36" s="327">
        <v>0</v>
      </c>
      <c r="BD36" s="328">
        <v>272128</v>
      </c>
      <c r="BE36" s="330">
        <v>295208</v>
      </c>
      <c r="BF36" s="326">
        <v>0</v>
      </c>
      <c r="BG36" s="327">
        <v>0</v>
      </c>
      <c r="BH36" s="331">
        <v>0</v>
      </c>
      <c r="BI36" s="332">
        <v>0</v>
      </c>
      <c r="BJ36" s="327">
        <v>0</v>
      </c>
      <c r="BK36" s="327">
        <v>0</v>
      </c>
      <c r="BL36" s="327">
        <v>0</v>
      </c>
      <c r="BM36" s="327">
        <v>0</v>
      </c>
      <c r="BN36" s="327">
        <v>0</v>
      </c>
      <c r="BO36" s="328">
        <v>0</v>
      </c>
      <c r="BP36" s="330">
        <v>0</v>
      </c>
      <c r="BQ36" s="326">
        <v>0</v>
      </c>
      <c r="BR36" s="327">
        <v>0</v>
      </c>
      <c r="BS36" s="328">
        <v>0</v>
      </c>
      <c r="BT36" s="326">
        <v>0</v>
      </c>
      <c r="BU36" s="327">
        <v>0</v>
      </c>
      <c r="BV36" s="327">
        <v>15616</v>
      </c>
      <c r="BW36" s="327">
        <v>0</v>
      </c>
      <c r="BX36" s="327">
        <v>30192</v>
      </c>
      <c r="BY36" s="327">
        <v>16720</v>
      </c>
      <c r="BZ36" s="328">
        <v>62528</v>
      </c>
      <c r="CA36" s="330">
        <v>62528</v>
      </c>
      <c r="CB36" s="326">
        <v>0</v>
      </c>
      <c r="CC36" s="327">
        <v>0</v>
      </c>
      <c r="CD36" s="328">
        <v>0</v>
      </c>
      <c r="CE36" s="326">
        <v>0</v>
      </c>
      <c r="CF36" s="327">
        <v>146380</v>
      </c>
      <c r="CG36" s="327">
        <v>187747</v>
      </c>
      <c r="CH36" s="327">
        <v>74859</v>
      </c>
      <c r="CI36" s="327">
        <v>148376</v>
      </c>
      <c r="CJ36" s="327">
        <v>0</v>
      </c>
      <c r="CK36" s="328">
        <v>557362</v>
      </c>
      <c r="CL36" s="330">
        <v>557362</v>
      </c>
      <c r="CM36" s="326">
        <v>0</v>
      </c>
      <c r="CN36" s="327">
        <v>0</v>
      </c>
      <c r="CO36" s="328">
        <v>0</v>
      </c>
      <c r="CP36" s="332">
        <v>0</v>
      </c>
      <c r="CQ36" s="327">
        <v>97980</v>
      </c>
      <c r="CR36" s="327">
        <v>17648</v>
      </c>
      <c r="CS36" s="327">
        <v>0</v>
      </c>
      <c r="CT36" s="327">
        <v>57067</v>
      </c>
      <c r="CU36" s="327">
        <v>0</v>
      </c>
      <c r="CV36" s="328">
        <v>172695</v>
      </c>
      <c r="CW36" s="330">
        <v>172695</v>
      </c>
      <c r="CX36" s="326">
        <v>0</v>
      </c>
      <c r="CY36" s="327">
        <v>0</v>
      </c>
      <c r="CZ36" s="328">
        <v>0</v>
      </c>
      <c r="DA36" s="326">
        <v>0</v>
      </c>
      <c r="DB36" s="327">
        <v>48400</v>
      </c>
      <c r="DC36" s="327">
        <v>170099</v>
      </c>
      <c r="DD36" s="327">
        <v>74859</v>
      </c>
      <c r="DE36" s="327">
        <v>91309</v>
      </c>
      <c r="DF36" s="327">
        <v>0</v>
      </c>
      <c r="DG36" s="328">
        <v>384667</v>
      </c>
      <c r="DH36" s="330">
        <v>384667</v>
      </c>
      <c r="DI36" s="326">
        <v>0</v>
      </c>
      <c r="DJ36" s="327">
        <v>0</v>
      </c>
      <c r="DK36" s="331">
        <v>0</v>
      </c>
      <c r="DL36" s="332">
        <v>0</v>
      </c>
      <c r="DM36" s="327">
        <v>0</v>
      </c>
      <c r="DN36" s="327">
        <v>0</v>
      </c>
      <c r="DO36" s="327">
        <v>0</v>
      </c>
      <c r="DP36" s="327">
        <v>27539</v>
      </c>
      <c r="DQ36" s="327">
        <v>358747</v>
      </c>
      <c r="DR36" s="328">
        <v>386286</v>
      </c>
      <c r="DS36" s="330">
        <v>386286</v>
      </c>
      <c r="DT36" s="326">
        <v>0</v>
      </c>
      <c r="DU36" s="327">
        <v>0</v>
      </c>
      <c r="DV36" s="328">
        <v>0</v>
      </c>
      <c r="DW36" s="326">
        <v>0</v>
      </c>
      <c r="DX36" s="327">
        <v>0</v>
      </c>
      <c r="DY36" s="327">
        <v>0</v>
      </c>
      <c r="DZ36" s="327">
        <v>0</v>
      </c>
      <c r="EA36" s="327">
        <v>27539</v>
      </c>
      <c r="EB36" s="327">
        <v>358747</v>
      </c>
      <c r="EC36" s="328">
        <v>386286</v>
      </c>
      <c r="ED36" s="330">
        <v>386286</v>
      </c>
      <c r="EE36" s="326">
        <v>0</v>
      </c>
      <c r="EF36" s="331">
        <v>0</v>
      </c>
      <c r="EG36" s="328">
        <v>0</v>
      </c>
      <c r="EH36" s="326">
        <v>0</v>
      </c>
      <c r="EI36" s="327">
        <v>0</v>
      </c>
      <c r="EJ36" s="327">
        <v>0</v>
      </c>
      <c r="EK36" s="327">
        <v>0</v>
      </c>
      <c r="EL36" s="327">
        <v>0</v>
      </c>
      <c r="EM36" s="327">
        <v>0</v>
      </c>
      <c r="EN36" s="331">
        <v>0</v>
      </c>
      <c r="EO36" s="330">
        <v>0</v>
      </c>
      <c r="EP36" s="326">
        <v>0</v>
      </c>
      <c r="EQ36" s="327">
        <v>0</v>
      </c>
      <c r="ER36" s="331">
        <v>0</v>
      </c>
      <c r="ES36" s="332">
        <v>0</v>
      </c>
      <c r="ET36" s="327">
        <v>0</v>
      </c>
      <c r="EU36" s="327">
        <v>0</v>
      </c>
      <c r="EV36" s="327">
        <v>0</v>
      </c>
      <c r="EW36" s="327">
        <v>0</v>
      </c>
      <c r="EX36" s="327">
        <v>0</v>
      </c>
      <c r="EY36" s="328">
        <v>0</v>
      </c>
      <c r="EZ36" s="330">
        <v>0</v>
      </c>
      <c r="FA36" s="326">
        <v>0</v>
      </c>
      <c r="FB36" s="327">
        <v>0</v>
      </c>
      <c r="FC36" s="331">
        <v>0</v>
      </c>
      <c r="FD36" s="332">
        <v>0</v>
      </c>
      <c r="FE36" s="327">
        <v>0</v>
      </c>
      <c r="FF36" s="327">
        <v>0</v>
      </c>
      <c r="FG36" s="327">
        <v>0</v>
      </c>
      <c r="FH36" s="327">
        <v>0</v>
      </c>
      <c r="FI36" s="327">
        <v>0</v>
      </c>
      <c r="FJ36" s="328">
        <v>0</v>
      </c>
      <c r="FK36" s="330">
        <v>0</v>
      </c>
      <c r="FL36" s="326">
        <v>2400</v>
      </c>
      <c r="FM36" s="327">
        <v>28560</v>
      </c>
      <c r="FN36" s="328">
        <v>30960</v>
      </c>
      <c r="FO36" s="326">
        <v>0</v>
      </c>
      <c r="FP36" s="327">
        <v>51600</v>
      </c>
      <c r="FQ36" s="327">
        <v>71880</v>
      </c>
      <c r="FR36" s="327">
        <v>54624</v>
      </c>
      <c r="FS36" s="327">
        <v>60320</v>
      </c>
      <c r="FT36" s="327">
        <v>0</v>
      </c>
      <c r="FU36" s="328">
        <v>238424</v>
      </c>
      <c r="FV36" s="330">
        <v>269384</v>
      </c>
      <c r="FW36" s="333">
        <v>2400</v>
      </c>
      <c r="FX36" s="327">
        <v>28560</v>
      </c>
      <c r="FY36" s="331">
        <v>30960</v>
      </c>
      <c r="FZ36" s="332">
        <v>0</v>
      </c>
      <c r="GA36" s="327">
        <v>18800</v>
      </c>
      <c r="GB36" s="327">
        <v>71880</v>
      </c>
      <c r="GC36" s="327">
        <v>54624</v>
      </c>
      <c r="GD36" s="327">
        <v>34800</v>
      </c>
      <c r="GE36" s="327">
        <v>0</v>
      </c>
      <c r="GF36" s="328">
        <v>180104</v>
      </c>
      <c r="GG36" s="334">
        <v>211064</v>
      </c>
      <c r="GH36" s="333">
        <v>0</v>
      </c>
      <c r="GI36" s="327">
        <v>0</v>
      </c>
      <c r="GJ36" s="331">
        <v>0</v>
      </c>
      <c r="GK36" s="332">
        <v>0</v>
      </c>
      <c r="GL36" s="327">
        <v>0</v>
      </c>
      <c r="GM36" s="327">
        <v>0</v>
      </c>
      <c r="GN36" s="327">
        <v>0</v>
      </c>
      <c r="GO36" s="327">
        <v>0</v>
      </c>
      <c r="GP36" s="327">
        <v>0</v>
      </c>
      <c r="GQ36" s="328">
        <v>0</v>
      </c>
      <c r="GR36" s="330">
        <v>0</v>
      </c>
      <c r="GS36" s="326">
        <v>0</v>
      </c>
      <c r="GT36" s="327">
        <v>0</v>
      </c>
      <c r="GU36" s="328">
        <v>0</v>
      </c>
      <c r="GV36" s="326">
        <v>0</v>
      </c>
      <c r="GW36" s="327">
        <v>32800</v>
      </c>
      <c r="GX36" s="327">
        <v>0</v>
      </c>
      <c r="GY36" s="327">
        <v>0</v>
      </c>
      <c r="GZ36" s="327">
        <v>25520</v>
      </c>
      <c r="HA36" s="327">
        <v>0</v>
      </c>
      <c r="HB36" s="331">
        <v>58320</v>
      </c>
      <c r="HC36" s="330">
        <v>58320</v>
      </c>
      <c r="HD36" s="326">
        <v>0</v>
      </c>
      <c r="HE36" s="327">
        <v>0</v>
      </c>
      <c r="HF36" s="331">
        <v>0</v>
      </c>
      <c r="HG36" s="332">
        <v>0</v>
      </c>
      <c r="HH36" s="327">
        <v>0</v>
      </c>
      <c r="HI36" s="327">
        <v>0</v>
      </c>
      <c r="HJ36" s="327">
        <v>0</v>
      </c>
      <c r="HK36" s="327">
        <v>0</v>
      </c>
      <c r="HL36" s="327">
        <v>0</v>
      </c>
      <c r="HM36" s="328">
        <v>0</v>
      </c>
      <c r="HN36" s="329">
        <v>0</v>
      </c>
      <c r="HO36" s="333">
        <v>0</v>
      </c>
      <c r="HP36" s="327">
        <v>0</v>
      </c>
      <c r="HQ36" s="328">
        <v>0</v>
      </c>
      <c r="HR36" s="326">
        <v>0</v>
      </c>
      <c r="HS36" s="327">
        <v>0</v>
      </c>
      <c r="HT36" s="327">
        <v>0</v>
      </c>
      <c r="HU36" s="327">
        <v>0</v>
      </c>
      <c r="HV36" s="327">
        <v>0</v>
      </c>
      <c r="HW36" s="327">
        <v>0</v>
      </c>
      <c r="HX36" s="331">
        <v>0</v>
      </c>
      <c r="HY36" s="330">
        <v>0</v>
      </c>
      <c r="HZ36" s="358">
        <v>0</v>
      </c>
      <c r="IA36" s="356">
        <v>0</v>
      </c>
      <c r="IB36" s="358">
        <v>0</v>
      </c>
      <c r="IC36" s="355">
        <v>0</v>
      </c>
      <c r="ID36" s="356">
        <v>140207</v>
      </c>
      <c r="IE36" s="357">
        <v>271596</v>
      </c>
      <c r="IF36" s="358">
        <v>0</v>
      </c>
      <c r="IG36" s="356">
        <v>671623</v>
      </c>
      <c r="IH36" s="358">
        <v>258992</v>
      </c>
      <c r="II36" s="359">
        <v>1342418</v>
      </c>
      <c r="IJ36" s="358">
        <v>1342418</v>
      </c>
      <c r="IK36" s="342">
        <v>0</v>
      </c>
      <c r="IL36" s="343">
        <v>0</v>
      </c>
      <c r="IM36" s="344">
        <v>0</v>
      </c>
      <c r="IN36" s="404">
        <v>0</v>
      </c>
      <c r="IO36" s="345">
        <v>0</v>
      </c>
      <c r="IP36" s="345">
        <v>0</v>
      </c>
      <c r="IQ36" s="345">
        <v>0</v>
      </c>
      <c r="IR36" s="345">
        <v>0</v>
      </c>
      <c r="IS36" s="345">
        <v>0</v>
      </c>
      <c r="IT36" s="346">
        <v>0</v>
      </c>
      <c r="IU36" s="347">
        <v>0</v>
      </c>
      <c r="IV36" s="348">
        <v>0</v>
      </c>
      <c r="IW36" s="345">
        <v>0</v>
      </c>
      <c r="IX36" s="349">
        <v>0</v>
      </c>
      <c r="IY36" s="404">
        <v>0</v>
      </c>
      <c r="IZ36" s="345">
        <v>0</v>
      </c>
      <c r="JA36" s="345">
        <v>0</v>
      </c>
      <c r="JB36" s="345">
        <v>0</v>
      </c>
      <c r="JC36" s="345">
        <v>0</v>
      </c>
      <c r="JD36" s="345">
        <v>0</v>
      </c>
      <c r="JE36" s="349">
        <v>0</v>
      </c>
      <c r="JF36" s="350">
        <v>0</v>
      </c>
      <c r="JG36" s="348">
        <v>0</v>
      </c>
      <c r="JH36" s="345">
        <v>0</v>
      </c>
      <c r="JI36" s="346">
        <v>0</v>
      </c>
      <c r="JJ36" s="351">
        <v>0</v>
      </c>
      <c r="JK36" s="345">
        <v>0</v>
      </c>
      <c r="JL36" s="345">
        <v>23394</v>
      </c>
      <c r="JM36" s="345">
        <v>0</v>
      </c>
      <c r="JN36" s="345">
        <v>0</v>
      </c>
      <c r="JO36" s="345">
        <v>0</v>
      </c>
      <c r="JP36" s="349">
        <v>23394</v>
      </c>
      <c r="JQ36" s="347">
        <v>23394</v>
      </c>
      <c r="JR36" s="348">
        <v>0</v>
      </c>
      <c r="JS36" s="345">
        <v>0</v>
      </c>
      <c r="JT36" s="346">
        <v>0</v>
      </c>
      <c r="JU36" s="351">
        <v>0</v>
      </c>
      <c r="JV36" s="345">
        <v>0</v>
      </c>
      <c r="JW36" s="345">
        <v>0</v>
      </c>
      <c r="JX36" s="345">
        <v>0</v>
      </c>
      <c r="JY36" s="345">
        <v>194111</v>
      </c>
      <c r="JZ36" s="345">
        <v>0</v>
      </c>
      <c r="KA36" s="349">
        <v>194111</v>
      </c>
      <c r="KB36" s="347">
        <v>194111</v>
      </c>
      <c r="KC36" s="352">
        <v>0</v>
      </c>
      <c r="KD36" s="353">
        <v>0</v>
      </c>
      <c r="KE36" s="349">
        <v>0</v>
      </c>
      <c r="KF36" s="351">
        <v>0</v>
      </c>
      <c r="KG36" s="345">
        <v>140207</v>
      </c>
      <c r="KH36" s="345">
        <v>0</v>
      </c>
      <c r="KI36" s="345">
        <v>0</v>
      </c>
      <c r="KJ36" s="345">
        <v>0</v>
      </c>
      <c r="KK36" s="345">
        <v>0</v>
      </c>
      <c r="KL36" s="349">
        <v>140207</v>
      </c>
      <c r="KM36" s="354">
        <v>140207</v>
      </c>
      <c r="KN36" s="342">
        <v>0</v>
      </c>
      <c r="KO36" s="343">
        <v>0</v>
      </c>
      <c r="KP36" s="344">
        <v>0</v>
      </c>
      <c r="KQ36" s="404">
        <v>0</v>
      </c>
      <c r="KR36" s="345">
        <v>0</v>
      </c>
      <c r="KS36" s="345">
        <v>248202</v>
      </c>
      <c r="KT36" s="345">
        <v>0</v>
      </c>
      <c r="KU36" s="345">
        <v>242272</v>
      </c>
      <c r="KV36" s="345">
        <v>258992</v>
      </c>
      <c r="KW36" s="349">
        <v>749466</v>
      </c>
      <c r="KX36" s="347">
        <v>749466</v>
      </c>
      <c r="KY36" s="348">
        <v>0</v>
      </c>
      <c r="KZ36" s="345">
        <v>0</v>
      </c>
      <c r="LA36" s="349">
        <v>0</v>
      </c>
      <c r="LB36" s="404">
        <v>0</v>
      </c>
      <c r="LC36" s="345">
        <v>0</v>
      </c>
      <c r="LD36" s="345">
        <v>0</v>
      </c>
      <c r="LE36" s="345">
        <v>0</v>
      </c>
      <c r="LF36" s="345">
        <v>0</v>
      </c>
      <c r="LG36" s="345">
        <v>0</v>
      </c>
      <c r="LH36" s="349">
        <v>0</v>
      </c>
      <c r="LI36" s="350">
        <v>0</v>
      </c>
      <c r="LJ36" s="348">
        <v>0</v>
      </c>
      <c r="LK36" s="345">
        <v>0</v>
      </c>
      <c r="LL36" s="349">
        <v>0</v>
      </c>
      <c r="LM36" s="404">
        <v>0</v>
      </c>
      <c r="LN36" s="345">
        <v>0</v>
      </c>
      <c r="LO36" s="345">
        <v>0</v>
      </c>
      <c r="LP36" s="345">
        <v>0</v>
      </c>
      <c r="LQ36" s="345">
        <v>235240</v>
      </c>
      <c r="LR36" s="345">
        <v>0</v>
      </c>
      <c r="LS36" s="349">
        <v>235240</v>
      </c>
      <c r="LT36" s="347">
        <v>235240</v>
      </c>
      <c r="LU36" s="348">
        <v>0</v>
      </c>
      <c r="LV36" s="345">
        <v>0</v>
      </c>
      <c r="LW36" s="349">
        <v>0</v>
      </c>
      <c r="LX36" s="404">
        <v>0</v>
      </c>
      <c r="LY36" s="345">
        <v>0</v>
      </c>
      <c r="LZ36" s="345">
        <v>0</v>
      </c>
      <c r="MA36" s="345">
        <v>0</v>
      </c>
      <c r="MB36" s="345">
        <v>0</v>
      </c>
      <c r="MC36" s="345">
        <v>0</v>
      </c>
      <c r="MD36" s="349">
        <v>0</v>
      </c>
      <c r="ME36" s="350">
        <v>0</v>
      </c>
      <c r="MF36" s="348">
        <v>0</v>
      </c>
      <c r="MG36" s="345">
        <v>0</v>
      </c>
      <c r="MH36" s="349">
        <v>0</v>
      </c>
      <c r="MI36" s="404">
        <v>0</v>
      </c>
      <c r="MJ36" s="345">
        <v>0</v>
      </c>
      <c r="MK36" s="345">
        <v>0</v>
      </c>
      <c r="ML36" s="345">
        <v>576631</v>
      </c>
      <c r="MM36" s="345">
        <v>558678</v>
      </c>
      <c r="MN36" s="345">
        <v>0</v>
      </c>
      <c r="MO36" s="349">
        <v>1135309</v>
      </c>
      <c r="MP36" s="354">
        <v>1135309</v>
      </c>
      <c r="MQ36" s="348">
        <v>0</v>
      </c>
      <c r="MR36" s="345">
        <v>0</v>
      </c>
      <c r="MS36" s="349">
        <v>0</v>
      </c>
      <c r="MT36" s="404">
        <v>0</v>
      </c>
      <c r="MU36" s="345">
        <v>0</v>
      </c>
      <c r="MV36" s="345">
        <v>0</v>
      </c>
      <c r="MW36" s="345">
        <v>576631</v>
      </c>
      <c r="MX36" s="345">
        <v>558678</v>
      </c>
      <c r="MY36" s="345">
        <v>0</v>
      </c>
      <c r="MZ36" s="349">
        <v>1135309</v>
      </c>
      <c r="NA36" s="354">
        <v>1135309</v>
      </c>
      <c r="NB36" s="348">
        <v>0</v>
      </c>
      <c r="NC36" s="345">
        <v>0</v>
      </c>
      <c r="ND36" s="349">
        <v>0</v>
      </c>
      <c r="NE36" s="404">
        <v>0</v>
      </c>
      <c r="NF36" s="345">
        <v>0</v>
      </c>
      <c r="NG36" s="345">
        <v>0</v>
      </c>
      <c r="NH36" s="345">
        <v>0</v>
      </c>
      <c r="NI36" s="345">
        <v>0</v>
      </c>
      <c r="NJ36" s="345">
        <v>0</v>
      </c>
      <c r="NK36" s="349">
        <v>0</v>
      </c>
      <c r="NL36" s="347">
        <v>0</v>
      </c>
      <c r="NM36" s="348">
        <v>0</v>
      </c>
      <c r="NN36" s="345">
        <v>0</v>
      </c>
      <c r="NO36" s="349">
        <v>0</v>
      </c>
      <c r="NP36" s="404">
        <v>0</v>
      </c>
      <c r="NQ36" s="345">
        <v>0</v>
      </c>
      <c r="NR36" s="345">
        <v>0</v>
      </c>
      <c r="NS36" s="345">
        <v>0</v>
      </c>
      <c r="NT36" s="345">
        <v>0</v>
      </c>
      <c r="NU36" s="345">
        <v>0</v>
      </c>
      <c r="NV36" s="349">
        <v>0</v>
      </c>
      <c r="NW36" s="350">
        <v>0</v>
      </c>
      <c r="NX36" s="348">
        <v>0</v>
      </c>
      <c r="NY36" s="345">
        <v>0</v>
      </c>
      <c r="NZ36" s="349">
        <v>0</v>
      </c>
      <c r="OA36" s="404">
        <v>0</v>
      </c>
      <c r="OB36" s="345">
        <v>0</v>
      </c>
      <c r="OC36" s="345">
        <v>0</v>
      </c>
      <c r="OD36" s="345">
        <v>0</v>
      </c>
      <c r="OE36" s="345">
        <v>0</v>
      </c>
      <c r="OF36" s="345">
        <v>0</v>
      </c>
      <c r="OG36" s="349">
        <v>0</v>
      </c>
      <c r="OH36" s="350">
        <v>0</v>
      </c>
      <c r="OI36" s="348">
        <v>2400</v>
      </c>
      <c r="OJ36" s="345">
        <v>51640</v>
      </c>
      <c r="OK36" s="346">
        <v>54040</v>
      </c>
      <c r="OL36" s="351">
        <v>0</v>
      </c>
      <c r="OM36" s="345">
        <v>338187</v>
      </c>
      <c r="ON36" s="345">
        <v>675983</v>
      </c>
      <c r="OO36" s="345">
        <v>1050702</v>
      </c>
      <c r="OP36" s="345">
        <v>1563880</v>
      </c>
      <c r="OQ36" s="345">
        <v>634459</v>
      </c>
      <c r="OR36" s="349">
        <v>4263211</v>
      </c>
      <c r="OS36" s="354">
        <v>4317251</v>
      </c>
    </row>
    <row r="37" spans="2:409" s="70" customFormat="1" ht="21" customHeight="1" x14ac:dyDescent="0.2">
      <c r="B37" s="410" t="s">
        <v>32</v>
      </c>
      <c r="C37" s="326">
        <v>30224</v>
      </c>
      <c r="D37" s="327">
        <v>10400</v>
      </c>
      <c r="E37" s="368">
        <v>40624</v>
      </c>
      <c r="F37" s="370">
        <v>0</v>
      </c>
      <c r="G37" s="369">
        <v>435633</v>
      </c>
      <c r="H37" s="369">
        <v>1066246</v>
      </c>
      <c r="I37" s="369">
        <v>343448</v>
      </c>
      <c r="J37" s="369">
        <v>578024</v>
      </c>
      <c r="K37" s="369">
        <v>688318</v>
      </c>
      <c r="L37" s="370">
        <v>3111669</v>
      </c>
      <c r="M37" s="330">
        <v>3152293</v>
      </c>
      <c r="N37" s="326">
        <v>23824</v>
      </c>
      <c r="O37" s="327">
        <v>0</v>
      </c>
      <c r="P37" s="328">
        <v>23824</v>
      </c>
      <c r="Q37" s="326">
        <v>0</v>
      </c>
      <c r="R37" s="327">
        <v>107633</v>
      </c>
      <c r="S37" s="327">
        <v>434854</v>
      </c>
      <c r="T37" s="327">
        <v>112896</v>
      </c>
      <c r="U37" s="327">
        <v>79712</v>
      </c>
      <c r="V37" s="327">
        <v>434582</v>
      </c>
      <c r="W37" s="328">
        <v>1169677</v>
      </c>
      <c r="X37" s="330">
        <v>1193501</v>
      </c>
      <c r="Y37" s="326">
        <v>0</v>
      </c>
      <c r="Z37" s="327">
        <v>0</v>
      </c>
      <c r="AA37" s="328">
        <v>0</v>
      </c>
      <c r="AB37" s="326">
        <v>0</v>
      </c>
      <c r="AC37" s="327">
        <v>40856</v>
      </c>
      <c r="AD37" s="327">
        <v>240657</v>
      </c>
      <c r="AE37" s="327">
        <v>91136</v>
      </c>
      <c r="AF37" s="327">
        <v>0</v>
      </c>
      <c r="AG37" s="327">
        <v>338984</v>
      </c>
      <c r="AH37" s="328">
        <v>711633</v>
      </c>
      <c r="AI37" s="330">
        <v>711633</v>
      </c>
      <c r="AJ37" s="326">
        <v>0</v>
      </c>
      <c r="AK37" s="327">
        <v>0</v>
      </c>
      <c r="AL37" s="328">
        <v>0</v>
      </c>
      <c r="AM37" s="326">
        <v>0</v>
      </c>
      <c r="AN37" s="327">
        <v>0</v>
      </c>
      <c r="AO37" s="327">
        <v>0</v>
      </c>
      <c r="AP37" s="327">
        <v>0</v>
      </c>
      <c r="AQ37" s="327">
        <v>0</v>
      </c>
      <c r="AR37" s="327">
        <v>47422</v>
      </c>
      <c r="AS37" s="328">
        <v>47422</v>
      </c>
      <c r="AT37" s="330">
        <v>47422</v>
      </c>
      <c r="AU37" s="326">
        <v>23824</v>
      </c>
      <c r="AV37" s="327">
        <v>0</v>
      </c>
      <c r="AW37" s="328">
        <v>23824</v>
      </c>
      <c r="AX37" s="326">
        <v>0</v>
      </c>
      <c r="AY37" s="327">
        <v>66777</v>
      </c>
      <c r="AZ37" s="327">
        <v>128193</v>
      </c>
      <c r="BA37" s="327">
        <v>0</v>
      </c>
      <c r="BB37" s="327">
        <v>30488</v>
      </c>
      <c r="BC37" s="327">
        <v>22048</v>
      </c>
      <c r="BD37" s="328">
        <v>247506</v>
      </c>
      <c r="BE37" s="330">
        <v>271330</v>
      </c>
      <c r="BF37" s="326">
        <v>0</v>
      </c>
      <c r="BG37" s="327">
        <v>0</v>
      </c>
      <c r="BH37" s="331">
        <v>0</v>
      </c>
      <c r="BI37" s="332">
        <v>0</v>
      </c>
      <c r="BJ37" s="327">
        <v>0</v>
      </c>
      <c r="BK37" s="327">
        <v>46740</v>
      </c>
      <c r="BL37" s="327">
        <v>0</v>
      </c>
      <c r="BM37" s="327">
        <v>0</v>
      </c>
      <c r="BN37" s="327">
        <v>0</v>
      </c>
      <c r="BO37" s="328">
        <v>46740</v>
      </c>
      <c r="BP37" s="330">
        <v>46740</v>
      </c>
      <c r="BQ37" s="326">
        <v>0</v>
      </c>
      <c r="BR37" s="327">
        <v>0</v>
      </c>
      <c r="BS37" s="328">
        <v>0</v>
      </c>
      <c r="BT37" s="326">
        <v>0</v>
      </c>
      <c r="BU37" s="327">
        <v>0</v>
      </c>
      <c r="BV37" s="327">
        <v>19264</v>
      </c>
      <c r="BW37" s="327">
        <v>21760</v>
      </c>
      <c r="BX37" s="327">
        <v>49224</v>
      </c>
      <c r="BY37" s="327">
        <v>26128</v>
      </c>
      <c r="BZ37" s="328">
        <v>116376</v>
      </c>
      <c r="CA37" s="330">
        <v>116376</v>
      </c>
      <c r="CB37" s="326">
        <v>0</v>
      </c>
      <c r="CC37" s="327">
        <v>0</v>
      </c>
      <c r="CD37" s="328">
        <v>0</v>
      </c>
      <c r="CE37" s="326">
        <v>0</v>
      </c>
      <c r="CF37" s="327">
        <v>158312</v>
      </c>
      <c r="CG37" s="327">
        <v>327551</v>
      </c>
      <c r="CH37" s="327">
        <v>198368</v>
      </c>
      <c r="CI37" s="327">
        <v>33064</v>
      </c>
      <c r="CJ37" s="327">
        <v>0</v>
      </c>
      <c r="CK37" s="328">
        <v>717295</v>
      </c>
      <c r="CL37" s="330">
        <v>717295</v>
      </c>
      <c r="CM37" s="326">
        <v>0</v>
      </c>
      <c r="CN37" s="327">
        <v>0</v>
      </c>
      <c r="CO37" s="328">
        <v>0</v>
      </c>
      <c r="CP37" s="332">
        <v>0</v>
      </c>
      <c r="CQ37" s="327">
        <v>158312</v>
      </c>
      <c r="CR37" s="327">
        <v>294408</v>
      </c>
      <c r="CS37" s="327">
        <v>198368</v>
      </c>
      <c r="CT37" s="327">
        <v>33064</v>
      </c>
      <c r="CU37" s="327">
        <v>0</v>
      </c>
      <c r="CV37" s="328">
        <v>684152</v>
      </c>
      <c r="CW37" s="330">
        <v>684152</v>
      </c>
      <c r="CX37" s="326">
        <v>0</v>
      </c>
      <c r="CY37" s="327">
        <v>0</v>
      </c>
      <c r="CZ37" s="328">
        <v>0</v>
      </c>
      <c r="DA37" s="326">
        <v>0</v>
      </c>
      <c r="DB37" s="327">
        <v>0</v>
      </c>
      <c r="DC37" s="327">
        <v>33143</v>
      </c>
      <c r="DD37" s="327">
        <v>0</v>
      </c>
      <c r="DE37" s="327">
        <v>0</v>
      </c>
      <c r="DF37" s="327">
        <v>0</v>
      </c>
      <c r="DG37" s="328">
        <v>33143</v>
      </c>
      <c r="DH37" s="330">
        <v>33143</v>
      </c>
      <c r="DI37" s="326">
        <v>0</v>
      </c>
      <c r="DJ37" s="327">
        <v>0</v>
      </c>
      <c r="DK37" s="331">
        <v>0</v>
      </c>
      <c r="DL37" s="332">
        <v>0</v>
      </c>
      <c r="DM37" s="327">
        <v>0</v>
      </c>
      <c r="DN37" s="327">
        <v>38401</v>
      </c>
      <c r="DO37" s="327">
        <v>0</v>
      </c>
      <c r="DP37" s="327">
        <v>0</v>
      </c>
      <c r="DQ37" s="327">
        <v>0</v>
      </c>
      <c r="DR37" s="328">
        <v>38401</v>
      </c>
      <c r="DS37" s="330">
        <v>38401</v>
      </c>
      <c r="DT37" s="326">
        <v>0</v>
      </c>
      <c r="DU37" s="327">
        <v>0</v>
      </c>
      <c r="DV37" s="328">
        <v>0</v>
      </c>
      <c r="DW37" s="326">
        <v>0</v>
      </c>
      <c r="DX37" s="327">
        <v>0</v>
      </c>
      <c r="DY37" s="327">
        <v>38401</v>
      </c>
      <c r="DZ37" s="327">
        <v>0</v>
      </c>
      <c r="EA37" s="327">
        <v>0</v>
      </c>
      <c r="EB37" s="327">
        <v>0</v>
      </c>
      <c r="EC37" s="328">
        <v>38401</v>
      </c>
      <c r="ED37" s="330">
        <v>38401</v>
      </c>
      <c r="EE37" s="326">
        <v>0</v>
      </c>
      <c r="EF37" s="331">
        <v>0</v>
      </c>
      <c r="EG37" s="328">
        <v>0</v>
      </c>
      <c r="EH37" s="326">
        <v>0</v>
      </c>
      <c r="EI37" s="327">
        <v>0</v>
      </c>
      <c r="EJ37" s="327">
        <v>0</v>
      </c>
      <c r="EK37" s="327">
        <v>0</v>
      </c>
      <c r="EL37" s="327">
        <v>0</v>
      </c>
      <c r="EM37" s="327">
        <v>0</v>
      </c>
      <c r="EN37" s="331">
        <v>0</v>
      </c>
      <c r="EO37" s="330">
        <v>0</v>
      </c>
      <c r="EP37" s="326">
        <v>0</v>
      </c>
      <c r="EQ37" s="327">
        <v>0</v>
      </c>
      <c r="ER37" s="331">
        <v>0</v>
      </c>
      <c r="ES37" s="332">
        <v>0</v>
      </c>
      <c r="ET37" s="327">
        <v>0</v>
      </c>
      <c r="EU37" s="327">
        <v>0</v>
      </c>
      <c r="EV37" s="327">
        <v>0</v>
      </c>
      <c r="EW37" s="327">
        <v>0</v>
      </c>
      <c r="EX37" s="327">
        <v>0</v>
      </c>
      <c r="EY37" s="328">
        <v>0</v>
      </c>
      <c r="EZ37" s="330">
        <v>0</v>
      </c>
      <c r="FA37" s="326">
        <v>0</v>
      </c>
      <c r="FB37" s="327">
        <v>0</v>
      </c>
      <c r="FC37" s="331">
        <v>0</v>
      </c>
      <c r="FD37" s="332">
        <v>0</v>
      </c>
      <c r="FE37" s="327">
        <v>0</v>
      </c>
      <c r="FF37" s="327">
        <v>0</v>
      </c>
      <c r="FG37" s="327">
        <v>0</v>
      </c>
      <c r="FH37" s="327">
        <v>0</v>
      </c>
      <c r="FI37" s="327">
        <v>0</v>
      </c>
      <c r="FJ37" s="328">
        <v>0</v>
      </c>
      <c r="FK37" s="330">
        <v>0</v>
      </c>
      <c r="FL37" s="326">
        <v>6400</v>
      </c>
      <c r="FM37" s="327">
        <v>10400</v>
      </c>
      <c r="FN37" s="328">
        <v>16800</v>
      </c>
      <c r="FO37" s="326">
        <v>0</v>
      </c>
      <c r="FP37" s="327">
        <v>23440</v>
      </c>
      <c r="FQ37" s="327">
        <v>96512</v>
      </c>
      <c r="FR37" s="327">
        <v>32184</v>
      </c>
      <c r="FS37" s="327">
        <v>19720</v>
      </c>
      <c r="FT37" s="327">
        <v>22080</v>
      </c>
      <c r="FU37" s="328">
        <v>193936</v>
      </c>
      <c r="FV37" s="330">
        <v>210736</v>
      </c>
      <c r="FW37" s="333">
        <v>6400</v>
      </c>
      <c r="FX37" s="327">
        <v>10400</v>
      </c>
      <c r="FY37" s="331">
        <v>16800</v>
      </c>
      <c r="FZ37" s="332">
        <v>0</v>
      </c>
      <c r="GA37" s="327">
        <v>23440</v>
      </c>
      <c r="GB37" s="327">
        <v>96512</v>
      </c>
      <c r="GC37" s="327">
        <v>32184</v>
      </c>
      <c r="GD37" s="327">
        <v>19720</v>
      </c>
      <c r="GE37" s="327">
        <v>22080</v>
      </c>
      <c r="GF37" s="328">
        <v>193936</v>
      </c>
      <c r="GG37" s="334">
        <v>210736</v>
      </c>
      <c r="GH37" s="333">
        <v>0</v>
      </c>
      <c r="GI37" s="327">
        <v>0</v>
      </c>
      <c r="GJ37" s="331">
        <v>0</v>
      </c>
      <c r="GK37" s="332">
        <v>0</v>
      </c>
      <c r="GL37" s="327">
        <v>0</v>
      </c>
      <c r="GM37" s="327">
        <v>0</v>
      </c>
      <c r="GN37" s="327">
        <v>0</v>
      </c>
      <c r="GO37" s="327">
        <v>0</v>
      </c>
      <c r="GP37" s="327">
        <v>0</v>
      </c>
      <c r="GQ37" s="328">
        <v>0</v>
      </c>
      <c r="GR37" s="330">
        <v>0</v>
      </c>
      <c r="GS37" s="326">
        <v>0</v>
      </c>
      <c r="GT37" s="327">
        <v>0</v>
      </c>
      <c r="GU37" s="328">
        <v>0</v>
      </c>
      <c r="GV37" s="326">
        <v>0</v>
      </c>
      <c r="GW37" s="327">
        <v>0</v>
      </c>
      <c r="GX37" s="327">
        <v>0</v>
      </c>
      <c r="GY37" s="327">
        <v>0</v>
      </c>
      <c r="GZ37" s="327">
        <v>0</v>
      </c>
      <c r="HA37" s="327">
        <v>0</v>
      </c>
      <c r="HB37" s="331">
        <v>0</v>
      </c>
      <c r="HC37" s="330">
        <v>0</v>
      </c>
      <c r="HD37" s="326">
        <v>0</v>
      </c>
      <c r="HE37" s="327">
        <v>0</v>
      </c>
      <c r="HF37" s="331">
        <v>0</v>
      </c>
      <c r="HG37" s="332">
        <v>0</v>
      </c>
      <c r="HH37" s="327">
        <v>146248</v>
      </c>
      <c r="HI37" s="327">
        <v>168928</v>
      </c>
      <c r="HJ37" s="327">
        <v>0</v>
      </c>
      <c r="HK37" s="327">
        <v>445528</v>
      </c>
      <c r="HL37" s="327">
        <v>231656</v>
      </c>
      <c r="HM37" s="328">
        <v>992360</v>
      </c>
      <c r="HN37" s="329">
        <v>992360</v>
      </c>
      <c r="HO37" s="333">
        <v>0</v>
      </c>
      <c r="HP37" s="327">
        <v>0</v>
      </c>
      <c r="HQ37" s="328">
        <v>0</v>
      </c>
      <c r="HR37" s="326">
        <v>0</v>
      </c>
      <c r="HS37" s="327">
        <v>0</v>
      </c>
      <c r="HT37" s="327">
        <v>0</v>
      </c>
      <c r="HU37" s="327">
        <v>0</v>
      </c>
      <c r="HV37" s="327">
        <v>0</v>
      </c>
      <c r="HW37" s="327">
        <v>0</v>
      </c>
      <c r="HX37" s="331">
        <v>0</v>
      </c>
      <c r="HY37" s="330">
        <v>0</v>
      </c>
      <c r="HZ37" s="335">
        <v>0</v>
      </c>
      <c r="IA37" s="336">
        <v>0</v>
      </c>
      <c r="IB37" s="337">
        <v>0</v>
      </c>
      <c r="IC37" s="338">
        <v>0</v>
      </c>
      <c r="ID37" s="336">
        <v>121336</v>
      </c>
      <c r="IE37" s="339">
        <v>222022</v>
      </c>
      <c r="IF37" s="337">
        <v>677952</v>
      </c>
      <c r="IG37" s="336">
        <v>455216</v>
      </c>
      <c r="IH37" s="337">
        <v>42677</v>
      </c>
      <c r="II37" s="340">
        <v>1519203</v>
      </c>
      <c r="IJ37" s="341">
        <v>1519203</v>
      </c>
      <c r="IK37" s="342">
        <v>0</v>
      </c>
      <c r="IL37" s="343">
        <v>0</v>
      </c>
      <c r="IM37" s="344">
        <v>0</v>
      </c>
      <c r="IN37" s="404">
        <v>0</v>
      </c>
      <c r="IO37" s="345">
        <v>0</v>
      </c>
      <c r="IP37" s="345">
        <v>0</v>
      </c>
      <c r="IQ37" s="345">
        <v>0</v>
      </c>
      <c r="IR37" s="345">
        <v>197136</v>
      </c>
      <c r="IS37" s="345">
        <v>0</v>
      </c>
      <c r="IT37" s="346">
        <v>197136</v>
      </c>
      <c r="IU37" s="347">
        <v>197136</v>
      </c>
      <c r="IV37" s="348">
        <v>0</v>
      </c>
      <c r="IW37" s="345">
        <v>0</v>
      </c>
      <c r="IX37" s="349">
        <v>0</v>
      </c>
      <c r="IY37" s="404">
        <v>0</v>
      </c>
      <c r="IZ37" s="345">
        <v>0</v>
      </c>
      <c r="JA37" s="345">
        <v>0</v>
      </c>
      <c r="JB37" s="345">
        <v>0</v>
      </c>
      <c r="JC37" s="345">
        <v>0</v>
      </c>
      <c r="JD37" s="345">
        <v>0</v>
      </c>
      <c r="JE37" s="349">
        <v>0</v>
      </c>
      <c r="JF37" s="350">
        <v>0</v>
      </c>
      <c r="JG37" s="348">
        <v>0</v>
      </c>
      <c r="JH37" s="345">
        <v>0</v>
      </c>
      <c r="JI37" s="346">
        <v>0</v>
      </c>
      <c r="JJ37" s="351">
        <v>0</v>
      </c>
      <c r="JK37" s="345">
        <v>121336</v>
      </c>
      <c r="JL37" s="345">
        <v>222022</v>
      </c>
      <c r="JM37" s="345">
        <v>0</v>
      </c>
      <c r="JN37" s="345">
        <v>0</v>
      </c>
      <c r="JO37" s="345">
        <v>42677</v>
      </c>
      <c r="JP37" s="349">
        <v>386035</v>
      </c>
      <c r="JQ37" s="347">
        <v>386035</v>
      </c>
      <c r="JR37" s="348">
        <v>0</v>
      </c>
      <c r="JS37" s="345">
        <v>0</v>
      </c>
      <c r="JT37" s="346">
        <v>0</v>
      </c>
      <c r="JU37" s="351">
        <v>0</v>
      </c>
      <c r="JV37" s="345">
        <v>0</v>
      </c>
      <c r="JW37" s="345">
        <v>0</v>
      </c>
      <c r="JX37" s="345">
        <v>0</v>
      </c>
      <c r="JY37" s="345">
        <v>0</v>
      </c>
      <c r="JZ37" s="345">
        <v>0</v>
      </c>
      <c r="KA37" s="349">
        <v>0</v>
      </c>
      <c r="KB37" s="347">
        <v>0</v>
      </c>
      <c r="KC37" s="352">
        <v>0</v>
      </c>
      <c r="KD37" s="353">
        <v>0</v>
      </c>
      <c r="KE37" s="349">
        <v>0</v>
      </c>
      <c r="KF37" s="351">
        <v>0</v>
      </c>
      <c r="KG37" s="345">
        <v>0</v>
      </c>
      <c r="KH37" s="345">
        <v>0</v>
      </c>
      <c r="KI37" s="345">
        <v>0</v>
      </c>
      <c r="KJ37" s="345">
        <v>0</v>
      </c>
      <c r="KK37" s="345">
        <v>0</v>
      </c>
      <c r="KL37" s="349">
        <v>0</v>
      </c>
      <c r="KM37" s="354">
        <v>0</v>
      </c>
      <c r="KN37" s="342">
        <v>0</v>
      </c>
      <c r="KO37" s="343">
        <v>0</v>
      </c>
      <c r="KP37" s="344">
        <v>0</v>
      </c>
      <c r="KQ37" s="404">
        <v>0</v>
      </c>
      <c r="KR37" s="345">
        <v>0</v>
      </c>
      <c r="KS37" s="345">
        <v>0</v>
      </c>
      <c r="KT37" s="345">
        <v>248032</v>
      </c>
      <c r="KU37" s="345">
        <v>258080</v>
      </c>
      <c r="KV37" s="345">
        <v>0</v>
      </c>
      <c r="KW37" s="349">
        <v>506112</v>
      </c>
      <c r="KX37" s="347">
        <v>506112</v>
      </c>
      <c r="KY37" s="348">
        <v>0</v>
      </c>
      <c r="KZ37" s="345">
        <v>0</v>
      </c>
      <c r="LA37" s="349">
        <v>0</v>
      </c>
      <c r="LB37" s="404">
        <v>0</v>
      </c>
      <c r="LC37" s="345">
        <v>0</v>
      </c>
      <c r="LD37" s="345">
        <v>0</v>
      </c>
      <c r="LE37" s="345">
        <v>0</v>
      </c>
      <c r="LF37" s="345">
        <v>0</v>
      </c>
      <c r="LG37" s="345">
        <v>0</v>
      </c>
      <c r="LH37" s="349">
        <v>0</v>
      </c>
      <c r="LI37" s="350">
        <v>0</v>
      </c>
      <c r="LJ37" s="348">
        <v>0</v>
      </c>
      <c r="LK37" s="345">
        <v>0</v>
      </c>
      <c r="LL37" s="349">
        <v>0</v>
      </c>
      <c r="LM37" s="404">
        <v>0</v>
      </c>
      <c r="LN37" s="345">
        <v>0</v>
      </c>
      <c r="LO37" s="345">
        <v>0</v>
      </c>
      <c r="LP37" s="345">
        <v>429920</v>
      </c>
      <c r="LQ37" s="345">
        <v>0</v>
      </c>
      <c r="LR37" s="345">
        <v>0</v>
      </c>
      <c r="LS37" s="349">
        <v>429920</v>
      </c>
      <c r="LT37" s="347">
        <v>429920</v>
      </c>
      <c r="LU37" s="348">
        <v>0</v>
      </c>
      <c r="LV37" s="345">
        <v>0</v>
      </c>
      <c r="LW37" s="349">
        <v>0</v>
      </c>
      <c r="LX37" s="404">
        <v>0</v>
      </c>
      <c r="LY37" s="345">
        <v>0</v>
      </c>
      <c r="LZ37" s="345">
        <v>0</v>
      </c>
      <c r="MA37" s="345">
        <v>0</v>
      </c>
      <c r="MB37" s="345">
        <v>0</v>
      </c>
      <c r="MC37" s="345">
        <v>0</v>
      </c>
      <c r="MD37" s="349">
        <v>0</v>
      </c>
      <c r="ME37" s="350">
        <v>0</v>
      </c>
      <c r="MF37" s="348">
        <v>0</v>
      </c>
      <c r="MG37" s="345">
        <v>0</v>
      </c>
      <c r="MH37" s="349">
        <v>0</v>
      </c>
      <c r="MI37" s="404">
        <v>0</v>
      </c>
      <c r="MJ37" s="345">
        <v>0</v>
      </c>
      <c r="MK37" s="345">
        <v>0</v>
      </c>
      <c r="ML37" s="345">
        <v>0</v>
      </c>
      <c r="MM37" s="345">
        <v>797177</v>
      </c>
      <c r="MN37" s="345">
        <v>298216</v>
      </c>
      <c r="MO37" s="349">
        <v>1095393</v>
      </c>
      <c r="MP37" s="354">
        <v>1095393</v>
      </c>
      <c r="MQ37" s="348">
        <v>0</v>
      </c>
      <c r="MR37" s="345">
        <v>0</v>
      </c>
      <c r="MS37" s="349">
        <v>0</v>
      </c>
      <c r="MT37" s="404">
        <v>0</v>
      </c>
      <c r="MU37" s="345">
        <v>0</v>
      </c>
      <c r="MV37" s="345">
        <v>0</v>
      </c>
      <c r="MW37" s="345">
        <v>0</v>
      </c>
      <c r="MX37" s="345">
        <v>797177</v>
      </c>
      <c r="MY37" s="345">
        <v>142295</v>
      </c>
      <c r="MZ37" s="349">
        <v>939472</v>
      </c>
      <c r="NA37" s="354">
        <v>939472</v>
      </c>
      <c r="NB37" s="348">
        <v>0</v>
      </c>
      <c r="NC37" s="345">
        <v>0</v>
      </c>
      <c r="ND37" s="349">
        <v>0</v>
      </c>
      <c r="NE37" s="404">
        <v>0</v>
      </c>
      <c r="NF37" s="345">
        <v>0</v>
      </c>
      <c r="NG37" s="345">
        <v>0</v>
      </c>
      <c r="NH37" s="345">
        <v>0</v>
      </c>
      <c r="NI37" s="345">
        <v>0</v>
      </c>
      <c r="NJ37" s="345">
        <v>155921</v>
      </c>
      <c r="NK37" s="349">
        <v>155921</v>
      </c>
      <c r="NL37" s="347">
        <v>155921</v>
      </c>
      <c r="NM37" s="348">
        <v>0</v>
      </c>
      <c r="NN37" s="345">
        <v>0</v>
      </c>
      <c r="NO37" s="349">
        <v>0</v>
      </c>
      <c r="NP37" s="404">
        <v>0</v>
      </c>
      <c r="NQ37" s="345">
        <v>0</v>
      </c>
      <c r="NR37" s="345">
        <v>0</v>
      </c>
      <c r="NS37" s="345">
        <v>0</v>
      </c>
      <c r="NT37" s="345">
        <v>0</v>
      </c>
      <c r="NU37" s="345">
        <v>0</v>
      </c>
      <c r="NV37" s="349">
        <v>0</v>
      </c>
      <c r="NW37" s="350">
        <v>0</v>
      </c>
      <c r="NX37" s="348">
        <v>0</v>
      </c>
      <c r="NY37" s="345">
        <v>0</v>
      </c>
      <c r="NZ37" s="349">
        <v>0</v>
      </c>
      <c r="OA37" s="404">
        <v>0</v>
      </c>
      <c r="OB37" s="345">
        <v>0</v>
      </c>
      <c r="OC37" s="345">
        <v>0</v>
      </c>
      <c r="OD37" s="345">
        <v>0</v>
      </c>
      <c r="OE37" s="345">
        <v>0</v>
      </c>
      <c r="OF37" s="345">
        <v>0</v>
      </c>
      <c r="OG37" s="349">
        <v>0</v>
      </c>
      <c r="OH37" s="350">
        <v>0</v>
      </c>
      <c r="OI37" s="348">
        <v>30224</v>
      </c>
      <c r="OJ37" s="345">
        <v>10400</v>
      </c>
      <c r="OK37" s="346">
        <v>40624</v>
      </c>
      <c r="OL37" s="351">
        <v>0</v>
      </c>
      <c r="OM37" s="345">
        <v>556969</v>
      </c>
      <c r="ON37" s="345">
        <v>1288268</v>
      </c>
      <c r="OO37" s="345">
        <v>1021400</v>
      </c>
      <c r="OP37" s="345">
        <v>1830417</v>
      </c>
      <c r="OQ37" s="345">
        <v>1029211</v>
      </c>
      <c r="OR37" s="349">
        <v>5726265</v>
      </c>
      <c r="OS37" s="354">
        <v>5766889</v>
      </c>
    </row>
    <row r="38" spans="2:409" s="70" customFormat="1" ht="21" customHeight="1" x14ac:dyDescent="0.2">
      <c r="B38" s="410" t="s">
        <v>33</v>
      </c>
      <c r="C38" s="326">
        <v>71484</v>
      </c>
      <c r="D38" s="327">
        <v>76079</v>
      </c>
      <c r="E38" s="328">
        <v>147563</v>
      </c>
      <c r="F38" s="329">
        <v>0</v>
      </c>
      <c r="G38" s="327">
        <v>361500</v>
      </c>
      <c r="H38" s="327">
        <v>11200</v>
      </c>
      <c r="I38" s="327">
        <v>395337</v>
      </c>
      <c r="J38" s="327">
        <v>63265</v>
      </c>
      <c r="K38" s="327">
        <v>265600</v>
      </c>
      <c r="L38" s="367">
        <v>1096902</v>
      </c>
      <c r="M38" s="330">
        <v>1244465</v>
      </c>
      <c r="N38" s="326">
        <v>66780</v>
      </c>
      <c r="O38" s="327">
        <v>37100</v>
      </c>
      <c r="P38" s="328">
        <v>103880</v>
      </c>
      <c r="Q38" s="326">
        <v>0</v>
      </c>
      <c r="R38" s="327">
        <v>81943</v>
      </c>
      <c r="S38" s="327">
        <v>0</v>
      </c>
      <c r="T38" s="327">
        <v>192051</v>
      </c>
      <c r="U38" s="327">
        <v>63265</v>
      </c>
      <c r="V38" s="327">
        <v>0</v>
      </c>
      <c r="W38" s="328">
        <v>337259</v>
      </c>
      <c r="X38" s="330">
        <v>441139</v>
      </c>
      <c r="Y38" s="326">
        <v>0</v>
      </c>
      <c r="Z38" s="327">
        <v>0</v>
      </c>
      <c r="AA38" s="328">
        <v>0</v>
      </c>
      <c r="AB38" s="326">
        <v>0</v>
      </c>
      <c r="AC38" s="327">
        <v>0</v>
      </c>
      <c r="AD38" s="327">
        <v>0</v>
      </c>
      <c r="AE38" s="327">
        <v>45560</v>
      </c>
      <c r="AF38" s="327">
        <v>0</v>
      </c>
      <c r="AG38" s="327">
        <v>0</v>
      </c>
      <c r="AH38" s="328">
        <v>45560</v>
      </c>
      <c r="AI38" s="330">
        <v>45560</v>
      </c>
      <c r="AJ38" s="326">
        <v>0</v>
      </c>
      <c r="AK38" s="327">
        <v>0</v>
      </c>
      <c r="AL38" s="328">
        <v>0</v>
      </c>
      <c r="AM38" s="326">
        <v>0</v>
      </c>
      <c r="AN38" s="327">
        <v>0</v>
      </c>
      <c r="AO38" s="327">
        <v>0</v>
      </c>
      <c r="AP38" s="327">
        <v>0</v>
      </c>
      <c r="AQ38" s="327">
        <v>36344</v>
      </c>
      <c r="AR38" s="327">
        <v>0</v>
      </c>
      <c r="AS38" s="328">
        <v>36344</v>
      </c>
      <c r="AT38" s="330">
        <v>36344</v>
      </c>
      <c r="AU38" s="326">
        <v>0</v>
      </c>
      <c r="AV38" s="327">
        <v>0</v>
      </c>
      <c r="AW38" s="328">
        <v>0</v>
      </c>
      <c r="AX38" s="326">
        <v>0</v>
      </c>
      <c r="AY38" s="327">
        <v>16126</v>
      </c>
      <c r="AZ38" s="327">
        <v>0</v>
      </c>
      <c r="BA38" s="327">
        <v>19912</v>
      </c>
      <c r="BB38" s="327">
        <v>0</v>
      </c>
      <c r="BC38" s="327">
        <v>0</v>
      </c>
      <c r="BD38" s="328">
        <v>36038</v>
      </c>
      <c r="BE38" s="330">
        <v>36038</v>
      </c>
      <c r="BF38" s="326">
        <v>66780</v>
      </c>
      <c r="BG38" s="327">
        <v>37100</v>
      </c>
      <c r="BH38" s="331">
        <v>103880</v>
      </c>
      <c r="BI38" s="332">
        <v>0</v>
      </c>
      <c r="BJ38" s="327">
        <v>34585</v>
      </c>
      <c r="BK38" s="327">
        <v>0</v>
      </c>
      <c r="BL38" s="327">
        <v>92163</v>
      </c>
      <c r="BM38" s="327">
        <v>26921</v>
      </c>
      <c r="BN38" s="327">
        <v>0</v>
      </c>
      <c r="BO38" s="328">
        <v>153669</v>
      </c>
      <c r="BP38" s="330">
        <v>257549</v>
      </c>
      <c r="BQ38" s="326">
        <v>0</v>
      </c>
      <c r="BR38" s="327">
        <v>0</v>
      </c>
      <c r="BS38" s="328">
        <v>0</v>
      </c>
      <c r="BT38" s="326">
        <v>0</v>
      </c>
      <c r="BU38" s="327">
        <v>31232</v>
      </c>
      <c r="BV38" s="327">
        <v>0</v>
      </c>
      <c r="BW38" s="327">
        <v>34416</v>
      </c>
      <c r="BX38" s="327">
        <v>0</v>
      </c>
      <c r="BY38" s="327">
        <v>0</v>
      </c>
      <c r="BZ38" s="328">
        <v>65648</v>
      </c>
      <c r="CA38" s="330">
        <v>65648</v>
      </c>
      <c r="CB38" s="326">
        <v>0</v>
      </c>
      <c r="CC38" s="327">
        <v>38979</v>
      </c>
      <c r="CD38" s="328">
        <v>38979</v>
      </c>
      <c r="CE38" s="326">
        <v>0</v>
      </c>
      <c r="CF38" s="327">
        <v>97566</v>
      </c>
      <c r="CG38" s="327">
        <v>0</v>
      </c>
      <c r="CH38" s="327">
        <v>0</v>
      </c>
      <c r="CI38" s="327">
        <v>0</v>
      </c>
      <c r="CJ38" s="327">
        <v>0</v>
      </c>
      <c r="CK38" s="328">
        <v>97566</v>
      </c>
      <c r="CL38" s="330">
        <v>136545</v>
      </c>
      <c r="CM38" s="326">
        <v>0</v>
      </c>
      <c r="CN38" s="327">
        <v>0</v>
      </c>
      <c r="CO38" s="328">
        <v>0</v>
      </c>
      <c r="CP38" s="332">
        <v>0</v>
      </c>
      <c r="CQ38" s="327">
        <v>97566</v>
      </c>
      <c r="CR38" s="327">
        <v>0</v>
      </c>
      <c r="CS38" s="327">
        <v>0</v>
      </c>
      <c r="CT38" s="327">
        <v>0</v>
      </c>
      <c r="CU38" s="327">
        <v>0</v>
      </c>
      <c r="CV38" s="328">
        <v>97566</v>
      </c>
      <c r="CW38" s="330">
        <v>97566</v>
      </c>
      <c r="CX38" s="326">
        <v>0</v>
      </c>
      <c r="CY38" s="327">
        <v>38979</v>
      </c>
      <c r="CZ38" s="328">
        <v>38979</v>
      </c>
      <c r="DA38" s="326">
        <v>0</v>
      </c>
      <c r="DB38" s="327">
        <v>0</v>
      </c>
      <c r="DC38" s="327">
        <v>0</v>
      </c>
      <c r="DD38" s="327">
        <v>0</v>
      </c>
      <c r="DE38" s="327">
        <v>0</v>
      </c>
      <c r="DF38" s="327">
        <v>0</v>
      </c>
      <c r="DG38" s="328">
        <v>0</v>
      </c>
      <c r="DH38" s="330">
        <v>38979</v>
      </c>
      <c r="DI38" s="326">
        <v>0</v>
      </c>
      <c r="DJ38" s="327">
        <v>0</v>
      </c>
      <c r="DK38" s="331">
        <v>0</v>
      </c>
      <c r="DL38" s="332">
        <v>0</v>
      </c>
      <c r="DM38" s="327">
        <v>0</v>
      </c>
      <c r="DN38" s="327">
        <v>0</v>
      </c>
      <c r="DO38" s="327">
        <v>0</v>
      </c>
      <c r="DP38" s="327">
        <v>0</v>
      </c>
      <c r="DQ38" s="327">
        <v>265600</v>
      </c>
      <c r="DR38" s="328">
        <v>265600</v>
      </c>
      <c r="DS38" s="330">
        <v>265600</v>
      </c>
      <c r="DT38" s="326">
        <v>0</v>
      </c>
      <c r="DU38" s="327">
        <v>0</v>
      </c>
      <c r="DV38" s="328">
        <v>0</v>
      </c>
      <c r="DW38" s="326">
        <v>0</v>
      </c>
      <c r="DX38" s="327">
        <v>0</v>
      </c>
      <c r="DY38" s="327">
        <v>0</v>
      </c>
      <c r="DZ38" s="327">
        <v>0</v>
      </c>
      <c r="EA38" s="327">
        <v>0</v>
      </c>
      <c r="EB38" s="327">
        <v>265600</v>
      </c>
      <c r="EC38" s="328">
        <v>265600</v>
      </c>
      <c r="ED38" s="330">
        <v>265600</v>
      </c>
      <c r="EE38" s="326">
        <v>0</v>
      </c>
      <c r="EF38" s="331">
        <v>0</v>
      </c>
      <c r="EG38" s="328">
        <v>0</v>
      </c>
      <c r="EH38" s="326">
        <v>0</v>
      </c>
      <c r="EI38" s="327">
        <v>0</v>
      </c>
      <c r="EJ38" s="327">
        <v>0</v>
      </c>
      <c r="EK38" s="327">
        <v>0</v>
      </c>
      <c r="EL38" s="327">
        <v>0</v>
      </c>
      <c r="EM38" s="327">
        <v>0</v>
      </c>
      <c r="EN38" s="331">
        <v>0</v>
      </c>
      <c r="EO38" s="330">
        <v>0</v>
      </c>
      <c r="EP38" s="326">
        <v>0</v>
      </c>
      <c r="EQ38" s="327">
        <v>0</v>
      </c>
      <c r="ER38" s="331">
        <v>0</v>
      </c>
      <c r="ES38" s="332">
        <v>0</v>
      </c>
      <c r="ET38" s="327">
        <v>0</v>
      </c>
      <c r="EU38" s="327">
        <v>0</v>
      </c>
      <c r="EV38" s="327">
        <v>0</v>
      </c>
      <c r="EW38" s="327">
        <v>0</v>
      </c>
      <c r="EX38" s="327">
        <v>0</v>
      </c>
      <c r="EY38" s="328">
        <v>0</v>
      </c>
      <c r="EZ38" s="330">
        <v>0</v>
      </c>
      <c r="FA38" s="326">
        <v>0</v>
      </c>
      <c r="FB38" s="327">
        <v>0</v>
      </c>
      <c r="FC38" s="331">
        <v>0</v>
      </c>
      <c r="FD38" s="332">
        <v>0</v>
      </c>
      <c r="FE38" s="327">
        <v>0</v>
      </c>
      <c r="FF38" s="327">
        <v>0</v>
      </c>
      <c r="FG38" s="327">
        <v>0</v>
      </c>
      <c r="FH38" s="327">
        <v>0</v>
      </c>
      <c r="FI38" s="327">
        <v>0</v>
      </c>
      <c r="FJ38" s="328">
        <v>0</v>
      </c>
      <c r="FK38" s="330">
        <v>0</v>
      </c>
      <c r="FL38" s="326">
        <v>4704</v>
      </c>
      <c r="FM38" s="327">
        <v>0</v>
      </c>
      <c r="FN38" s="328">
        <v>4704</v>
      </c>
      <c r="FO38" s="326">
        <v>0</v>
      </c>
      <c r="FP38" s="327">
        <v>16840</v>
      </c>
      <c r="FQ38" s="327">
        <v>11200</v>
      </c>
      <c r="FR38" s="327">
        <v>0</v>
      </c>
      <c r="FS38" s="327">
        <v>0</v>
      </c>
      <c r="FT38" s="327">
        <v>0</v>
      </c>
      <c r="FU38" s="328">
        <v>28040</v>
      </c>
      <c r="FV38" s="330">
        <v>32744</v>
      </c>
      <c r="FW38" s="333">
        <v>4704</v>
      </c>
      <c r="FX38" s="327">
        <v>0</v>
      </c>
      <c r="FY38" s="331">
        <v>4704</v>
      </c>
      <c r="FZ38" s="332">
        <v>0</v>
      </c>
      <c r="GA38" s="327">
        <v>16840</v>
      </c>
      <c r="GB38" s="327">
        <v>11200</v>
      </c>
      <c r="GC38" s="327">
        <v>0</v>
      </c>
      <c r="GD38" s="327">
        <v>0</v>
      </c>
      <c r="GE38" s="327">
        <v>0</v>
      </c>
      <c r="GF38" s="328">
        <v>28040</v>
      </c>
      <c r="GG38" s="334">
        <v>32744</v>
      </c>
      <c r="GH38" s="333">
        <v>0</v>
      </c>
      <c r="GI38" s="327">
        <v>0</v>
      </c>
      <c r="GJ38" s="331">
        <v>0</v>
      </c>
      <c r="GK38" s="332">
        <v>0</v>
      </c>
      <c r="GL38" s="327">
        <v>0</v>
      </c>
      <c r="GM38" s="327">
        <v>0</v>
      </c>
      <c r="GN38" s="327">
        <v>0</v>
      </c>
      <c r="GO38" s="327">
        <v>0</v>
      </c>
      <c r="GP38" s="327">
        <v>0</v>
      </c>
      <c r="GQ38" s="328">
        <v>0</v>
      </c>
      <c r="GR38" s="330">
        <v>0</v>
      </c>
      <c r="GS38" s="326">
        <v>0</v>
      </c>
      <c r="GT38" s="327">
        <v>0</v>
      </c>
      <c r="GU38" s="328">
        <v>0</v>
      </c>
      <c r="GV38" s="326">
        <v>0</v>
      </c>
      <c r="GW38" s="327">
        <v>0</v>
      </c>
      <c r="GX38" s="327">
        <v>0</v>
      </c>
      <c r="GY38" s="327">
        <v>0</v>
      </c>
      <c r="GZ38" s="327">
        <v>0</v>
      </c>
      <c r="HA38" s="327">
        <v>0</v>
      </c>
      <c r="HB38" s="331">
        <v>0</v>
      </c>
      <c r="HC38" s="330">
        <v>0</v>
      </c>
      <c r="HD38" s="326">
        <v>0</v>
      </c>
      <c r="HE38" s="327">
        <v>0</v>
      </c>
      <c r="HF38" s="331">
        <v>0</v>
      </c>
      <c r="HG38" s="332">
        <v>0</v>
      </c>
      <c r="HH38" s="327">
        <v>165151</v>
      </c>
      <c r="HI38" s="327">
        <v>0</v>
      </c>
      <c r="HJ38" s="327">
        <v>203286</v>
      </c>
      <c r="HK38" s="327">
        <v>0</v>
      </c>
      <c r="HL38" s="327">
        <v>0</v>
      </c>
      <c r="HM38" s="328">
        <v>368437</v>
      </c>
      <c r="HN38" s="329">
        <v>368437</v>
      </c>
      <c r="HO38" s="333">
        <v>0</v>
      </c>
      <c r="HP38" s="327">
        <v>0</v>
      </c>
      <c r="HQ38" s="328">
        <v>0</v>
      </c>
      <c r="HR38" s="326">
        <v>0</v>
      </c>
      <c r="HS38" s="327">
        <v>0</v>
      </c>
      <c r="HT38" s="327">
        <v>0</v>
      </c>
      <c r="HU38" s="327">
        <v>0</v>
      </c>
      <c r="HV38" s="327">
        <v>0</v>
      </c>
      <c r="HW38" s="327">
        <v>0</v>
      </c>
      <c r="HX38" s="331">
        <v>0</v>
      </c>
      <c r="HY38" s="330">
        <v>0</v>
      </c>
      <c r="HZ38" s="358">
        <v>0</v>
      </c>
      <c r="IA38" s="356">
        <v>0</v>
      </c>
      <c r="IB38" s="358">
        <v>0</v>
      </c>
      <c r="IC38" s="338">
        <v>0</v>
      </c>
      <c r="ID38" s="336">
        <v>57756</v>
      </c>
      <c r="IE38" s="339">
        <v>0</v>
      </c>
      <c r="IF38" s="337">
        <v>0</v>
      </c>
      <c r="IG38" s="336">
        <v>0</v>
      </c>
      <c r="IH38" s="337">
        <v>0</v>
      </c>
      <c r="II38" s="340">
        <v>57756</v>
      </c>
      <c r="IJ38" s="358">
        <v>57756</v>
      </c>
      <c r="IK38" s="342">
        <v>0</v>
      </c>
      <c r="IL38" s="343">
        <v>0</v>
      </c>
      <c r="IM38" s="344">
        <v>0</v>
      </c>
      <c r="IN38" s="404">
        <v>0</v>
      </c>
      <c r="IO38" s="345">
        <v>0</v>
      </c>
      <c r="IP38" s="345">
        <v>0</v>
      </c>
      <c r="IQ38" s="345">
        <v>0</v>
      </c>
      <c r="IR38" s="345">
        <v>0</v>
      </c>
      <c r="IS38" s="345">
        <v>0</v>
      </c>
      <c r="IT38" s="346">
        <v>0</v>
      </c>
      <c r="IU38" s="347">
        <v>0</v>
      </c>
      <c r="IV38" s="348">
        <v>0</v>
      </c>
      <c r="IW38" s="345">
        <v>0</v>
      </c>
      <c r="IX38" s="349">
        <v>0</v>
      </c>
      <c r="IY38" s="404">
        <v>0</v>
      </c>
      <c r="IZ38" s="345">
        <v>0</v>
      </c>
      <c r="JA38" s="345">
        <v>0</v>
      </c>
      <c r="JB38" s="345">
        <v>0</v>
      </c>
      <c r="JC38" s="345">
        <v>0</v>
      </c>
      <c r="JD38" s="345">
        <v>0</v>
      </c>
      <c r="JE38" s="349">
        <v>0</v>
      </c>
      <c r="JF38" s="350">
        <v>0</v>
      </c>
      <c r="JG38" s="348">
        <v>0</v>
      </c>
      <c r="JH38" s="345">
        <v>0</v>
      </c>
      <c r="JI38" s="346">
        <v>0</v>
      </c>
      <c r="JJ38" s="351">
        <v>0</v>
      </c>
      <c r="JK38" s="345">
        <v>57756</v>
      </c>
      <c r="JL38" s="345">
        <v>0</v>
      </c>
      <c r="JM38" s="345">
        <v>0</v>
      </c>
      <c r="JN38" s="345">
        <v>0</v>
      </c>
      <c r="JO38" s="345">
        <v>0</v>
      </c>
      <c r="JP38" s="349">
        <v>57756</v>
      </c>
      <c r="JQ38" s="347">
        <v>57756</v>
      </c>
      <c r="JR38" s="348">
        <v>0</v>
      </c>
      <c r="JS38" s="345">
        <v>0</v>
      </c>
      <c r="JT38" s="346">
        <v>0</v>
      </c>
      <c r="JU38" s="351">
        <v>0</v>
      </c>
      <c r="JV38" s="345">
        <v>0</v>
      </c>
      <c r="JW38" s="345">
        <v>0</v>
      </c>
      <c r="JX38" s="345">
        <v>0</v>
      </c>
      <c r="JY38" s="345">
        <v>0</v>
      </c>
      <c r="JZ38" s="345">
        <v>0</v>
      </c>
      <c r="KA38" s="349">
        <v>0</v>
      </c>
      <c r="KB38" s="347">
        <v>0</v>
      </c>
      <c r="KC38" s="352">
        <v>0</v>
      </c>
      <c r="KD38" s="353">
        <v>0</v>
      </c>
      <c r="KE38" s="349">
        <v>0</v>
      </c>
      <c r="KF38" s="351">
        <v>0</v>
      </c>
      <c r="KG38" s="345">
        <v>0</v>
      </c>
      <c r="KH38" s="345">
        <v>0</v>
      </c>
      <c r="KI38" s="345">
        <v>0</v>
      </c>
      <c r="KJ38" s="345">
        <v>0</v>
      </c>
      <c r="KK38" s="345">
        <v>0</v>
      </c>
      <c r="KL38" s="349">
        <v>0</v>
      </c>
      <c r="KM38" s="354">
        <v>0</v>
      </c>
      <c r="KN38" s="342">
        <v>0</v>
      </c>
      <c r="KO38" s="343">
        <v>0</v>
      </c>
      <c r="KP38" s="344">
        <v>0</v>
      </c>
      <c r="KQ38" s="404">
        <v>0</v>
      </c>
      <c r="KR38" s="345">
        <v>0</v>
      </c>
      <c r="KS38" s="345">
        <v>0</v>
      </c>
      <c r="KT38" s="345">
        <v>0</v>
      </c>
      <c r="KU38" s="345">
        <v>0</v>
      </c>
      <c r="KV38" s="345">
        <v>0</v>
      </c>
      <c r="KW38" s="349">
        <v>0</v>
      </c>
      <c r="KX38" s="347">
        <v>0</v>
      </c>
      <c r="KY38" s="348">
        <v>0</v>
      </c>
      <c r="KZ38" s="345">
        <v>0</v>
      </c>
      <c r="LA38" s="349">
        <v>0</v>
      </c>
      <c r="LB38" s="404">
        <v>0</v>
      </c>
      <c r="LC38" s="345">
        <v>0</v>
      </c>
      <c r="LD38" s="345">
        <v>0</v>
      </c>
      <c r="LE38" s="345">
        <v>0</v>
      </c>
      <c r="LF38" s="345">
        <v>0</v>
      </c>
      <c r="LG38" s="345">
        <v>0</v>
      </c>
      <c r="LH38" s="349">
        <v>0</v>
      </c>
      <c r="LI38" s="350">
        <v>0</v>
      </c>
      <c r="LJ38" s="348">
        <v>0</v>
      </c>
      <c r="LK38" s="345">
        <v>0</v>
      </c>
      <c r="LL38" s="349">
        <v>0</v>
      </c>
      <c r="LM38" s="404">
        <v>0</v>
      </c>
      <c r="LN38" s="345">
        <v>0</v>
      </c>
      <c r="LO38" s="345">
        <v>0</v>
      </c>
      <c r="LP38" s="345">
        <v>0</v>
      </c>
      <c r="LQ38" s="345">
        <v>0</v>
      </c>
      <c r="LR38" s="345">
        <v>0</v>
      </c>
      <c r="LS38" s="349">
        <v>0</v>
      </c>
      <c r="LT38" s="347">
        <v>0</v>
      </c>
      <c r="LU38" s="348">
        <v>0</v>
      </c>
      <c r="LV38" s="345">
        <v>0</v>
      </c>
      <c r="LW38" s="349">
        <v>0</v>
      </c>
      <c r="LX38" s="404">
        <v>0</v>
      </c>
      <c r="LY38" s="345">
        <v>0</v>
      </c>
      <c r="LZ38" s="345">
        <v>0</v>
      </c>
      <c r="MA38" s="345">
        <v>0</v>
      </c>
      <c r="MB38" s="345">
        <v>0</v>
      </c>
      <c r="MC38" s="345">
        <v>0</v>
      </c>
      <c r="MD38" s="349">
        <v>0</v>
      </c>
      <c r="ME38" s="350">
        <v>0</v>
      </c>
      <c r="MF38" s="348">
        <v>0</v>
      </c>
      <c r="MG38" s="345">
        <v>0</v>
      </c>
      <c r="MH38" s="349">
        <v>0</v>
      </c>
      <c r="MI38" s="404">
        <v>0</v>
      </c>
      <c r="MJ38" s="345">
        <v>0</v>
      </c>
      <c r="MK38" s="345">
        <v>231644</v>
      </c>
      <c r="ML38" s="345">
        <v>0</v>
      </c>
      <c r="MM38" s="345">
        <v>0</v>
      </c>
      <c r="MN38" s="345">
        <v>0</v>
      </c>
      <c r="MO38" s="349">
        <v>231644</v>
      </c>
      <c r="MP38" s="354">
        <v>231644</v>
      </c>
      <c r="MQ38" s="348">
        <v>0</v>
      </c>
      <c r="MR38" s="345">
        <v>0</v>
      </c>
      <c r="MS38" s="349">
        <v>0</v>
      </c>
      <c r="MT38" s="404">
        <v>0</v>
      </c>
      <c r="MU38" s="345">
        <v>0</v>
      </c>
      <c r="MV38" s="345">
        <v>0</v>
      </c>
      <c r="MW38" s="345">
        <v>0</v>
      </c>
      <c r="MX38" s="345">
        <v>0</v>
      </c>
      <c r="MY38" s="345">
        <v>0</v>
      </c>
      <c r="MZ38" s="349">
        <v>0</v>
      </c>
      <c r="NA38" s="354">
        <v>0</v>
      </c>
      <c r="NB38" s="348">
        <v>0</v>
      </c>
      <c r="NC38" s="345">
        <v>0</v>
      </c>
      <c r="ND38" s="349">
        <v>0</v>
      </c>
      <c r="NE38" s="404">
        <v>0</v>
      </c>
      <c r="NF38" s="345">
        <v>0</v>
      </c>
      <c r="NG38" s="345">
        <v>0</v>
      </c>
      <c r="NH38" s="345">
        <v>0</v>
      </c>
      <c r="NI38" s="345">
        <v>0</v>
      </c>
      <c r="NJ38" s="345">
        <v>0</v>
      </c>
      <c r="NK38" s="349">
        <v>0</v>
      </c>
      <c r="NL38" s="347">
        <v>0</v>
      </c>
      <c r="NM38" s="348">
        <v>0</v>
      </c>
      <c r="NN38" s="345">
        <v>0</v>
      </c>
      <c r="NO38" s="349">
        <v>0</v>
      </c>
      <c r="NP38" s="404">
        <v>0</v>
      </c>
      <c r="NQ38" s="345">
        <v>0</v>
      </c>
      <c r="NR38" s="345">
        <v>0</v>
      </c>
      <c r="NS38" s="345">
        <v>0</v>
      </c>
      <c r="NT38" s="345">
        <v>0</v>
      </c>
      <c r="NU38" s="345">
        <v>0</v>
      </c>
      <c r="NV38" s="349">
        <v>0</v>
      </c>
      <c r="NW38" s="350">
        <v>0</v>
      </c>
      <c r="NX38" s="348">
        <v>0</v>
      </c>
      <c r="NY38" s="345">
        <v>0</v>
      </c>
      <c r="NZ38" s="349">
        <v>0</v>
      </c>
      <c r="OA38" s="404">
        <v>0</v>
      </c>
      <c r="OB38" s="345">
        <v>0</v>
      </c>
      <c r="OC38" s="345">
        <v>231644</v>
      </c>
      <c r="OD38" s="345">
        <v>0</v>
      </c>
      <c r="OE38" s="345">
        <v>0</v>
      </c>
      <c r="OF38" s="345">
        <v>0</v>
      </c>
      <c r="OG38" s="349">
        <v>231644</v>
      </c>
      <c r="OH38" s="350">
        <v>231644</v>
      </c>
      <c r="OI38" s="348">
        <v>71484</v>
      </c>
      <c r="OJ38" s="345">
        <v>76079</v>
      </c>
      <c r="OK38" s="346">
        <v>147563</v>
      </c>
      <c r="OL38" s="351">
        <v>0</v>
      </c>
      <c r="OM38" s="345">
        <v>419256</v>
      </c>
      <c r="ON38" s="345">
        <v>242844</v>
      </c>
      <c r="OO38" s="345">
        <v>395337</v>
      </c>
      <c r="OP38" s="345">
        <v>63265</v>
      </c>
      <c r="OQ38" s="345">
        <v>265600</v>
      </c>
      <c r="OR38" s="349">
        <v>1386302</v>
      </c>
      <c r="OS38" s="354">
        <v>1533865</v>
      </c>
    </row>
    <row r="39" spans="2:409" s="70" customFormat="1" ht="21" customHeight="1" x14ac:dyDescent="0.2">
      <c r="B39" s="410" t="s">
        <v>34</v>
      </c>
      <c r="C39" s="326">
        <v>8408</v>
      </c>
      <c r="D39" s="327">
        <v>0</v>
      </c>
      <c r="E39" s="368">
        <v>8408</v>
      </c>
      <c r="F39" s="370">
        <v>0</v>
      </c>
      <c r="G39" s="369">
        <v>81984</v>
      </c>
      <c r="H39" s="369">
        <v>413521</v>
      </c>
      <c r="I39" s="369">
        <v>67888</v>
      </c>
      <c r="J39" s="369">
        <v>95255</v>
      </c>
      <c r="K39" s="369">
        <v>416462</v>
      </c>
      <c r="L39" s="370">
        <v>1075110</v>
      </c>
      <c r="M39" s="330">
        <v>1083518</v>
      </c>
      <c r="N39" s="326">
        <v>8408</v>
      </c>
      <c r="O39" s="327">
        <v>0</v>
      </c>
      <c r="P39" s="328">
        <v>8408</v>
      </c>
      <c r="Q39" s="326">
        <v>0</v>
      </c>
      <c r="R39" s="327">
        <v>39192</v>
      </c>
      <c r="S39" s="327">
        <v>118129</v>
      </c>
      <c r="T39" s="327">
        <v>0</v>
      </c>
      <c r="U39" s="327">
        <v>77775</v>
      </c>
      <c r="V39" s="327">
        <v>140216</v>
      </c>
      <c r="W39" s="328">
        <v>375312</v>
      </c>
      <c r="X39" s="330">
        <v>383720</v>
      </c>
      <c r="Y39" s="326">
        <v>0</v>
      </c>
      <c r="Z39" s="327">
        <v>0</v>
      </c>
      <c r="AA39" s="328">
        <v>0</v>
      </c>
      <c r="AB39" s="326">
        <v>0</v>
      </c>
      <c r="AC39" s="327">
        <v>0</v>
      </c>
      <c r="AD39" s="327">
        <v>0</v>
      </c>
      <c r="AE39" s="327">
        <v>0</v>
      </c>
      <c r="AF39" s="327">
        <v>62239</v>
      </c>
      <c r="AG39" s="327">
        <v>0</v>
      </c>
      <c r="AH39" s="328">
        <v>62239</v>
      </c>
      <c r="AI39" s="330">
        <v>62239</v>
      </c>
      <c r="AJ39" s="326">
        <v>0</v>
      </c>
      <c r="AK39" s="327">
        <v>0</v>
      </c>
      <c r="AL39" s="328">
        <v>0</v>
      </c>
      <c r="AM39" s="326">
        <v>0</v>
      </c>
      <c r="AN39" s="327">
        <v>0</v>
      </c>
      <c r="AO39" s="327">
        <v>0</v>
      </c>
      <c r="AP39" s="327">
        <v>0</v>
      </c>
      <c r="AQ39" s="327">
        <v>0</v>
      </c>
      <c r="AR39" s="327">
        <v>0</v>
      </c>
      <c r="AS39" s="328">
        <v>0</v>
      </c>
      <c r="AT39" s="330">
        <v>0</v>
      </c>
      <c r="AU39" s="326">
        <v>8408</v>
      </c>
      <c r="AV39" s="327">
        <v>0</v>
      </c>
      <c r="AW39" s="328">
        <v>8408</v>
      </c>
      <c r="AX39" s="326">
        <v>0</v>
      </c>
      <c r="AY39" s="327">
        <v>39192</v>
      </c>
      <c r="AZ39" s="327">
        <v>87713</v>
      </c>
      <c r="BA39" s="327">
        <v>0</v>
      </c>
      <c r="BB39" s="327">
        <v>0</v>
      </c>
      <c r="BC39" s="327">
        <v>68608</v>
      </c>
      <c r="BD39" s="328">
        <v>195513</v>
      </c>
      <c r="BE39" s="330">
        <v>203921</v>
      </c>
      <c r="BF39" s="326">
        <v>0</v>
      </c>
      <c r="BG39" s="327">
        <v>0</v>
      </c>
      <c r="BH39" s="331">
        <v>0</v>
      </c>
      <c r="BI39" s="332">
        <v>0</v>
      </c>
      <c r="BJ39" s="327">
        <v>0</v>
      </c>
      <c r="BK39" s="327">
        <v>0</v>
      </c>
      <c r="BL39" s="327">
        <v>0</v>
      </c>
      <c r="BM39" s="327">
        <v>0</v>
      </c>
      <c r="BN39" s="327">
        <v>45216</v>
      </c>
      <c r="BO39" s="328">
        <v>45216</v>
      </c>
      <c r="BP39" s="330">
        <v>45216</v>
      </c>
      <c r="BQ39" s="326">
        <v>0</v>
      </c>
      <c r="BR39" s="327">
        <v>0</v>
      </c>
      <c r="BS39" s="328">
        <v>0</v>
      </c>
      <c r="BT39" s="326">
        <v>0</v>
      </c>
      <c r="BU39" s="327">
        <v>0</v>
      </c>
      <c r="BV39" s="327">
        <v>30416</v>
      </c>
      <c r="BW39" s="327">
        <v>0</v>
      </c>
      <c r="BX39" s="327">
        <v>15536</v>
      </c>
      <c r="BY39" s="327">
        <v>26392</v>
      </c>
      <c r="BZ39" s="328">
        <v>72344</v>
      </c>
      <c r="CA39" s="330">
        <v>72344</v>
      </c>
      <c r="CB39" s="326">
        <v>0</v>
      </c>
      <c r="CC39" s="327">
        <v>0</v>
      </c>
      <c r="CD39" s="328">
        <v>0</v>
      </c>
      <c r="CE39" s="326">
        <v>0</v>
      </c>
      <c r="CF39" s="327">
        <v>33592</v>
      </c>
      <c r="CG39" s="327">
        <v>57416</v>
      </c>
      <c r="CH39" s="327">
        <v>40688</v>
      </c>
      <c r="CI39" s="327">
        <v>0</v>
      </c>
      <c r="CJ39" s="327">
        <v>0</v>
      </c>
      <c r="CK39" s="328">
        <v>131696</v>
      </c>
      <c r="CL39" s="330">
        <v>131696</v>
      </c>
      <c r="CM39" s="326">
        <v>0</v>
      </c>
      <c r="CN39" s="327">
        <v>0</v>
      </c>
      <c r="CO39" s="328">
        <v>0</v>
      </c>
      <c r="CP39" s="332">
        <v>0</v>
      </c>
      <c r="CQ39" s="327">
        <v>33592</v>
      </c>
      <c r="CR39" s="327">
        <v>57416</v>
      </c>
      <c r="CS39" s="327">
        <v>40688</v>
      </c>
      <c r="CT39" s="327">
        <v>0</v>
      </c>
      <c r="CU39" s="327">
        <v>0</v>
      </c>
      <c r="CV39" s="328">
        <v>131696</v>
      </c>
      <c r="CW39" s="330">
        <v>131696</v>
      </c>
      <c r="CX39" s="326">
        <v>0</v>
      </c>
      <c r="CY39" s="327">
        <v>0</v>
      </c>
      <c r="CZ39" s="328">
        <v>0</v>
      </c>
      <c r="DA39" s="326">
        <v>0</v>
      </c>
      <c r="DB39" s="327">
        <v>0</v>
      </c>
      <c r="DC39" s="327">
        <v>0</v>
      </c>
      <c r="DD39" s="327">
        <v>0</v>
      </c>
      <c r="DE39" s="327">
        <v>0</v>
      </c>
      <c r="DF39" s="327">
        <v>0</v>
      </c>
      <c r="DG39" s="328">
        <v>0</v>
      </c>
      <c r="DH39" s="330">
        <v>0</v>
      </c>
      <c r="DI39" s="326">
        <v>0</v>
      </c>
      <c r="DJ39" s="327">
        <v>0</v>
      </c>
      <c r="DK39" s="331">
        <v>0</v>
      </c>
      <c r="DL39" s="332">
        <v>0</v>
      </c>
      <c r="DM39" s="327">
        <v>0</v>
      </c>
      <c r="DN39" s="327">
        <v>0</v>
      </c>
      <c r="DO39" s="327">
        <v>0</v>
      </c>
      <c r="DP39" s="327">
        <v>0</v>
      </c>
      <c r="DQ39" s="327">
        <v>0</v>
      </c>
      <c r="DR39" s="328">
        <v>0</v>
      </c>
      <c r="DS39" s="330">
        <v>0</v>
      </c>
      <c r="DT39" s="326">
        <v>0</v>
      </c>
      <c r="DU39" s="327">
        <v>0</v>
      </c>
      <c r="DV39" s="328">
        <v>0</v>
      </c>
      <c r="DW39" s="326">
        <v>0</v>
      </c>
      <c r="DX39" s="327">
        <v>0</v>
      </c>
      <c r="DY39" s="327">
        <v>0</v>
      </c>
      <c r="DZ39" s="327">
        <v>0</v>
      </c>
      <c r="EA39" s="327">
        <v>0</v>
      </c>
      <c r="EB39" s="327">
        <v>0</v>
      </c>
      <c r="EC39" s="328">
        <v>0</v>
      </c>
      <c r="ED39" s="330">
        <v>0</v>
      </c>
      <c r="EE39" s="326">
        <v>0</v>
      </c>
      <c r="EF39" s="331">
        <v>0</v>
      </c>
      <c r="EG39" s="328">
        <v>0</v>
      </c>
      <c r="EH39" s="326">
        <v>0</v>
      </c>
      <c r="EI39" s="327">
        <v>0</v>
      </c>
      <c r="EJ39" s="327">
        <v>0</v>
      </c>
      <c r="EK39" s="327">
        <v>0</v>
      </c>
      <c r="EL39" s="327">
        <v>0</v>
      </c>
      <c r="EM39" s="327">
        <v>0</v>
      </c>
      <c r="EN39" s="331">
        <v>0</v>
      </c>
      <c r="EO39" s="330">
        <v>0</v>
      </c>
      <c r="EP39" s="326">
        <v>0</v>
      </c>
      <c r="EQ39" s="327">
        <v>0</v>
      </c>
      <c r="ER39" s="331">
        <v>0</v>
      </c>
      <c r="ES39" s="332">
        <v>0</v>
      </c>
      <c r="ET39" s="327">
        <v>0</v>
      </c>
      <c r="EU39" s="327">
        <v>0</v>
      </c>
      <c r="EV39" s="327">
        <v>0</v>
      </c>
      <c r="EW39" s="327">
        <v>0</v>
      </c>
      <c r="EX39" s="327">
        <v>0</v>
      </c>
      <c r="EY39" s="328">
        <v>0</v>
      </c>
      <c r="EZ39" s="330">
        <v>0</v>
      </c>
      <c r="FA39" s="326">
        <v>0</v>
      </c>
      <c r="FB39" s="327">
        <v>0</v>
      </c>
      <c r="FC39" s="331">
        <v>0</v>
      </c>
      <c r="FD39" s="332">
        <v>0</v>
      </c>
      <c r="FE39" s="327">
        <v>0</v>
      </c>
      <c r="FF39" s="327">
        <v>0</v>
      </c>
      <c r="FG39" s="327">
        <v>0</v>
      </c>
      <c r="FH39" s="327">
        <v>0</v>
      </c>
      <c r="FI39" s="327">
        <v>0</v>
      </c>
      <c r="FJ39" s="328">
        <v>0</v>
      </c>
      <c r="FK39" s="330">
        <v>0</v>
      </c>
      <c r="FL39" s="326">
        <v>0</v>
      </c>
      <c r="FM39" s="327">
        <v>0</v>
      </c>
      <c r="FN39" s="328">
        <v>0</v>
      </c>
      <c r="FO39" s="326">
        <v>0</v>
      </c>
      <c r="FP39" s="327">
        <v>9200</v>
      </c>
      <c r="FQ39" s="327">
        <v>67168</v>
      </c>
      <c r="FR39" s="327">
        <v>27200</v>
      </c>
      <c r="FS39" s="327">
        <v>17480</v>
      </c>
      <c r="FT39" s="327">
        <v>39040</v>
      </c>
      <c r="FU39" s="328">
        <v>160088</v>
      </c>
      <c r="FV39" s="330">
        <v>160088</v>
      </c>
      <c r="FW39" s="333">
        <v>0</v>
      </c>
      <c r="FX39" s="327">
        <v>0</v>
      </c>
      <c r="FY39" s="331">
        <v>0</v>
      </c>
      <c r="FZ39" s="332">
        <v>0</v>
      </c>
      <c r="GA39" s="327">
        <v>9200</v>
      </c>
      <c r="GB39" s="327">
        <v>67168</v>
      </c>
      <c r="GC39" s="327">
        <v>27200</v>
      </c>
      <c r="GD39" s="327">
        <v>17480</v>
      </c>
      <c r="GE39" s="327">
        <v>15808</v>
      </c>
      <c r="GF39" s="328">
        <v>136856</v>
      </c>
      <c r="GG39" s="334">
        <v>136856</v>
      </c>
      <c r="GH39" s="333">
        <v>0</v>
      </c>
      <c r="GI39" s="327">
        <v>0</v>
      </c>
      <c r="GJ39" s="331">
        <v>0</v>
      </c>
      <c r="GK39" s="332">
        <v>0</v>
      </c>
      <c r="GL39" s="327">
        <v>0</v>
      </c>
      <c r="GM39" s="327">
        <v>0</v>
      </c>
      <c r="GN39" s="327">
        <v>0</v>
      </c>
      <c r="GO39" s="327">
        <v>0</v>
      </c>
      <c r="GP39" s="327">
        <v>23232</v>
      </c>
      <c r="GQ39" s="328">
        <v>23232</v>
      </c>
      <c r="GR39" s="330">
        <v>23232</v>
      </c>
      <c r="GS39" s="326">
        <v>0</v>
      </c>
      <c r="GT39" s="327">
        <v>0</v>
      </c>
      <c r="GU39" s="328">
        <v>0</v>
      </c>
      <c r="GV39" s="326">
        <v>0</v>
      </c>
      <c r="GW39" s="327">
        <v>0</v>
      </c>
      <c r="GX39" s="327">
        <v>0</v>
      </c>
      <c r="GY39" s="327">
        <v>0</v>
      </c>
      <c r="GZ39" s="327">
        <v>0</v>
      </c>
      <c r="HA39" s="327">
        <v>0</v>
      </c>
      <c r="HB39" s="331">
        <v>0</v>
      </c>
      <c r="HC39" s="330">
        <v>0</v>
      </c>
      <c r="HD39" s="326">
        <v>0</v>
      </c>
      <c r="HE39" s="327">
        <v>0</v>
      </c>
      <c r="HF39" s="331">
        <v>0</v>
      </c>
      <c r="HG39" s="332">
        <v>0</v>
      </c>
      <c r="HH39" s="327">
        <v>0</v>
      </c>
      <c r="HI39" s="327">
        <v>170808</v>
      </c>
      <c r="HJ39" s="327">
        <v>0</v>
      </c>
      <c r="HK39" s="327">
        <v>0</v>
      </c>
      <c r="HL39" s="327">
        <v>237206</v>
      </c>
      <c r="HM39" s="328">
        <v>408014</v>
      </c>
      <c r="HN39" s="329">
        <v>408014</v>
      </c>
      <c r="HO39" s="333">
        <v>0</v>
      </c>
      <c r="HP39" s="327">
        <v>0</v>
      </c>
      <c r="HQ39" s="328">
        <v>0</v>
      </c>
      <c r="HR39" s="326">
        <v>0</v>
      </c>
      <c r="HS39" s="327">
        <v>0</v>
      </c>
      <c r="HT39" s="327">
        <v>0</v>
      </c>
      <c r="HU39" s="327">
        <v>0</v>
      </c>
      <c r="HV39" s="327">
        <v>0</v>
      </c>
      <c r="HW39" s="327">
        <v>0</v>
      </c>
      <c r="HX39" s="331">
        <v>0</v>
      </c>
      <c r="HY39" s="330">
        <v>0</v>
      </c>
      <c r="HZ39" s="335">
        <v>0</v>
      </c>
      <c r="IA39" s="336">
        <v>0</v>
      </c>
      <c r="IB39" s="337">
        <v>0</v>
      </c>
      <c r="IC39" s="338">
        <v>0</v>
      </c>
      <c r="ID39" s="336">
        <v>89656</v>
      </c>
      <c r="IE39" s="339">
        <v>339272</v>
      </c>
      <c r="IF39" s="337">
        <v>506376</v>
      </c>
      <c r="IG39" s="336">
        <v>0</v>
      </c>
      <c r="IH39" s="337">
        <v>0</v>
      </c>
      <c r="II39" s="340">
        <v>935304</v>
      </c>
      <c r="IJ39" s="341">
        <v>935304</v>
      </c>
      <c r="IK39" s="342">
        <v>0</v>
      </c>
      <c r="IL39" s="343">
        <v>0</v>
      </c>
      <c r="IM39" s="344">
        <v>0</v>
      </c>
      <c r="IN39" s="404">
        <v>0</v>
      </c>
      <c r="IO39" s="345">
        <v>0</v>
      </c>
      <c r="IP39" s="345">
        <v>0</v>
      </c>
      <c r="IQ39" s="345">
        <v>0</v>
      </c>
      <c r="IR39" s="345">
        <v>0</v>
      </c>
      <c r="IS39" s="345">
        <v>0</v>
      </c>
      <c r="IT39" s="346">
        <v>0</v>
      </c>
      <c r="IU39" s="347">
        <v>0</v>
      </c>
      <c r="IV39" s="348">
        <v>0</v>
      </c>
      <c r="IW39" s="345">
        <v>0</v>
      </c>
      <c r="IX39" s="349">
        <v>0</v>
      </c>
      <c r="IY39" s="404">
        <v>0</v>
      </c>
      <c r="IZ39" s="345">
        <v>0</v>
      </c>
      <c r="JA39" s="345">
        <v>0</v>
      </c>
      <c r="JB39" s="345">
        <v>0</v>
      </c>
      <c r="JC39" s="345">
        <v>0</v>
      </c>
      <c r="JD39" s="345">
        <v>0</v>
      </c>
      <c r="JE39" s="349">
        <v>0</v>
      </c>
      <c r="JF39" s="350">
        <v>0</v>
      </c>
      <c r="JG39" s="348">
        <v>0</v>
      </c>
      <c r="JH39" s="345">
        <v>0</v>
      </c>
      <c r="JI39" s="346">
        <v>0</v>
      </c>
      <c r="JJ39" s="351">
        <v>0</v>
      </c>
      <c r="JK39" s="345">
        <v>89656</v>
      </c>
      <c r="JL39" s="345">
        <v>171224</v>
      </c>
      <c r="JM39" s="345">
        <v>0</v>
      </c>
      <c r="JN39" s="345">
        <v>0</v>
      </c>
      <c r="JO39" s="345">
        <v>0</v>
      </c>
      <c r="JP39" s="349">
        <v>260880</v>
      </c>
      <c r="JQ39" s="347">
        <v>260880</v>
      </c>
      <c r="JR39" s="348">
        <v>0</v>
      </c>
      <c r="JS39" s="345">
        <v>0</v>
      </c>
      <c r="JT39" s="346">
        <v>0</v>
      </c>
      <c r="JU39" s="351">
        <v>0</v>
      </c>
      <c r="JV39" s="345">
        <v>0</v>
      </c>
      <c r="JW39" s="345">
        <v>0</v>
      </c>
      <c r="JX39" s="345">
        <v>0</v>
      </c>
      <c r="JY39" s="345">
        <v>0</v>
      </c>
      <c r="JZ39" s="345">
        <v>0</v>
      </c>
      <c r="KA39" s="349">
        <v>0</v>
      </c>
      <c r="KB39" s="347">
        <v>0</v>
      </c>
      <c r="KC39" s="352">
        <v>0</v>
      </c>
      <c r="KD39" s="353">
        <v>0</v>
      </c>
      <c r="KE39" s="349">
        <v>0</v>
      </c>
      <c r="KF39" s="351">
        <v>0</v>
      </c>
      <c r="KG39" s="345">
        <v>0</v>
      </c>
      <c r="KH39" s="345">
        <v>168048</v>
      </c>
      <c r="KI39" s="345">
        <v>232128</v>
      </c>
      <c r="KJ39" s="345">
        <v>0</v>
      </c>
      <c r="KK39" s="345">
        <v>0</v>
      </c>
      <c r="KL39" s="349">
        <v>400176</v>
      </c>
      <c r="KM39" s="354">
        <v>400176</v>
      </c>
      <c r="KN39" s="342">
        <v>0</v>
      </c>
      <c r="KO39" s="343">
        <v>0</v>
      </c>
      <c r="KP39" s="344">
        <v>0</v>
      </c>
      <c r="KQ39" s="404">
        <v>0</v>
      </c>
      <c r="KR39" s="345">
        <v>0</v>
      </c>
      <c r="KS39" s="345">
        <v>0</v>
      </c>
      <c r="KT39" s="345">
        <v>0</v>
      </c>
      <c r="KU39" s="345">
        <v>0</v>
      </c>
      <c r="KV39" s="345">
        <v>0</v>
      </c>
      <c r="KW39" s="349">
        <v>0</v>
      </c>
      <c r="KX39" s="347">
        <v>0</v>
      </c>
      <c r="KY39" s="348">
        <v>0</v>
      </c>
      <c r="KZ39" s="345">
        <v>0</v>
      </c>
      <c r="LA39" s="349">
        <v>0</v>
      </c>
      <c r="LB39" s="404">
        <v>0</v>
      </c>
      <c r="LC39" s="345">
        <v>0</v>
      </c>
      <c r="LD39" s="345">
        <v>0</v>
      </c>
      <c r="LE39" s="345">
        <v>0</v>
      </c>
      <c r="LF39" s="345">
        <v>0</v>
      </c>
      <c r="LG39" s="345">
        <v>0</v>
      </c>
      <c r="LH39" s="349">
        <v>0</v>
      </c>
      <c r="LI39" s="350">
        <v>0</v>
      </c>
      <c r="LJ39" s="348">
        <v>0</v>
      </c>
      <c r="LK39" s="345">
        <v>0</v>
      </c>
      <c r="LL39" s="349">
        <v>0</v>
      </c>
      <c r="LM39" s="404">
        <v>0</v>
      </c>
      <c r="LN39" s="345">
        <v>0</v>
      </c>
      <c r="LO39" s="345">
        <v>0</v>
      </c>
      <c r="LP39" s="345">
        <v>0</v>
      </c>
      <c r="LQ39" s="345">
        <v>0</v>
      </c>
      <c r="LR39" s="345">
        <v>0</v>
      </c>
      <c r="LS39" s="349">
        <v>0</v>
      </c>
      <c r="LT39" s="347">
        <v>0</v>
      </c>
      <c r="LU39" s="348">
        <v>0</v>
      </c>
      <c r="LV39" s="345">
        <v>0</v>
      </c>
      <c r="LW39" s="349">
        <v>0</v>
      </c>
      <c r="LX39" s="404">
        <v>0</v>
      </c>
      <c r="LY39" s="345">
        <v>0</v>
      </c>
      <c r="LZ39" s="345">
        <v>0</v>
      </c>
      <c r="MA39" s="345">
        <v>274248</v>
      </c>
      <c r="MB39" s="345">
        <v>0</v>
      </c>
      <c r="MC39" s="345">
        <v>0</v>
      </c>
      <c r="MD39" s="349">
        <v>274248</v>
      </c>
      <c r="ME39" s="350">
        <v>274248</v>
      </c>
      <c r="MF39" s="348">
        <v>0</v>
      </c>
      <c r="MG39" s="345">
        <v>0</v>
      </c>
      <c r="MH39" s="349">
        <v>0</v>
      </c>
      <c r="MI39" s="404">
        <v>0</v>
      </c>
      <c r="MJ39" s="345">
        <v>0</v>
      </c>
      <c r="MK39" s="345">
        <v>0</v>
      </c>
      <c r="ML39" s="345">
        <v>255208</v>
      </c>
      <c r="MM39" s="345">
        <v>246896</v>
      </c>
      <c r="MN39" s="345">
        <v>0</v>
      </c>
      <c r="MO39" s="349">
        <v>502104</v>
      </c>
      <c r="MP39" s="354">
        <v>502104</v>
      </c>
      <c r="MQ39" s="348">
        <v>0</v>
      </c>
      <c r="MR39" s="345">
        <v>0</v>
      </c>
      <c r="MS39" s="349">
        <v>0</v>
      </c>
      <c r="MT39" s="404">
        <v>0</v>
      </c>
      <c r="MU39" s="345">
        <v>0</v>
      </c>
      <c r="MV39" s="345">
        <v>0</v>
      </c>
      <c r="MW39" s="345">
        <v>0</v>
      </c>
      <c r="MX39" s="345">
        <v>246896</v>
      </c>
      <c r="MY39" s="345">
        <v>0</v>
      </c>
      <c r="MZ39" s="349">
        <v>246896</v>
      </c>
      <c r="NA39" s="354">
        <v>246896</v>
      </c>
      <c r="NB39" s="348">
        <v>0</v>
      </c>
      <c r="NC39" s="345">
        <v>0</v>
      </c>
      <c r="ND39" s="349">
        <v>0</v>
      </c>
      <c r="NE39" s="404">
        <v>0</v>
      </c>
      <c r="NF39" s="345">
        <v>0</v>
      </c>
      <c r="NG39" s="345">
        <v>0</v>
      </c>
      <c r="NH39" s="345">
        <v>255208</v>
      </c>
      <c r="NI39" s="345">
        <v>0</v>
      </c>
      <c r="NJ39" s="345">
        <v>0</v>
      </c>
      <c r="NK39" s="349">
        <v>255208</v>
      </c>
      <c r="NL39" s="347">
        <v>255208</v>
      </c>
      <c r="NM39" s="348">
        <v>0</v>
      </c>
      <c r="NN39" s="345">
        <v>0</v>
      </c>
      <c r="NO39" s="349">
        <v>0</v>
      </c>
      <c r="NP39" s="404">
        <v>0</v>
      </c>
      <c r="NQ39" s="345">
        <v>0</v>
      </c>
      <c r="NR39" s="345">
        <v>0</v>
      </c>
      <c r="NS39" s="345">
        <v>0</v>
      </c>
      <c r="NT39" s="345">
        <v>0</v>
      </c>
      <c r="NU39" s="345">
        <v>0</v>
      </c>
      <c r="NV39" s="349">
        <v>0</v>
      </c>
      <c r="NW39" s="350">
        <v>0</v>
      </c>
      <c r="NX39" s="348">
        <v>0</v>
      </c>
      <c r="NY39" s="345">
        <v>0</v>
      </c>
      <c r="NZ39" s="349">
        <v>0</v>
      </c>
      <c r="OA39" s="404">
        <v>0</v>
      </c>
      <c r="OB39" s="345">
        <v>0</v>
      </c>
      <c r="OC39" s="345">
        <v>0</v>
      </c>
      <c r="OD39" s="345">
        <v>0</v>
      </c>
      <c r="OE39" s="345">
        <v>0</v>
      </c>
      <c r="OF39" s="345">
        <v>0</v>
      </c>
      <c r="OG39" s="349">
        <v>0</v>
      </c>
      <c r="OH39" s="350">
        <v>0</v>
      </c>
      <c r="OI39" s="348">
        <v>8408</v>
      </c>
      <c r="OJ39" s="345">
        <v>0</v>
      </c>
      <c r="OK39" s="346">
        <v>8408</v>
      </c>
      <c r="OL39" s="351">
        <v>0</v>
      </c>
      <c r="OM39" s="345">
        <v>171640</v>
      </c>
      <c r="ON39" s="345">
        <v>752793</v>
      </c>
      <c r="OO39" s="345">
        <v>829472</v>
      </c>
      <c r="OP39" s="345">
        <v>342151</v>
      </c>
      <c r="OQ39" s="345">
        <v>416462</v>
      </c>
      <c r="OR39" s="349">
        <v>2512518</v>
      </c>
      <c r="OS39" s="354">
        <v>2520926</v>
      </c>
    </row>
    <row r="40" spans="2:409" s="70" customFormat="1" ht="21" customHeight="1" x14ac:dyDescent="0.2">
      <c r="B40" s="410" t="s">
        <v>35</v>
      </c>
      <c r="C40" s="326">
        <v>103232</v>
      </c>
      <c r="D40" s="327">
        <v>21888</v>
      </c>
      <c r="E40" s="328">
        <v>125120</v>
      </c>
      <c r="F40" s="329">
        <v>0</v>
      </c>
      <c r="G40" s="327">
        <v>1272569</v>
      </c>
      <c r="H40" s="327">
        <v>669616</v>
      </c>
      <c r="I40" s="327">
        <v>1165347</v>
      </c>
      <c r="J40" s="327">
        <v>1231960</v>
      </c>
      <c r="K40" s="327">
        <v>260436</v>
      </c>
      <c r="L40" s="367">
        <v>4599928</v>
      </c>
      <c r="M40" s="330">
        <v>4725048</v>
      </c>
      <c r="N40" s="326">
        <v>19712</v>
      </c>
      <c r="O40" s="327">
        <v>21888</v>
      </c>
      <c r="P40" s="328">
        <v>41600</v>
      </c>
      <c r="Q40" s="326">
        <v>0</v>
      </c>
      <c r="R40" s="327">
        <v>150680</v>
      </c>
      <c r="S40" s="327">
        <v>246634</v>
      </c>
      <c r="T40" s="327">
        <v>429552</v>
      </c>
      <c r="U40" s="327">
        <v>225072</v>
      </c>
      <c r="V40" s="327">
        <v>10704</v>
      </c>
      <c r="W40" s="328">
        <v>1062642</v>
      </c>
      <c r="X40" s="330">
        <v>1104242</v>
      </c>
      <c r="Y40" s="326">
        <v>0</v>
      </c>
      <c r="Z40" s="327">
        <v>0</v>
      </c>
      <c r="AA40" s="328">
        <v>0</v>
      </c>
      <c r="AB40" s="326">
        <v>0</v>
      </c>
      <c r="AC40" s="327">
        <v>18552</v>
      </c>
      <c r="AD40" s="327">
        <v>166658</v>
      </c>
      <c r="AE40" s="327">
        <v>224744</v>
      </c>
      <c r="AF40" s="327">
        <v>114040</v>
      </c>
      <c r="AG40" s="327">
        <v>0</v>
      </c>
      <c r="AH40" s="328">
        <v>523994</v>
      </c>
      <c r="AI40" s="330">
        <v>523994</v>
      </c>
      <c r="AJ40" s="326">
        <v>0</v>
      </c>
      <c r="AK40" s="327">
        <v>0</v>
      </c>
      <c r="AL40" s="328">
        <v>0</v>
      </c>
      <c r="AM40" s="326">
        <v>0</v>
      </c>
      <c r="AN40" s="327">
        <v>0</v>
      </c>
      <c r="AO40" s="327">
        <v>0</v>
      </c>
      <c r="AP40" s="327">
        <v>0</v>
      </c>
      <c r="AQ40" s="327">
        <v>0</v>
      </c>
      <c r="AR40" s="327">
        <v>0</v>
      </c>
      <c r="AS40" s="328">
        <v>0</v>
      </c>
      <c r="AT40" s="330">
        <v>0</v>
      </c>
      <c r="AU40" s="326">
        <v>0</v>
      </c>
      <c r="AV40" s="327">
        <v>0</v>
      </c>
      <c r="AW40" s="328">
        <v>0</v>
      </c>
      <c r="AX40" s="326">
        <v>0</v>
      </c>
      <c r="AY40" s="327">
        <v>0</v>
      </c>
      <c r="AZ40" s="327">
        <v>26336</v>
      </c>
      <c r="BA40" s="327">
        <v>81544</v>
      </c>
      <c r="BB40" s="327">
        <v>42920</v>
      </c>
      <c r="BC40" s="327">
        <v>0</v>
      </c>
      <c r="BD40" s="328">
        <v>150800</v>
      </c>
      <c r="BE40" s="330">
        <v>150800</v>
      </c>
      <c r="BF40" s="326">
        <v>8768</v>
      </c>
      <c r="BG40" s="327">
        <v>21888</v>
      </c>
      <c r="BH40" s="331">
        <v>30656</v>
      </c>
      <c r="BI40" s="332">
        <v>0</v>
      </c>
      <c r="BJ40" s="327">
        <v>63168</v>
      </c>
      <c r="BK40" s="327">
        <v>0</v>
      </c>
      <c r="BL40" s="327">
        <v>67824</v>
      </c>
      <c r="BM40" s="327">
        <v>0</v>
      </c>
      <c r="BN40" s="327">
        <v>0</v>
      </c>
      <c r="BO40" s="328">
        <v>130992</v>
      </c>
      <c r="BP40" s="330">
        <v>161648</v>
      </c>
      <c r="BQ40" s="326">
        <v>10944</v>
      </c>
      <c r="BR40" s="327">
        <v>0</v>
      </c>
      <c r="BS40" s="328">
        <v>10944</v>
      </c>
      <c r="BT40" s="326">
        <v>0</v>
      </c>
      <c r="BU40" s="327">
        <v>68960</v>
      </c>
      <c r="BV40" s="327">
        <v>53640</v>
      </c>
      <c r="BW40" s="327">
        <v>55440</v>
      </c>
      <c r="BX40" s="327">
        <v>68112</v>
      </c>
      <c r="BY40" s="327">
        <v>10704</v>
      </c>
      <c r="BZ40" s="328">
        <v>256856</v>
      </c>
      <c r="CA40" s="330">
        <v>267800</v>
      </c>
      <c r="CB40" s="326">
        <v>20816</v>
      </c>
      <c r="CC40" s="327">
        <v>0</v>
      </c>
      <c r="CD40" s="328">
        <v>20816</v>
      </c>
      <c r="CE40" s="326">
        <v>0</v>
      </c>
      <c r="CF40" s="327">
        <v>462265</v>
      </c>
      <c r="CG40" s="327">
        <v>31130</v>
      </c>
      <c r="CH40" s="327">
        <v>277928</v>
      </c>
      <c r="CI40" s="327">
        <v>125192</v>
      </c>
      <c r="CJ40" s="327">
        <v>0</v>
      </c>
      <c r="CK40" s="328">
        <v>896515</v>
      </c>
      <c r="CL40" s="330">
        <v>917331</v>
      </c>
      <c r="CM40" s="326">
        <v>0</v>
      </c>
      <c r="CN40" s="327">
        <v>0</v>
      </c>
      <c r="CO40" s="328">
        <v>0</v>
      </c>
      <c r="CP40" s="332">
        <v>0</v>
      </c>
      <c r="CQ40" s="327">
        <v>263376</v>
      </c>
      <c r="CR40" s="327">
        <v>31130</v>
      </c>
      <c r="CS40" s="327">
        <v>184912</v>
      </c>
      <c r="CT40" s="327">
        <v>0</v>
      </c>
      <c r="CU40" s="327">
        <v>0</v>
      </c>
      <c r="CV40" s="328">
        <v>479418</v>
      </c>
      <c r="CW40" s="330">
        <v>479418</v>
      </c>
      <c r="CX40" s="326">
        <v>20816</v>
      </c>
      <c r="CY40" s="327">
        <v>0</v>
      </c>
      <c r="CZ40" s="328">
        <v>20816</v>
      </c>
      <c r="DA40" s="326">
        <v>0</v>
      </c>
      <c r="DB40" s="327">
        <v>198889</v>
      </c>
      <c r="DC40" s="327">
        <v>0</v>
      </c>
      <c r="DD40" s="327">
        <v>93016</v>
      </c>
      <c r="DE40" s="327">
        <v>125192</v>
      </c>
      <c r="DF40" s="327">
        <v>0</v>
      </c>
      <c r="DG40" s="328">
        <v>417097</v>
      </c>
      <c r="DH40" s="330">
        <v>437913</v>
      </c>
      <c r="DI40" s="326">
        <v>0</v>
      </c>
      <c r="DJ40" s="327">
        <v>0</v>
      </c>
      <c r="DK40" s="331">
        <v>0</v>
      </c>
      <c r="DL40" s="332">
        <v>0</v>
      </c>
      <c r="DM40" s="327">
        <v>0</v>
      </c>
      <c r="DN40" s="327">
        <v>0</v>
      </c>
      <c r="DO40" s="327">
        <v>0</v>
      </c>
      <c r="DP40" s="327">
        <v>0</v>
      </c>
      <c r="DQ40" s="327">
        <v>0</v>
      </c>
      <c r="DR40" s="328">
        <v>0</v>
      </c>
      <c r="DS40" s="330">
        <v>0</v>
      </c>
      <c r="DT40" s="326">
        <v>0</v>
      </c>
      <c r="DU40" s="327">
        <v>0</v>
      </c>
      <c r="DV40" s="328">
        <v>0</v>
      </c>
      <c r="DW40" s="326">
        <v>0</v>
      </c>
      <c r="DX40" s="327">
        <v>0</v>
      </c>
      <c r="DY40" s="327">
        <v>0</v>
      </c>
      <c r="DZ40" s="327">
        <v>0</v>
      </c>
      <c r="EA40" s="327">
        <v>0</v>
      </c>
      <c r="EB40" s="327">
        <v>0</v>
      </c>
      <c r="EC40" s="328">
        <v>0</v>
      </c>
      <c r="ED40" s="330">
        <v>0</v>
      </c>
      <c r="EE40" s="326">
        <v>0</v>
      </c>
      <c r="EF40" s="331">
        <v>0</v>
      </c>
      <c r="EG40" s="328">
        <v>0</v>
      </c>
      <c r="EH40" s="326">
        <v>0</v>
      </c>
      <c r="EI40" s="327">
        <v>0</v>
      </c>
      <c r="EJ40" s="327">
        <v>0</v>
      </c>
      <c r="EK40" s="327">
        <v>0</v>
      </c>
      <c r="EL40" s="327">
        <v>0</v>
      </c>
      <c r="EM40" s="327">
        <v>0</v>
      </c>
      <c r="EN40" s="331">
        <v>0</v>
      </c>
      <c r="EO40" s="330">
        <v>0</v>
      </c>
      <c r="EP40" s="326">
        <v>0</v>
      </c>
      <c r="EQ40" s="327">
        <v>0</v>
      </c>
      <c r="ER40" s="331">
        <v>0</v>
      </c>
      <c r="ES40" s="332">
        <v>0</v>
      </c>
      <c r="ET40" s="327">
        <v>0</v>
      </c>
      <c r="EU40" s="327">
        <v>0</v>
      </c>
      <c r="EV40" s="327">
        <v>0</v>
      </c>
      <c r="EW40" s="327">
        <v>0</v>
      </c>
      <c r="EX40" s="327">
        <v>0</v>
      </c>
      <c r="EY40" s="328">
        <v>0</v>
      </c>
      <c r="EZ40" s="330">
        <v>0</v>
      </c>
      <c r="FA40" s="326">
        <v>0</v>
      </c>
      <c r="FB40" s="327">
        <v>0</v>
      </c>
      <c r="FC40" s="331">
        <v>0</v>
      </c>
      <c r="FD40" s="332">
        <v>0</v>
      </c>
      <c r="FE40" s="327">
        <v>0</v>
      </c>
      <c r="FF40" s="327">
        <v>0</v>
      </c>
      <c r="FG40" s="327">
        <v>0</v>
      </c>
      <c r="FH40" s="327">
        <v>0</v>
      </c>
      <c r="FI40" s="327">
        <v>0</v>
      </c>
      <c r="FJ40" s="328">
        <v>0</v>
      </c>
      <c r="FK40" s="330">
        <v>0</v>
      </c>
      <c r="FL40" s="326">
        <v>4000</v>
      </c>
      <c r="FM40" s="327">
        <v>0</v>
      </c>
      <c r="FN40" s="328">
        <v>4000</v>
      </c>
      <c r="FO40" s="326">
        <v>0</v>
      </c>
      <c r="FP40" s="327">
        <v>37800</v>
      </c>
      <c r="FQ40" s="327">
        <v>25008</v>
      </c>
      <c r="FR40" s="327">
        <v>113920</v>
      </c>
      <c r="FS40" s="327">
        <v>24400</v>
      </c>
      <c r="FT40" s="327">
        <v>0</v>
      </c>
      <c r="FU40" s="328">
        <v>201128</v>
      </c>
      <c r="FV40" s="330">
        <v>205128</v>
      </c>
      <c r="FW40" s="333">
        <v>4000</v>
      </c>
      <c r="FX40" s="327">
        <v>0</v>
      </c>
      <c r="FY40" s="331">
        <v>4000</v>
      </c>
      <c r="FZ40" s="332">
        <v>0</v>
      </c>
      <c r="GA40" s="327">
        <v>37800</v>
      </c>
      <c r="GB40" s="327">
        <v>25008</v>
      </c>
      <c r="GC40" s="327">
        <v>113920</v>
      </c>
      <c r="GD40" s="327">
        <v>24400</v>
      </c>
      <c r="GE40" s="327">
        <v>0</v>
      </c>
      <c r="GF40" s="328">
        <v>201128</v>
      </c>
      <c r="GG40" s="334">
        <v>205128</v>
      </c>
      <c r="GH40" s="333">
        <v>0</v>
      </c>
      <c r="GI40" s="327">
        <v>0</v>
      </c>
      <c r="GJ40" s="331">
        <v>0</v>
      </c>
      <c r="GK40" s="332">
        <v>0</v>
      </c>
      <c r="GL40" s="327">
        <v>0</v>
      </c>
      <c r="GM40" s="327">
        <v>0</v>
      </c>
      <c r="GN40" s="327">
        <v>0</v>
      </c>
      <c r="GO40" s="327">
        <v>0</v>
      </c>
      <c r="GP40" s="327">
        <v>0</v>
      </c>
      <c r="GQ40" s="328">
        <v>0</v>
      </c>
      <c r="GR40" s="330">
        <v>0</v>
      </c>
      <c r="GS40" s="326">
        <v>0</v>
      </c>
      <c r="GT40" s="327">
        <v>0</v>
      </c>
      <c r="GU40" s="328">
        <v>0</v>
      </c>
      <c r="GV40" s="326">
        <v>0</v>
      </c>
      <c r="GW40" s="327">
        <v>0</v>
      </c>
      <c r="GX40" s="327">
        <v>0</v>
      </c>
      <c r="GY40" s="327">
        <v>0</v>
      </c>
      <c r="GZ40" s="327">
        <v>0</v>
      </c>
      <c r="HA40" s="327">
        <v>0</v>
      </c>
      <c r="HB40" s="331">
        <v>0</v>
      </c>
      <c r="HC40" s="330">
        <v>0</v>
      </c>
      <c r="HD40" s="326">
        <v>58704</v>
      </c>
      <c r="HE40" s="327">
        <v>0</v>
      </c>
      <c r="HF40" s="331">
        <v>58704</v>
      </c>
      <c r="HG40" s="332">
        <v>0</v>
      </c>
      <c r="HH40" s="327">
        <v>621824</v>
      </c>
      <c r="HI40" s="327">
        <v>366844</v>
      </c>
      <c r="HJ40" s="327">
        <v>343947</v>
      </c>
      <c r="HK40" s="327">
        <v>857296</v>
      </c>
      <c r="HL40" s="327">
        <v>249732</v>
      </c>
      <c r="HM40" s="328">
        <v>2439643</v>
      </c>
      <c r="HN40" s="329">
        <v>2498347</v>
      </c>
      <c r="HO40" s="333">
        <v>0</v>
      </c>
      <c r="HP40" s="327">
        <v>0</v>
      </c>
      <c r="HQ40" s="328">
        <v>0</v>
      </c>
      <c r="HR40" s="326">
        <v>0</v>
      </c>
      <c r="HS40" s="327">
        <v>0</v>
      </c>
      <c r="HT40" s="327">
        <v>0</v>
      </c>
      <c r="HU40" s="327">
        <v>0</v>
      </c>
      <c r="HV40" s="327">
        <v>0</v>
      </c>
      <c r="HW40" s="327">
        <v>0</v>
      </c>
      <c r="HX40" s="331">
        <v>0</v>
      </c>
      <c r="HY40" s="330">
        <v>0</v>
      </c>
      <c r="HZ40" s="358">
        <v>0</v>
      </c>
      <c r="IA40" s="356">
        <v>0</v>
      </c>
      <c r="IB40" s="358">
        <v>0</v>
      </c>
      <c r="IC40" s="338">
        <v>0</v>
      </c>
      <c r="ID40" s="336">
        <v>0</v>
      </c>
      <c r="IE40" s="339">
        <v>248896</v>
      </c>
      <c r="IF40" s="337">
        <v>608576</v>
      </c>
      <c r="IG40" s="336">
        <v>0</v>
      </c>
      <c r="IH40" s="337">
        <v>0</v>
      </c>
      <c r="II40" s="340">
        <v>857472</v>
      </c>
      <c r="IJ40" s="358">
        <v>857472</v>
      </c>
      <c r="IK40" s="342">
        <v>0</v>
      </c>
      <c r="IL40" s="343">
        <v>0</v>
      </c>
      <c r="IM40" s="344">
        <v>0</v>
      </c>
      <c r="IN40" s="404">
        <v>0</v>
      </c>
      <c r="IO40" s="345">
        <v>0</v>
      </c>
      <c r="IP40" s="345">
        <v>0</v>
      </c>
      <c r="IQ40" s="345">
        <v>149280</v>
      </c>
      <c r="IR40" s="345">
        <v>0</v>
      </c>
      <c r="IS40" s="345">
        <v>0</v>
      </c>
      <c r="IT40" s="346">
        <v>149280</v>
      </c>
      <c r="IU40" s="347">
        <v>149280</v>
      </c>
      <c r="IV40" s="348">
        <v>0</v>
      </c>
      <c r="IW40" s="345">
        <v>0</v>
      </c>
      <c r="IX40" s="349">
        <v>0</v>
      </c>
      <c r="IY40" s="404">
        <v>0</v>
      </c>
      <c r="IZ40" s="345">
        <v>0</v>
      </c>
      <c r="JA40" s="345">
        <v>0</v>
      </c>
      <c r="JB40" s="345">
        <v>0</v>
      </c>
      <c r="JC40" s="345">
        <v>0</v>
      </c>
      <c r="JD40" s="345">
        <v>0</v>
      </c>
      <c r="JE40" s="349">
        <v>0</v>
      </c>
      <c r="JF40" s="350">
        <v>0</v>
      </c>
      <c r="JG40" s="348">
        <v>0</v>
      </c>
      <c r="JH40" s="345">
        <v>0</v>
      </c>
      <c r="JI40" s="346">
        <v>0</v>
      </c>
      <c r="JJ40" s="351">
        <v>0</v>
      </c>
      <c r="JK40" s="345">
        <v>0</v>
      </c>
      <c r="JL40" s="345">
        <v>0</v>
      </c>
      <c r="JM40" s="345">
        <v>0</v>
      </c>
      <c r="JN40" s="345">
        <v>0</v>
      </c>
      <c r="JO40" s="345">
        <v>0</v>
      </c>
      <c r="JP40" s="349">
        <v>0</v>
      </c>
      <c r="JQ40" s="347">
        <v>0</v>
      </c>
      <c r="JR40" s="348">
        <v>0</v>
      </c>
      <c r="JS40" s="345">
        <v>0</v>
      </c>
      <c r="JT40" s="346">
        <v>0</v>
      </c>
      <c r="JU40" s="351">
        <v>0</v>
      </c>
      <c r="JV40" s="345">
        <v>0</v>
      </c>
      <c r="JW40" s="345">
        <v>0</v>
      </c>
      <c r="JX40" s="345">
        <v>0</v>
      </c>
      <c r="JY40" s="345">
        <v>0</v>
      </c>
      <c r="JZ40" s="345">
        <v>0</v>
      </c>
      <c r="KA40" s="349">
        <v>0</v>
      </c>
      <c r="KB40" s="347">
        <v>0</v>
      </c>
      <c r="KC40" s="352">
        <v>0</v>
      </c>
      <c r="KD40" s="353">
        <v>0</v>
      </c>
      <c r="KE40" s="349">
        <v>0</v>
      </c>
      <c r="KF40" s="351">
        <v>0</v>
      </c>
      <c r="KG40" s="345">
        <v>0</v>
      </c>
      <c r="KH40" s="345">
        <v>0</v>
      </c>
      <c r="KI40" s="345">
        <v>459296</v>
      </c>
      <c r="KJ40" s="345">
        <v>0</v>
      </c>
      <c r="KK40" s="345">
        <v>0</v>
      </c>
      <c r="KL40" s="349">
        <v>459296</v>
      </c>
      <c r="KM40" s="354">
        <v>459296</v>
      </c>
      <c r="KN40" s="342">
        <v>0</v>
      </c>
      <c r="KO40" s="343">
        <v>0</v>
      </c>
      <c r="KP40" s="344">
        <v>0</v>
      </c>
      <c r="KQ40" s="404">
        <v>0</v>
      </c>
      <c r="KR40" s="345">
        <v>0</v>
      </c>
      <c r="KS40" s="345">
        <v>248896</v>
      </c>
      <c r="KT40" s="345">
        <v>0</v>
      </c>
      <c r="KU40" s="345">
        <v>0</v>
      </c>
      <c r="KV40" s="345">
        <v>0</v>
      </c>
      <c r="KW40" s="349">
        <v>248896</v>
      </c>
      <c r="KX40" s="347">
        <v>248896</v>
      </c>
      <c r="KY40" s="348">
        <v>0</v>
      </c>
      <c r="KZ40" s="345">
        <v>0</v>
      </c>
      <c r="LA40" s="349">
        <v>0</v>
      </c>
      <c r="LB40" s="404">
        <v>0</v>
      </c>
      <c r="LC40" s="345">
        <v>0</v>
      </c>
      <c r="LD40" s="345">
        <v>0</v>
      </c>
      <c r="LE40" s="345">
        <v>0</v>
      </c>
      <c r="LF40" s="345">
        <v>0</v>
      </c>
      <c r="LG40" s="345">
        <v>0</v>
      </c>
      <c r="LH40" s="349">
        <v>0</v>
      </c>
      <c r="LI40" s="350">
        <v>0</v>
      </c>
      <c r="LJ40" s="348">
        <v>0</v>
      </c>
      <c r="LK40" s="345">
        <v>0</v>
      </c>
      <c r="LL40" s="349">
        <v>0</v>
      </c>
      <c r="LM40" s="404">
        <v>0</v>
      </c>
      <c r="LN40" s="345">
        <v>0</v>
      </c>
      <c r="LO40" s="345">
        <v>0</v>
      </c>
      <c r="LP40" s="345">
        <v>0</v>
      </c>
      <c r="LQ40" s="345">
        <v>0</v>
      </c>
      <c r="LR40" s="345">
        <v>0</v>
      </c>
      <c r="LS40" s="349">
        <v>0</v>
      </c>
      <c r="LT40" s="347">
        <v>0</v>
      </c>
      <c r="LU40" s="348">
        <v>0</v>
      </c>
      <c r="LV40" s="345">
        <v>0</v>
      </c>
      <c r="LW40" s="349">
        <v>0</v>
      </c>
      <c r="LX40" s="404">
        <v>0</v>
      </c>
      <c r="LY40" s="345">
        <v>0</v>
      </c>
      <c r="LZ40" s="345">
        <v>0</v>
      </c>
      <c r="MA40" s="345">
        <v>0</v>
      </c>
      <c r="MB40" s="345">
        <v>0</v>
      </c>
      <c r="MC40" s="345">
        <v>0</v>
      </c>
      <c r="MD40" s="349">
        <v>0</v>
      </c>
      <c r="ME40" s="350">
        <v>0</v>
      </c>
      <c r="MF40" s="348">
        <v>0</v>
      </c>
      <c r="MG40" s="345">
        <v>0</v>
      </c>
      <c r="MH40" s="349">
        <v>0</v>
      </c>
      <c r="MI40" s="404">
        <v>0</v>
      </c>
      <c r="MJ40" s="345">
        <v>284656</v>
      </c>
      <c r="MK40" s="345">
        <v>266720</v>
      </c>
      <c r="ML40" s="345">
        <v>909676</v>
      </c>
      <c r="MM40" s="345">
        <v>274976</v>
      </c>
      <c r="MN40" s="345">
        <v>434952</v>
      </c>
      <c r="MO40" s="349">
        <v>2170980</v>
      </c>
      <c r="MP40" s="354">
        <v>2170980</v>
      </c>
      <c r="MQ40" s="348">
        <v>0</v>
      </c>
      <c r="MR40" s="345">
        <v>0</v>
      </c>
      <c r="MS40" s="349">
        <v>0</v>
      </c>
      <c r="MT40" s="404">
        <v>0</v>
      </c>
      <c r="MU40" s="345">
        <v>0</v>
      </c>
      <c r="MV40" s="345">
        <v>0</v>
      </c>
      <c r="MW40" s="345">
        <v>0</v>
      </c>
      <c r="MX40" s="345">
        <v>274976</v>
      </c>
      <c r="MY40" s="345">
        <v>294488</v>
      </c>
      <c r="MZ40" s="349">
        <v>569464</v>
      </c>
      <c r="NA40" s="354">
        <v>569464</v>
      </c>
      <c r="NB40" s="348">
        <v>0</v>
      </c>
      <c r="NC40" s="345">
        <v>0</v>
      </c>
      <c r="ND40" s="349">
        <v>0</v>
      </c>
      <c r="NE40" s="404">
        <v>0</v>
      </c>
      <c r="NF40" s="345">
        <v>284656</v>
      </c>
      <c r="NG40" s="345">
        <v>266720</v>
      </c>
      <c r="NH40" s="345">
        <v>909676</v>
      </c>
      <c r="NI40" s="345">
        <v>0</v>
      </c>
      <c r="NJ40" s="345">
        <v>140464</v>
      </c>
      <c r="NK40" s="349">
        <v>1601516</v>
      </c>
      <c r="NL40" s="347">
        <v>1601516</v>
      </c>
      <c r="NM40" s="348">
        <v>0</v>
      </c>
      <c r="NN40" s="345">
        <v>0</v>
      </c>
      <c r="NO40" s="349">
        <v>0</v>
      </c>
      <c r="NP40" s="404">
        <v>0</v>
      </c>
      <c r="NQ40" s="345">
        <v>0</v>
      </c>
      <c r="NR40" s="345">
        <v>0</v>
      </c>
      <c r="NS40" s="345">
        <v>0</v>
      </c>
      <c r="NT40" s="345">
        <v>0</v>
      </c>
      <c r="NU40" s="345">
        <v>0</v>
      </c>
      <c r="NV40" s="349">
        <v>0</v>
      </c>
      <c r="NW40" s="350">
        <v>0</v>
      </c>
      <c r="NX40" s="348">
        <v>0</v>
      </c>
      <c r="NY40" s="345">
        <v>0</v>
      </c>
      <c r="NZ40" s="349">
        <v>0</v>
      </c>
      <c r="OA40" s="404">
        <v>0</v>
      </c>
      <c r="OB40" s="345">
        <v>0</v>
      </c>
      <c r="OC40" s="345">
        <v>0</v>
      </c>
      <c r="OD40" s="345">
        <v>0</v>
      </c>
      <c r="OE40" s="345">
        <v>0</v>
      </c>
      <c r="OF40" s="345">
        <v>0</v>
      </c>
      <c r="OG40" s="349">
        <v>0</v>
      </c>
      <c r="OH40" s="350">
        <v>0</v>
      </c>
      <c r="OI40" s="348">
        <v>103232</v>
      </c>
      <c r="OJ40" s="345">
        <v>21888</v>
      </c>
      <c r="OK40" s="346">
        <v>125120</v>
      </c>
      <c r="OL40" s="351">
        <v>0</v>
      </c>
      <c r="OM40" s="345">
        <v>1557225</v>
      </c>
      <c r="ON40" s="345">
        <v>1185232</v>
      </c>
      <c r="OO40" s="345">
        <v>2683599</v>
      </c>
      <c r="OP40" s="345">
        <v>1506936</v>
      </c>
      <c r="OQ40" s="345">
        <v>695388</v>
      </c>
      <c r="OR40" s="349">
        <v>7628380</v>
      </c>
      <c r="OS40" s="354">
        <v>7753500</v>
      </c>
    </row>
    <row r="41" spans="2:409" s="70" customFormat="1" ht="21" customHeight="1" x14ac:dyDescent="0.2">
      <c r="B41" s="410" t="s">
        <v>36</v>
      </c>
      <c r="C41" s="326">
        <v>4000</v>
      </c>
      <c r="D41" s="327">
        <v>91416</v>
      </c>
      <c r="E41" s="328">
        <v>95416</v>
      </c>
      <c r="F41" s="329">
        <v>0</v>
      </c>
      <c r="G41" s="327">
        <v>734102</v>
      </c>
      <c r="H41" s="327">
        <v>642995</v>
      </c>
      <c r="I41" s="327">
        <v>419534</v>
      </c>
      <c r="J41" s="327">
        <v>410475</v>
      </c>
      <c r="K41" s="327">
        <v>459470</v>
      </c>
      <c r="L41" s="367">
        <v>2666576</v>
      </c>
      <c r="M41" s="330">
        <v>2761992</v>
      </c>
      <c r="N41" s="326">
        <v>0</v>
      </c>
      <c r="O41" s="327">
        <v>32375</v>
      </c>
      <c r="P41" s="328">
        <v>32375</v>
      </c>
      <c r="Q41" s="326">
        <v>0</v>
      </c>
      <c r="R41" s="327">
        <v>97093</v>
      </c>
      <c r="S41" s="327">
        <v>165320</v>
      </c>
      <c r="T41" s="327">
        <v>162199</v>
      </c>
      <c r="U41" s="327">
        <v>107824</v>
      </c>
      <c r="V41" s="327">
        <v>431870</v>
      </c>
      <c r="W41" s="328">
        <v>964306</v>
      </c>
      <c r="X41" s="330">
        <v>996681</v>
      </c>
      <c r="Y41" s="326">
        <v>0</v>
      </c>
      <c r="Z41" s="327">
        <v>0</v>
      </c>
      <c r="AA41" s="328">
        <v>0</v>
      </c>
      <c r="AB41" s="326">
        <v>0</v>
      </c>
      <c r="AC41" s="327">
        <v>0</v>
      </c>
      <c r="AD41" s="327">
        <v>41391</v>
      </c>
      <c r="AE41" s="327">
        <v>0</v>
      </c>
      <c r="AF41" s="327">
        <v>0</v>
      </c>
      <c r="AG41" s="327">
        <v>313372</v>
      </c>
      <c r="AH41" s="328">
        <v>354763</v>
      </c>
      <c r="AI41" s="330">
        <v>354763</v>
      </c>
      <c r="AJ41" s="326">
        <v>0</v>
      </c>
      <c r="AK41" s="327">
        <v>0</v>
      </c>
      <c r="AL41" s="328">
        <v>0</v>
      </c>
      <c r="AM41" s="326">
        <v>0</v>
      </c>
      <c r="AN41" s="327">
        <v>0</v>
      </c>
      <c r="AO41" s="327">
        <v>0</v>
      </c>
      <c r="AP41" s="327">
        <v>48301</v>
      </c>
      <c r="AQ41" s="327">
        <v>84528</v>
      </c>
      <c r="AR41" s="327">
        <v>96530</v>
      </c>
      <c r="AS41" s="328">
        <v>229359</v>
      </c>
      <c r="AT41" s="330">
        <v>229359</v>
      </c>
      <c r="AU41" s="326">
        <v>0</v>
      </c>
      <c r="AV41" s="327">
        <v>0</v>
      </c>
      <c r="AW41" s="328">
        <v>0</v>
      </c>
      <c r="AX41" s="326">
        <v>0</v>
      </c>
      <c r="AY41" s="327">
        <v>0</v>
      </c>
      <c r="AZ41" s="327">
        <v>70781</v>
      </c>
      <c r="BA41" s="327">
        <v>88130</v>
      </c>
      <c r="BB41" s="327">
        <v>0</v>
      </c>
      <c r="BC41" s="327">
        <v>0</v>
      </c>
      <c r="BD41" s="328">
        <v>158911</v>
      </c>
      <c r="BE41" s="330">
        <v>158911</v>
      </c>
      <c r="BF41" s="326">
        <v>0</v>
      </c>
      <c r="BG41" s="327">
        <v>32375</v>
      </c>
      <c r="BH41" s="331">
        <v>32375</v>
      </c>
      <c r="BI41" s="332">
        <v>0</v>
      </c>
      <c r="BJ41" s="327">
        <v>47229</v>
      </c>
      <c r="BK41" s="327">
        <v>0</v>
      </c>
      <c r="BL41" s="327">
        <v>0</v>
      </c>
      <c r="BM41" s="327">
        <v>0</v>
      </c>
      <c r="BN41" s="327">
        <v>0</v>
      </c>
      <c r="BO41" s="328">
        <v>47229</v>
      </c>
      <c r="BP41" s="330">
        <v>79604</v>
      </c>
      <c r="BQ41" s="326">
        <v>0</v>
      </c>
      <c r="BR41" s="327">
        <v>0</v>
      </c>
      <c r="BS41" s="328">
        <v>0</v>
      </c>
      <c r="BT41" s="326">
        <v>0</v>
      </c>
      <c r="BU41" s="327">
        <v>49864</v>
      </c>
      <c r="BV41" s="327">
        <v>53148</v>
      </c>
      <c r="BW41" s="327">
        <v>25768</v>
      </c>
      <c r="BX41" s="327">
        <v>23296</v>
      </c>
      <c r="BY41" s="327">
        <v>21968</v>
      </c>
      <c r="BZ41" s="328">
        <v>174044</v>
      </c>
      <c r="CA41" s="330">
        <v>174044</v>
      </c>
      <c r="CB41" s="326">
        <v>0</v>
      </c>
      <c r="CC41" s="327">
        <v>38241</v>
      </c>
      <c r="CD41" s="328">
        <v>38241</v>
      </c>
      <c r="CE41" s="326">
        <v>0</v>
      </c>
      <c r="CF41" s="327">
        <v>149430</v>
      </c>
      <c r="CG41" s="327">
        <v>197018</v>
      </c>
      <c r="CH41" s="327">
        <v>24644</v>
      </c>
      <c r="CI41" s="327">
        <v>0</v>
      </c>
      <c r="CJ41" s="327">
        <v>0</v>
      </c>
      <c r="CK41" s="328">
        <v>371092</v>
      </c>
      <c r="CL41" s="330">
        <v>409333</v>
      </c>
      <c r="CM41" s="326">
        <v>0</v>
      </c>
      <c r="CN41" s="327">
        <v>0</v>
      </c>
      <c r="CO41" s="328">
        <v>0</v>
      </c>
      <c r="CP41" s="332">
        <v>0</v>
      </c>
      <c r="CQ41" s="327">
        <v>92385</v>
      </c>
      <c r="CR41" s="327">
        <v>197018</v>
      </c>
      <c r="CS41" s="327">
        <v>0</v>
      </c>
      <c r="CT41" s="327">
        <v>0</v>
      </c>
      <c r="CU41" s="327">
        <v>0</v>
      </c>
      <c r="CV41" s="328">
        <v>289403</v>
      </c>
      <c r="CW41" s="330">
        <v>289403</v>
      </c>
      <c r="CX41" s="326">
        <v>0</v>
      </c>
      <c r="CY41" s="327">
        <v>38241</v>
      </c>
      <c r="CZ41" s="328">
        <v>38241</v>
      </c>
      <c r="DA41" s="326">
        <v>0</v>
      </c>
      <c r="DB41" s="327">
        <v>57045</v>
      </c>
      <c r="DC41" s="327">
        <v>0</v>
      </c>
      <c r="DD41" s="327">
        <v>24644</v>
      </c>
      <c r="DE41" s="327">
        <v>0</v>
      </c>
      <c r="DF41" s="327">
        <v>0</v>
      </c>
      <c r="DG41" s="328">
        <v>81689</v>
      </c>
      <c r="DH41" s="330">
        <v>119930</v>
      </c>
      <c r="DI41" s="326">
        <v>0</v>
      </c>
      <c r="DJ41" s="327">
        <v>0</v>
      </c>
      <c r="DK41" s="331">
        <v>0</v>
      </c>
      <c r="DL41" s="332">
        <v>0</v>
      </c>
      <c r="DM41" s="327">
        <v>0</v>
      </c>
      <c r="DN41" s="327">
        <v>23572</v>
      </c>
      <c r="DO41" s="327">
        <v>0</v>
      </c>
      <c r="DP41" s="327">
        <v>269051</v>
      </c>
      <c r="DQ41" s="327">
        <v>0</v>
      </c>
      <c r="DR41" s="328">
        <v>292623</v>
      </c>
      <c r="DS41" s="330">
        <v>292623</v>
      </c>
      <c r="DT41" s="326">
        <v>0</v>
      </c>
      <c r="DU41" s="327">
        <v>0</v>
      </c>
      <c r="DV41" s="328">
        <v>0</v>
      </c>
      <c r="DW41" s="326">
        <v>0</v>
      </c>
      <c r="DX41" s="327">
        <v>0</v>
      </c>
      <c r="DY41" s="327">
        <v>23572</v>
      </c>
      <c r="DZ41" s="327">
        <v>0</v>
      </c>
      <c r="EA41" s="327">
        <v>269051</v>
      </c>
      <c r="EB41" s="327">
        <v>0</v>
      </c>
      <c r="EC41" s="328">
        <v>292623</v>
      </c>
      <c r="ED41" s="330">
        <v>292623</v>
      </c>
      <c r="EE41" s="326">
        <v>0</v>
      </c>
      <c r="EF41" s="331">
        <v>0</v>
      </c>
      <c r="EG41" s="328">
        <v>0</v>
      </c>
      <c r="EH41" s="326">
        <v>0</v>
      </c>
      <c r="EI41" s="327">
        <v>0</v>
      </c>
      <c r="EJ41" s="327">
        <v>0</v>
      </c>
      <c r="EK41" s="327">
        <v>0</v>
      </c>
      <c r="EL41" s="327">
        <v>0</v>
      </c>
      <c r="EM41" s="327">
        <v>0</v>
      </c>
      <c r="EN41" s="331">
        <v>0</v>
      </c>
      <c r="EO41" s="330">
        <v>0</v>
      </c>
      <c r="EP41" s="326">
        <v>0</v>
      </c>
      <c r="EQ41" s="327">
        <v>0</v>
      </c>
      <c r="ER41" s="331">
        <v>0</v>
      </c>
      <c r="ES41" s="332">
        <v>0</v>
      </c>
      <c r="ET41" s="327">
        <v>0</v>
      </c>
      <c r="EU41" s="327">
        <v>0</v>
      </c>
      <c r="EV41" s="327">
        <v>0</v>
      </c>
      <c r="EW41" s="327">
        <v>0</v>
      </c>
      <c r="EX41" s="327">
        <v>0</v>
      </c>
      <c r="EY41" s="328">
        <v>0</v>
      </c>
      <c r="EZ41" s="330">
        <v>0</v>
      </c>
      <c r="FA41" s="326">
        <v>0</v>
      </c>
      <c r="FB41" s="327">
        <v>0</v>
      </c>
      <c r="FC41" s="331">
        <v>0</v>
      </c>
      <c r="FD41" s="332">
        <v>0</v>
      </c>
      <c r="FE41" s="327">
        <v>0</v>
      </c>
      <c r="FF41" s="327">
        <v>0</v>
      </c>
      <c r="FG41" s="327">
        <v>0</v>
      </c>
      <c r="FH41" s="327">
        <v>0</v>
      </c>
      <c r="FI41" s="327">
        <v>0</v>
      </c>
      <c r="FJ41" s="328">
        <v>0</v>
      </c>
      <c r="FK41" s="330">
        <v>0</v>
      </c>
      <c r="FL41" s="326">
        <v>4000</v>
      </c>
      <c r="FM41" s="327">
        <v>20800</v>
      </c>
      <c r="FN41" s="328">
        <v>24800</v>
      </c>
      <c r="FO41" s="326">
        <v>0</v>
      </c>
      <c r="FP41" s="327">
        <v>7360</v>
      </c>
      <c r="FQ41" s="327">
        <v>78240</v>
      </c>
      <c r="FR41" s="327">
        <v>33840</v>
      </c>
      <c r="FS41" s="327">
        <v>33600</v>
      </c>
      <c r="FT41" s="327">
        <v>27600</v>
      </c>
      <c r="FU41" s="328">
        <v>180640</v>
      </c>
      <c r="FV41" s="330">
        <v>205440</v>
      </c>
      <c r="FW41" s="333">
        <v>4000</v>
      </c>
      <c r="FX41" s="327">
        <v>20800</v>
      </c>
      <c r="FY41" s="331">
        <v>24800</v>
      </c>
      <c r="FZ41" s="332">
        <v>0</v>
      </c>
      <c r="GA41" s="327">
        <v>7360</v>
      </c>
      <c r="GB41" s="327">
        <v>78240</v>
      </c>
      <c r="GC41" s="327">
        <v>33840</v>
      </c>
      <c r="GD41" s="327">
        <v>33600</v>
      </c>
      <c r="GE41" s="327">
        <v>27600</v>
      </c>
      <c r="GF41" s="328">
        <v>180640</v>
      </c>
      <c r="GG41" s="334">
        <v>205440</v>
      </c>
      <c r="GH41" s="333">
        <v>0</v>
      </c>
      <c r="GI41" s="327">
        <v>0</v>
      </c>
      <c r="GJ41" s="331">
        <v>0</v>
      </c>
      <c r="GK41" s="332">
        <v>0</v>
      </c>
      <c r="GL41" s="327">
        <v>0</v>
      </c>
      <c r="GM41" s="327">
        <v>0</v>
      </c>
      <c r="GN41" s="327">
        <v>0</v>
      </c>
      <c r="GO41" s="327">
        <v>0</v>
      </c>
      <c r="GP41" s="327">
        <v>0</v>
      </c>
      <c r="GQ41" s="328">
        <v>0</v>
      </c>
      <c r="GR41" s="330">
        <v>0</v>
      </c>
      <c r="GS41" s="326">
        <v>0</v>
      </c>
      <c r="GT41" s="327">
        <v>0</v>
      </c>
      <c r="GU41" s="328">
        <v>0</v>
      </c>
      <c r="GV41" s="326">
        <v>0</v>
      </c>
      <c r="GW41" s="327">
        <v>0</v>
      </c>
      <c r="GX41" s="327">
        <v>0</v>
      </c>
      <c r="GY41" s="327">
        <v>0</v>
      </c>
      <c r="GZ41" s="327">
        <v>0</v>
      </c>
      <c r="HA41" s="327">
        <v>0</v>
      </c>
      <c r="HB41" s="331">
        <v>0</v>
      </c>
      <c r="HC41" s="330">
        <v>0</v>
      </c>
      <c r="HD41" s="326">
        <v>0</v>
      </c>
      <c r="HE41" s="327">
        <v>0</v>
      </c>
      <c r="HF41" s="331">
        <v>0</v>
      </c>
      <c r="HG41" s="332">
        <v>0</v>
      </c>
      <c r="HH41" s="327">
        <v>480219</v>
      </c>
      <c r="HI41" s="327">
        <v>178845</v>
      </c>
      <c r="HJ41" s="327">
        <v>198851</v>
      </c>
      <c r="HK41" s="327">
        <v>0</v>
      </c>
      <c r="HL41" s="327">
        <v>0</v>
      </c>
      <c r="HM41" s="328">
        <v>857915</v>
      </c>
      <c r="HN41" s="329">
        <v>857915</v>
      </c>
      <c r="HO41" s="333">
        <v>0</v>
      </c>
      <c r="HP41" s="327">
        <v>0</v>
      </c>
      <c r="HQ41" s="328">
        <v>0</v>
      </c>
      <c r="HR41" s="326">
        <v>0</v>
      </c>
      <c r="HS41" s="327">
        <v>0</v>
      </c>
      <c r="HT41" s="327">
        <v>0</v>
      </c>
      <c r="HU41" s="327">
        <v>0</v>
      </c>
      <c r="HV41" s="327">
        <v>0</v>
      </c>
      <c r="HW41" s="327">
        <v>0</v>
      </c>
      <c r="HX41" s="331">
        <v>0</v>
      </c>
      <c r="HY41" s="330">
        <v>0</v>
      </c>
      <c r="HZ41" s="335">
        <v>0</v>
      </c>
      <c r="IA41" s="336">
        <v>0</v>
      </c>
      <c r="IB41" s="337">
        <v>0</v>
      </c>
      <c r="IC41" s="338">
        <v>0</v>
      </c>
      <c r="ID41" s="336">
        <v>82264</v>
      </c>
      <c r="IE41" s="339">
        <v>191826</v>
      </c>
      <c r="IF41" s="337">
        <v>0</v>
      </c>
      <c r="IG41" s="336">
        <v>272627</v>
      </c>
      <c r="IH41" s="337">
        <v>0</v>
      </c>
      <c r="II41" s="340">
        <v>546717</v>
      </c>
      <c r="IJ41" s="341">
        <v>546717</v>
      </c>
      <c r="IK41" s="342">
        <v>0</v>
      </c>
      <c r="IL41" s="343">
        <v>0</v>
      </c>
      <c r="IM41" s="344">
        <v>0</v>
      </c>
      <c r="IN41" s="404">
        <v>0</v>
      </c>
      <c r="IO41" s="345">
        <v>0</v>
      </c>
      <c r="IP41" s="345">
        <v>0</v>
      </c>
      <c r="IQ41" s="345">
        <v>0</v>
      </c>
      <c r="IR41" s="345">
        <v>0</v>
      </c>
      <c r="IS41" s="345">
        <v>0</v>
      </c>
      <c r="IT41" s="346">
        <v>0</v>
      </c>
      <c r="IU41" s="347">
        <v>0</v>
      </c>
      <c r="IV41" s="348">
        <v>0</v>
      </c>
      <c r="IW41" s="345">
        <v>0</v>
      </c>
      <c r="IX41" s="349">
        <v>0</v>
      </c>
      <c r="IY41" s="404">
        <v>0</v>
      </c>
      <c r="IZ41" s="345">
        <v>0</v>
      </c>
      <c r="JA41" s="345">
        <v>0</v>
      </c>
      <c r="JB41" s="345">
        <v>0</v>
      </c>
      <c r="JC41" s="345">
        <v>0</v>
      </c>
      <c r="JD41" s="345">
        <v>0</v>
      </c>
      <c r="JE41" s="349">
        <v>0</v>
      </c>
      <c r="JF41" s="350">
        <v>0</v>
      </c>
      <c r="JG41" s="348">
        <v>0</v>
      </c>
      <c r="JH41" s="345">
        <v>0</v>
      </c>
      <c r="JI41" s="346">
        <v>0</v>
      </c>
      <c r="JJ41" s="351">
        <v>0</v>
      </c>
      <c r="JK41" s="345">
        <v>82264</v>
      </c>
      <c r="JL41" s="345">
        <v>56838</v>
      </c>
      <c r="JM41" s="345">
        <v>0</v>
      </c>
      <c r="JN41" s="345">
        <v>0</v>
      </c>
      <c r="JO41" s="345">
        <v>0</v>
      </c>
      <c r="JP41" s="349">
        <v>139102</v>
      </c>
      <c r="JQ41" s="347">
        <v>139102</v>
      </c>
      <c r="JR41" s="348">
        <v>0</v>
      </c>
      <c r="JS41" s="345">
        <v>0</v>
      </c>
      <c r="JT41" s="346">
        <v>0</v>
      </c>
      <c r="JU41" s="351">
        <v>0</v>
      </c>
      <c r="JV41" s="345">
        <v>0</v>
      </c>
      <c r="JW41" s="345">
        <v>0</v>
      </c>
      <c r="JX41" s="345">
        <v>0</v>
      </c>
      <c r="JY41" s="345">
        <v>0</v>
      </c>
      <c r="JZ41" s="345">
        <v>0</v>
      </c>
      <c r="KA41" s="349">
        <v>0</v>
      </c>
      <c r="KB41" s="347">
        <v>0</v>
      </c>
      <c r="KC41" s="352">
        <v>0</v>
      </c>
      <c r="KD41" s="353">
        <v>0</v>
      </c>
      <c r="KE41" s="349">
        <v>0</v>
      </c>
      <c r="KF41" s="351">
        <v>0</v>
      </c>
      <c r="KG41" s="345">
        <v>0</v>
      </c>
      <c r="KH41" s="345">
        <v>134988</v>
      </c>
      <c r="KI41" s="345">
        <v>0</v>
      </c>
      <c r="KJ41" s="345">
        <v>0</v>
      </c>
      <c r="KK41" s="345">
        <v>0</v>
      </c>
      <c r="KL41" s="349">
        <v>134988</v>
      </c>
      <c r="KM41" s="354">
        <v>134988</v>
      </c>
      <c r="KN41" s="342">
        <v>0</v>
      </c>
      <c r="KO41" s="343">
        <v>0</v>
      </c>
      <c r="KP41" s="344">
        <v>0</v>
      </c>
      <c r="KQ41" s="404">
        <v>0</v>
      </c>
      <c r="KR41" s="345">
        <v>0</v>
      </c>
      <c r="KS41" s="345">
        <v>0</v>
      </c>
      <c r="KT41" s="345">
        <v>0</v>
      </c>
      <c r="KU41" s="345">
        <v>272627</v>
      </c>
      <c r="KV41" s="345">
        <v>0</v>
      </c>
      <c r="KW41" s="349">
        <v>272627</v>
      </c>
      <c r="KX41" s="347">
        <v>272627</v>
      </c>
      <c r="KY41" s="348">
        <v>0</v>
      </c>
      <c r="KZ41" s="345">
        <v>0</v>
      </c>
      <c r="LA41" s="349">
        <v>0</v>
      </c>
      <c r="LB41" s="404">
        <v>0</v>
      </c>
      <c r="LC41" s="345">
        <v>0</v>
      </c>
      <c r="LD41" s="345">
        <v>0</v>
      </c>
      <c r="LE41" s="345">
        <v>0</v>
      </c>
      <c r="LF41" s="345">
        <v>0</v>
      </c>
      <c r="LG41" s="345">
        <v>0</v>
      </c>
      <c r="LH41" s="349">
        <v>0</v>
      </c>
      <c r="LI41" s="350">
        <v>0</v>
      </c>
      <c r="LJ41" s="348">
        <v>0</v>
      </c>
      <c r="LK41" s="345">
        <v>0</v>
      </c>
      <c r="LL41" s="349">
        <v>0</v>
      </c>
      <c r="LM41" s="404">
        <v>0</v>
      </c>
      <c r="LN41" s="345">
        <v>0</v>
      </c>
      <c r="LO41" s="345">
        <v>0</v>
      </c>
      <c r="LP41" s="345">
        <v>0</v>
      </c>
      <c r="LQ41" s="345">
        <v>0</v>
      </c>
      <c r="LR41" s="345">
        <v>0</v>
      </c>
      <c r="LS41" s="349">
        <v>0</v>
      </c>
      <c r="LT41" s="347">
        <v>0</v>
      </c>
      <c r="LU41" s="348">
        <v>0</v>
      </c>
      <c r="LV41" s="345">
        <v>0</v>
      </c>
      <c r="LW41" s="349">
        <v>0</v>
      </c>
      <c r="LX41" s="404">
        <v>0</v>
      </c>
      <c r="LY41" s="345">
        <v>0</v>
      </c>
      <c r="LZ41" s="345">
        <v>0</v>
      </c>
      <c r="MA41" s="345">
        <v>0</v>
      </c>
      <c r="MB41" s="345">
        <v>0</v>
      </c>
      <c r="MC41" s="345">
        <v>0</v>
      </c>
      <c r="MD41" s="349">
        <v>0</v>
      </c>
      <c r="ME41" s="350">
        <v>0</v>
      </c>
      <c r="MF41" s="348">
        <v>0</v>
      </c>
      <c r="MG41" s="345">
        <v>0</v>
      </c>
      <c r="MH41" s="349">
        <v>0</v>
      </c>
      <c r="MI41" s="404">
        <v>0</v>
      </c>
      <c r="MJ41" s="345">
        <v>0</v>
      </c>
      <c r="MK41" s="345">
        <v>0</v>
      </c>
      <c r="ML41" s="345">
        <v>0</v>
      </c>
      <c r="MM41" s="345">
        <v>673133</v>
      </c>
      <c r="MN41" s="345">
        <v>653174</v>
      </c>
      <c r="MO41" s="349">
        <v>1326307</v>
      </c>
      <c r="MP41" s="354">
        <v>1326307</v>
      </c>
      <c r="MQ41" s="348">
        <v>0</v>
      </c>
      <c r="MR41" s="345">
        <v>0</v>
      </c>
      <c r="MS41" s="349">
        <v>0</v>
      </c>
      <c r="MT41" s="404">
        <v>0</v>
      </c>
      <c r="MU41" s="345">
        <v>0</v>
      </c>
      <c r="MV41" s="345">
        <v>0</v>
      </c>
      <c r="MW41" s="345">
        <v>0</v>
      </c>
      <c r="MX41" s="345">
        <v>267024</v>
      </c>
      <c r="MY41" s="345">
        <v>0</v>
      </c>
      <c r="MZ41" s="349">
        <v>267024</v>
      </c>
      <c r="NA41" s="354">
        <v>267024</v>
      </c>
      <c r="NB41" s="348">
        <v>0</v>
      </c>
      <c r="NC41" s="345">
        <v>0</v>
      </c>
      <c r="ND41" s="349">
        <v>0</v>
      </c>
      <c r="NE41" s="404">
        <v>0</v>
      </c>
      <c r="NF41" s="345">
        <v>0</v>
      </c>
      <c r="NG41" s="345">
        <v>0</v>
      </c>
      <c r="NH41" s="345">
        <v>0</v>
      </c>
      <c r="NI41" s="345">
        <v>259435</v>
      </c>
      <c r="NJ41" s="345">
        <v>653174</v>
      </c>
      <c r="NK41" s="349">
        <v>912609</v>
      </c>
      <c r="NL41" s="347">
        <v>912609</v>
      </c>
      <c r="NM41" s="348">
        <v>0</v>
      </c>
      <c r="NN41" s="345">
        <v>0</v>
      </c>
      <c r="NO41" s="349">
        <v>0</v>
      </c>
      <c r="NP41" s="404">
        <v>0</v>
      </c>
      <c r="NQ41" s="345">
        <v>0</v>
      </c>
      <c r="NR41" s="345">
        <v>0</v>
      </c>
      <c r="NS41" s="345">
        <v>0</v>
      </c>
      <c r="NT41" s="345">
        <v>0</v>
      </c>
      <c r="NU41" s="345">
        <v>0</v>
      </c>
      <c r="NV41" s="349">
        <v>0</v>
      </c>
      <c r="NW41" s="350">
        <v>0</v>
      </c>
      <c r="NX41" s="348">
        <v>0</v>
      </c>
      <c r="NY41" s="345">
        <v>0</v>
      </c>
      <c r="NZ41" s="349">
        <v>0</v>
      </c>
      <c r="OA41" s="404">
        <v>0</v>
      </c>
      <c r="OB41" s="345">
        <v>0</v>
      </c>
      <c r="OC41" s="345">
        <v>0</v>
      </c>
      <c r="OD41" s="345">
        <v>0</v>
      </c>
      <c r="OE41" s="345">
        <v>146674</v>
      </c>
      <c r="OF41" s="345">
        <v>0</v>
      </c>
      <c r="OG41" s="349">
        <v>146674</v>
      </c>
      <c r="OH41" s="350">
        <v>146674</v>
      </c>
      <c r="OI41" s="348">
        <v>4000</v>
      </c>
      <c r="OJ41" s="345">
        <v>91416</v>
      </c>
      <c r="OK41" s="346">
        <v>95416</v>
      </c>
      <c r="OL41" s="351">
        <v>0</v>
      </c>
      <c r="OM41" s="345">
        <v>816366</v>
      </c>
      <c r="ON41" s="345">
        <v>834821</v>
      </c>
      <c r="OO41" s="345">
        <v>419534</v>
      </c>
      <c r="OP41" s="345">
        <v>1356235</v>
      </c>
      <c r="OQ41" s="345">
        <v>1112644</v>
      </c>
      <c r="OR41" s="349">
        <v>4539600</v>
      </c>
      <c r="OS41" s="354">
        <v>4635016</v>
      </c>
    </row>
    <row r="42" spans="2:409" s="70" customFormat="1" ht="21" customHeight="1" thickBot="1" x14ac:dyDescent="0.25">
      <c r="B42" s="411" t="s">
        <v>37</v>
      </c>
      <c r="C42" s="371">
        <v>0</v>
      </c>
      <c r="D42" s="372">
        <v>0</v>
      </c>
      <c r="E42" s="373">
        <v>0</v>
      </c>
      <c r="F42" s="374">
        <v>0</v>
      </c>
      <c r="G42" s="372">
        <v>19333</v>
      </c>
      <c r="H42" s="372">
        <v>251606</v>
      </c>
      <c r="I42" s="372">
        <v>0</v>
      </c>
      <c r="J42" s="372">
        <v>0</v>
      </c>
      <c r="K42" s="372">
        <v>0</v>
      </c>
      <c r="L42" s="374">
        <v>270939</v>
      </c>
      <c r="M42" s="375">
        <v>270939</v>
      </c>
      <c r="N42" s="371">
        <v>0</v>
      </c>
      <c r="O42" s="372">
        <v>0</v>
      </c>
      <c r="P42" s="373">
        <v>0</v>
      </c>
      <c r="Q42" s="371">
        <v>0</v>
      </c>
      <c r="R42" s="372">
        <v>0</v>
      </c>
      <c r="S42" s="372">
        <v>0</v>
      </c>
      <c r="T42" s="372">
        <v>0</v>
      </c>
      <c r="U42" s="372">
        <v>0</v>
      </c>
      <c r="V42" s="372">
        <v>0</v>
      </c>
      <c r="W42" s="373">
        <v>0</v>
      </c>
      <c r="X42" s="375">
        <v>0</v>
      </c>
      <c r="Y42" s="371">
        <v>0</v>
      </c>
      <c r="Z42" s="372">
        <v>0</v>
      </c>
      <c r="AA42" s="373">
        <v>0</v>
      </c>
      <c r="AB42" s="371">
        <v>0</v>
      </c>
      <c r="AC42" s="372">
        <v>0</v>
      </c>
      <c r="AD42" s="372">
        <v>0</v>
      </c>
      <c r="AE42" s="372">
        <v>0</v>
      </c>
      <c r="AF42" s="372">
        <v>0</v>
      </c>
      <c r="AG42" s="372">
        <v>0</v>
      </c>
      <c r="AH42" s="373">
        <v>0</v>
      </c>
      <c r="AI42" s="375">
        <v>0</v>
      </c>
      <c r="AJ42" s="371">
        <v>0</v>
      </c>
      <c r="AK42" s="372">
        <v>0</v>
      </c>
      <c r="AL42" s="373">
        <v>0</v>
      </c>
      <c r="AM42" s="371">
        <v>0</v>
      </c>
      <c r="AN42" s="372">
        <v>0</v>
      </c>
      <c r="AO42" s="372">
        <v>0</v>
      </c>
      <c r="AP42" s="372">
        <v>0</v>
      </c>
      <c r="AQ42" s="372">
        <v>0</v>
      </c>
      <c r="AR42" s="372">
        <v>0</v>
      </c>
      <c r="AS42" s="373">
        <v>0</v>
      </c>
      <c r="AT42" s="375">
        <v>0</v>
      </c>
      <c r="AU42" s="371">
        <v>0</v>
      </c>
      <c r="AV42" s="372">
        <v>0</v>
      </c>
      <c r="AW42" s="373">
        <v>0</v>
      </c>
      <c r="AX42" s="371">
        <v>0</v>
      </c>
      <c r="AY42" s="372">
        <v>0</v>
      </c>
      <c r="AZ42" s="372">
        <v>0</v>
      </c>
      <c r="BA42" s="372">
        <v>0</v>
      </c>
      <c r="BB42" s="372">
        <v>0</v>
      </c>
      <c r="BC42" s="372">
        <v>0</v>
      </c>
      <c r="BD42" s="373">
        <v>0</v>
      </c>
      <c r="BE42" s="375">
        <v>0</v>
      </c>
      <c r="BF42" s="371">
        <v>0</v>
      </c>
      <c r="BG42" s="372">
        <v>0</v>
      </c>
      <c r="BH42" s="376">
        <v>0</v>
      </c>
      <c r="BI42" s="377">
        <v>0</v>
      </c>
      <c r="BJ42" s="372">
        <v>0</v>
      </c>
      <c r="BK42" s="372">
        <v>0</v>
      </c>
      <c r="BL42" s="372">
        <v>0</v>
      </c>
      <c r="BM42" s="372">
        <v>0</v>
      </c>
      <c r="BN42" s="372">
        <v>0</v>
      </c>
      <c r="BO42" s="373">
        <v>0</v>
      </c>
      <c r="BP42" s="375">
        <v>0</v>
      </c>
      <c r="BQ42" s="371">
        <v>0</v>
      </c>
      <c r="BR42" s="372">
        <v>0</v>
      </c>
      <c r="BS42" s="373">
        <v>0</v>
      </c>
      <c r="BT42" s="371">
        <v>0</v>
      </c>
      <c r="BU42" s="372">
        <v>0</v>
      </c>
      <c r="BV42" s="372">
        <v>0</v>
      </c>
      <c r="BW42" s="372">
        <v>0</v>
      </c>
      <c r="BX42" s="372">
        <v>0</v>
      </c>
      <c r="BY42" s="372">
        <v>0</v>
      </c>
      <c r="BZ42" s="373">
        <v>0</v>
      </c>
      <c r="CA42" s="375">
        <v>0</v>
      </c>
      <c r="CB42" s="371">
        <v>0</v>
      </c>
      <c r="CC42" s="372">
        <v>0</v>
      </c>
      <c r="CD42" s="373">
        <v>0</v>
      </c>
      <c r="CE42" s="371">
        <v>0</v>
      </c>
      <c r="CF42" s="372">
        <v>18133</v>
      </c>
      <c r="CG42" s="372">
        <v>199038</v>
      </c>
      <c r="CH42" s="372">
        <v>0</v>
      </c>
      <c r="CI42" s="372">
        <v>0</v>
      </c>
      <c r="CJ42" s="372">
        <v>0</v>
      </c>
      <c r="CK42" s="373">
        <v>217171</v>
      </c>
      <c r="CL42" s="375">
        <v>217171</v>
      </c>
      <c r="CM42" s="371">
        <v>0</v>
      </c>
      <c r="CN42" s="372">
        <v>0</v>
      </c>
      <c r="CO42" s="373">
        <v>0</v>
      </c>
      <c r="CP42" s="377">
        <v>0</v>
      </c>
      <c r="CQ42" s="372">
        <v>0</v>
      </c>
      <c r="CR42" s="372">
        <v>109020</v>
      </c>
      <c r="CS42" s="372">
        <v>0</v>
      </c>
      <c r="CT42" s="372">
        <v>0</v>
      </c>
      <c r="CU42" s="372">
        <v>0</v>
      </c>
      <c r="CV42" s="373">
        <v>109020</v>
      </c>
      <c r="CW42" s="375">
        <v>109020</v>
      </c>
      <c r="CX42" s="371">
        <v>0</v>
      </c>
      <c r="CY42" s="372">
        <v>0</v>
      </c>
      <c r="CZ42" s="373">
        <v>0</v>
      </c>
      <c r="DA42" s="371">
        <v>0</v>
      </c>
      <c r="DB42" s="372">
        <v>18133</v>
      </c>
      <c r="DC42" s="372">
        <v>90018</v>
      </c>
      <c r="DD42" s="372">
        <v>0</v>
      </c>
      <c r="DE42" s="372">
        <v>0</v>
      </c>
      <c r="DF42" s="372">
        <v>0</v>
      </c>
      <c r="DG42" s="373">
        <v>108151</v>
      </c>
      <c r="DH42" s="375">
        <v>108151</v>
      </c>
      <c r="DI42" s="371">
        <v>0</v>
      </c>
      <c r="DJ42" s="372">
        <v>0</v>
      </c>
      <c r="DK42" s="376">
        <v>0</v>
      </c>
      <c r="DL42" s="377">
        <v>0</v>
      </c>
      <c r="DM42" s="372">
        <v>0</v>
      </c>
      <c r="DN42" s="372">
        <v>0</v>
      </c>
      <c r="DO42" s="372">
        <v>0</v>
      </c>
      <c r="DP42" s="372">
        <v>0</v>
      </c>
      <c r="DQ42" s="372">
        <v>0</v>
      </c>
      <c r="DR42" s="373">
        <v>0</v>
      </c>
      <c r="DS42" s="375">
        <v>0</v>
      </c>
      <c r="DT42" s="371">
        <v>0</v>
      </c>
      <c r="DU42" s="372">
        <v>0</v>
      </c>
      <c r="DV42" s="373">
        <v>0</v>
      </c>
      <c r="DW42" s="371">
        <v>0</v>
      </c>
      <c r="DX42" s="372">
        <v>0</v>
      </c>
      <c r="DY42" s="372">
        <v>0</v>
      </c>
      <c r="DZ42" s="372">
        <v>0</v>
      </c>
      <c r="EA42" s="372">
        <v>0</v>
      </c>
      <c r="EB42" s="372">
        <v>0</v>
      </c>
      <c r="EC42" s="373">
        <v>0</v>
      </c>
      <c r="ED42" s="375">
        <v>0</v>
      </c>
      <c r="EE42" s="371">
        <v>0</v>
      </c>
      <c r="EF42" s="376">
        <v>0</v>
      </c>
      <c r="EG42" s="373">
        <v>0</v>
      </c>
      <c r="EH42" s="371">
        <v>0</v>
      </c>
      <c r="EI42" s="372">
        <v>0</v>
      </c>
      <c r="EJ42" s="372">
        <v>0</v>
      </c>
      <c r="EK42" s="372">
        <v>0</v>
      </c>
      <c r="EL42" s="372">
        <v>0</v>
      </c>
      <c r="EM42" s="372">
        <v>0</v>
      </c>
      <c r="EN42" s="376">
        <v>0</v>
      </c>
      <c r="EO42" s="375">
        <v>0</v>
      </c>
      <c r="EP42" s="371">
        <v>0</v>
      </c>
      <c r="EQ42" s="372">
        <v>0</v>
      </c>
      <c r="ER42" s="376">
        <v>0</v>
      </c>
      <c r="ES42" s="377">
        <v>0</v>
      </c>
      <c r="ET42" s="372">
        <v>0</v>
      </c>
      <c r="EU42" s="372">
        <v>0</v>
      </c>
      <c r="EV42" s="372">
        <v>0</v>
      </c>
      <c r="EW42" s="372">
        <v>0</v>
      </c>
      <c r="EX42" s="372">
        <v>0</v>
      </c>
      <c r="EY42" s="373">
        <v>0</v>
      </c>
      <c r="EZ42" s="375">
        <v>0</v>
      </c>
      <c r="FA42" s="371">
        <v>0</v>
      </c>
      <c r="FB42" s="372">
        <v>0</v>
      </c>
      <c r="FC42" s="376">
        <v>0</v>
      </c>
      <c r="FD42" s="377">
        <v>0</v>
      </c>
      <c r="FE42" s="372">
        <v>0</v>
      </c>
      <c r="FF42" s="372">
        <v>0</v>
      </c>
      <c r="FG42" s="372">
        <v>0</v>
      </c>
      <c r="FH42" s="372">
        <v>0</v>
      </c>
      <c r="FI42" s="372">
        <v>0</v>
      </c>
      <c r="FJ42" s="373">
        <v>0</v>
      </c>
      <c r="FK42" s="375">
        <v>0</v>
      </c>
      <c r="FL42" s="371">
        <v>0</v>
      </c>
      <c r="FM42" s="372">
        <v>0</v>
      </c>
      <c r="FN42" s="373">
        <v>0</v>
      </c>
      <c r="FO42" s="371">
        <v>0</v>
      </c>
      <c r="FP42" s="372">
        <v>1200</v>
      </c>
      <c r="FQ42" s="372">
        <v>52568</v>
      </c>
      <c r="FR42" s="372">
        <v>0</v>
      </c>
      <c r="FS42" s="372">
        <v>0</v>
      </c>
      <c r="FT42" s="372">
        <v>0</v>
      </c>
      <c r="FU42" s="373">
        <v>53768</v>
      </c>
      <c r="FV42" s="375">
        <v>53768</v>
      </c>
      <c r="FW42" s="378">
        <v>0</v>
      </c>
      <c r="FX42" s="372">
        <v>0</v>
      </c>
      <c r="FY42" s="376">
        <v>0</v>
      </c>
      <c r="FZ42" s="377">
        <v>0</v>
      </c>
      <c r="GA42" s="372">
        <v>1200</v>
      </c>
      <c r="GB42" s="372">
        <v>52568</v>
      </c>
      <c r="GC42" s="372">
        <v>0</v>
      </c>
      <c r="GD42" s="372">
        <v>0</v>
      </c>
      <c r="GE42" s="372">
        <v>0</v>
      </c>
      <c r="GF42" s="373">
        <v>53768</v>
      </c>
      <c r="GG42" s="379">
        <v>53768</v>
      </c>
      <c r="GH42" s="378">
        <v>0</v>
      </c>
      <c r="GI42" s="372">
        <v>0</v>
      </c>
      <c r="GJ42" s="376">
        <v>0</v>
      </c>
      <c r="GK42" s="377">
        <v>0</v>
      </c>
      <c r="GL42" s="372">
        <v>0</v>
      </c>
      <c r="GM42" s="372">
        <v>0</v>
      </c>
      <c r="GN42" s="372">
        <v>0</v>
      </c>
      <c r="GO42" s="372">
        <v>0</v>
      </c>
      <c r="GP42" s="372">
        <v>0</v>
      </c>
      <c r="GQ42" s="373">
        <v>0</v>
      </c>
      <c r="GR42" s="375">
        <v>0</v>
      </c>
      <c r="GS42" s="371">
        <v>0</v>
      </c>
      <c r="GT42" s="372">
        <v>0</v>
      </c>
      <c r="GU42" s="373">
        <v>0</v>
      </c>
      <c r="GV42" s="371">
        <v>0</v>
      </c>
      <c r="GW42" s="372">
        <v>0</v>
      </c>
      <c r="GX42" s="372">
        <v>0</v>
      </c>
      <c r="GY42" s="372">
        <v>0</v>
      </c>
      <c r="GZ42" s="372">
        <v>0</v>
      </c>
      <c r="HA42" s="372">
        <v>0</v>
      </c>
      <c r="HB42" s="376">
        <v>0</v>
      </c>
      <c r="HC42" s="375">
        <v>0</v>
      </c>
      <c r="HD42" s="371">
        <v>0</v>
      </c>
      <c r="HE42" s="372">
        <v>0</v>
      </c>
      <c r="HF42" s="376">
        <v>0</v>
      </c>
      <c r="HG42" s="377">
        <v>0</v>
      </c>
      <c r="HH42" s="372">
        <v>0</v>
      </c>
      <c r="HI42" s="372">
        <v>0</v>
      </c>
      <c r="HJ42" s="372">
        <v>0</v>
      </c>
      <c r="HK42" s="372">
        <v>0</v>
      </c>
      <c r="HL42" s="372">
        <v>0</v>
      </c>
      <c r="HM42" s="373">
        <v>0</v>
      </c>
      <c r="HN42" s="374">
        <v>0</v>
      </c>
      <c r="HO42" s="378">
        <v>0</v>
      </c>
      <c r="HP42" s="372">
        <v>0</v>
      </c>
      <c r="HQ42" s="373">
        <v>0</v>
      </c>
      <c r="HR42" s="371">
        <v>0</v>
      </c>
      <c r="HS42" s="372">
        <v>0</v>
      </c>
      <c r="HT42" s="372">
        <v>0</v>
      </c>
      <c r="HU42" s="372">
        <v>0</v>
      </c>
      <c r="HV42" s="372">
        <v>0</v>
      </c>
      <c r="HW42" s="372">
        <v>0</v>
      </c>
      <c r="HX42" s="376">
        <v>0</v>
      </c>
      <c r="HY42" s="375">
        <v>0</v>
      </c>
      <c r="HZ42" s="380">
        <v>0</v>
      </c>
      <c r="IA42" s="381">
        <v>0</v>
      </c>
      <c r="IB42" s="382">
        <v>0</v>
      </c>
      <c r="IC42" s="383">
        <v>0</v>
      </c>
      <c r="ID42" s="384">
        <v>0</v>
      </c>
      <c r="IE42" s="385">
        <v>0</v>
      </c>
      <c r="IF42" s="386">
        <v>0</v>
      </c>
      <c r="IG42" s="384">
        <v>0</v>
      </c>
      <c r="IH42" s="386">
        <v>0</v>
      </c>
      <c r="II42" s="387">
        <v>0</v>
      </c>
      <c r="IJ42" s="388">
        <v>0</v>
      </c>
      <c r="IK42" s="389">
        <v>0</v>
      </c>
      <c r="IL42" s="390">
        <v>0</v>
      </c>
      <c r="IM42" s="391">
        <v>0</v>
      </c>
      <c r="IN42" s="405">
        <v>0</v>
      </c>
      <c r="IO42" s="392">
        <v>0</v>
      </c>
      <c r="IP42" s="392">
        <v>0</v>
      </c>
      <c r="IQ42" s="392">
        <v>0</v>
      </c>
      <c r="IR42" s="392">
        <v>0</v>
      </c>
      <c r="IS42" s="392">
        <v>0</v>
      </c>
      <c r="IT42" s="393">
        <v>0</v>
      </c>
      <c r="IU42" s="394">
        <v>0</v>
      </c>
      <c r="IV42" s="395">
        <v>0</v>
      </c>
      <c r="IW42" s="392">
        <v>0</v>
      </c>
      <c r="IX42" s="396">
        <v>0</v>
      </c>
      <c r="IY42" s="405">
        <v>0</v>
      </c>
      <c r="IZ42" s="392">
        <v>0</v>
      </c>
      <c r="JA42" s="392">
        <v>0</v>
      </c>
      <c r="JB42" s="392">
        <v>0</v>
      </c>
      <c r="JC42" s="392">
        <v>0</v>
      </c>
      <c r="JD42" s="392">
        <v>0</v>
      </c>
      <c r="JE42" s="396">
        <v>0</v>
      </c>
      <c r="JF42" s="397">
        <v>0</v>
      </c>
      <c r="JG42" s="395">
        <v>0</v>
      </c>
      <c r="JH42" s="392">
        <v>0</v>
      </c>
      <c r="JI42" s="393">
        <v>0</v>
      </c>
      <c r="JJ42" s="398">
        <v>0</v>
      </c>
      <c r="JK42" s="392">
        <v>0</v>
      </c>
      <c r="JL42" s="392">
        <v>0</v>
      </c>
      <c r="JM42" s="392">
        <v>0</v>
      </c>
      <c r="JN42" s="392">
        <v>0</v>
      </c>
      <c r="JO42" s="392">
        <v>0</v>
      </c>
      <c r="JP42" s="396">
        <v>0</v>
      </c>
      <c r="JQ42" s="394">
        <v>0</v>
      </c>
      <c r="JR42" s="395">
        <v>0</v>
      </c>
      <c r="JS42" s="392">
        <v>0</v>
      </c>
      <c r="JT42" s="393">
        <v>0</v>
      </c>
      <c r="JU42" s="398">
        <v>0</v>
      </c>
      <c r="JV42" s="392">
        <v>0</v>
      </c>
      <c r="JW42" s="392">
        <v>0</v>
      </c>
      <c r="JX42" s="392">
        <v>0</v>
      </c>
      <c r="JY42" s="392">
        <v>0</v>
      </c>
      <c r="JZ42" s="392">
        <v>0</v>
      </c>
      <c r="KA42" s="396">
        <v>0</v>
      </c>
      <c r="KB42" s="394">
        <v>0</v>
      </c>
      <c r="KC42" s="399">
        <v>0</v>
      </c>
      <c r="KD42" s="400">
        <v>0</v>
      </c>
      <c r="KE42" s="396">
        <v>0</v>
      </c>
      <c r="KF42" s="398">
        <v>0</v>
      </c>
      <c r="KG42" s="392">
        <v>0</v>
      </c>
      <c r="KH42" s="392">
        <v>0</v>
      </c>
      <c r="KI42" s="392">
        <v>0</v>
      </c>
      <c r="KJ42" s="392">
        <v>0</v>
      </c>
      <c r="KK42" s="392">
        <v>0</v>
      </c>
      <c r="KL42" s="396">
        <v>0</v>
      </c>
      <c r="KM42" s="401">
        <v>0</v>
      </c>
      <c r="KN42" s="389">
        <v>0</v>
      </c>
      <c r="KO42" s="390">
        <v>0</v>
      </c>
      <c r="KP42" s="391">
        <v>0</v>
      </c>
      <c r="KQ42" s="405">
        <v>0</v>
      </c>
      <c r="KR42" s="392">
        <v>0</v>
      </c>
      <c r="KS42" s="392">
        <v>0</v>
      </c>
      <c r="KT42" s="392">
        <v>0</v>
      </c>
      <c r="KU42" s="392">
        <v>0</v>
      </c>
      <c r="KV42" s="392">
        <v>0</v>
      </c>
      <c r="KW42" s="396">
        <v>0</v>
      </c>
      <c r="KX42" s="394">
        <v>0</v>
      </c>
      <c r="KY42" s="395">
        <v>0</v>
      </c>
      <c r="KZ42" s="392">
        <v>0</v>
      </c>
      <c r="LA42" s="396">
        <v>0</v>
      </c>
      <c r="LB42" s="405">
        <v>0</v>
      </c>
      <c r="LC42" s="392">
        <v>0</v>
      </c>
      <c r="LD42" s="392">
        <v>0</v>
      </c>
      <c r="LE42" s="392">
        <v>0</v>
      </c>
      <c r="LF42" s="392">
        <v>0</v>
      </c>
      <c r="LG42" s="392">
        <v>0</v>
      </c>
      <c r="LH42" s="396">
        <v>0</v>
      </c>
      <c r="LI42" s="397">
        <v>0</v>
      </c>
      <c r="LJ42" s="395">
        <v>0</v>
      </c>
      <c r="LK42" s="392">
        <v>0</v>
      </c>
      <c r="LL42" s="396">
        <v>0</v>
      </c>
      <c r="LM42" s="405">
        <v>0</v>
      </c>
      <c r="LN42" s="392">
        <v>0</v>
      </c>
      <c r="LO42" s="392">
        <v>0</v>
      </c>
      <c r="LP42" s="392">
        <v>0</v>
      </c>
      <c r="LQ42" s="392">
        <v>0</v>
      </c>
      <c r="LR42" s="392">
        <v>0</v>
      </c>
      <c r="LS42" s="396">
        <v>0</v>
      </c>
      <c r="LT42" s="394">
        <v>0</v>
      </c>
      <c r="LU42" s="395">
        <v>0</v>
      </c>
      <c r="LV42" s="392">
        <v>0</v>
      </c>
      <c r="LW42" s="396">
        <v>0</v>
      </c>
      <c r="LX42" s="405">
        <v>0</v>
      </c>
      <c r="LY42" s="392">
        <v>0</v>
      </c>
      <c r="LZ42" s="392">
        <v>0</v>
      </c>
      <c r="MA42" s="392">
        <v>0</v>
      </c>
      <c r="MB42" s="392">
        <v>0</v>
      </c>
      <c r="MC42" s="392">
        <v>0</v>
      </c>
      <c r="MD42" s="396">
        <v>0</v>
      </c>
      <c r="ME42" s="397">
        <v>0</v>
      </c>
      <c r="MF42" s="395">
        <v>0</v>
      </c>
      <c r="MG42" s="392">
        <v>0</v>
      </c>
      <c r="MH42" s="396">
        <v>0</v>
      </c>
      <c r="MI42" s="405">
        <v>0</v>
      </c>
      <c r="MJ42" s="392">
        <v>0</v>
      </c>
      <c r="MK42" s="392">
        <v>0</v>
      </c>
      <c r="ML42" s="392">
        <v>242487</v>
      </c>
      <c r="MM42" s="392">
        <v>0</v>
      </c>
      <c r="MN42" s="392">
        <v>0</v>
      </c>
      <c r="MO42" s="396">
        <v>242487</v>
      </c>
      <c r="MP42" s="401">
        <v>242487</v>
      </c>
      <c r="MQ42" s="395">
        <v>0</v>
      </c>
      <c r="MR42" s="392">
        <v>0</v>
      </c>
      <c r="MS42" s="396">
        <v>0</v>
      </c>
      <c r="MT42" s="405">
        <v>0</v>
      </c>
      <c r="MU42" s="392">
        <v>0</v>
      </c>
      <c r="MV42" s="392">
        <v>0</v>
      </c>
      <c r="MW42" s="392">
        <v>242487</v>
      </c>
      <c r="MX42" s="392">
        <v>0</v>
      </c>
      <c r="MY42" s="392">
        <v>0</v>
      </c>
      <c r="MZ42" s="396">
        <v>242487</v>
      </c>
      <c r="NA42" s="401">
        <v>242487</v>
      </c>
      <c r="NB42" s="395">
        <v>0</v>
      </c>
      <c r="NC42" s="392">
        <v>0</v>
      </c>
      <c r="ND42" s="396">
        <v>0</v>
      </c>
      <c r="NE42" s="405">
        <v>0</v>
      </c>
      <c r="NF42" s="392">
        <v>0</v>
      </c>
      <c r="NG42" s="392">
        <v>0</v>
      </c>
      <c r="NH42" s="392">
        <v>0</v>
      </c>
      <c r="NI42" s="392">
        <v>0</v>
      </c>
      <c r="NJ42" s="392">
        <v>0</v>
      </c>
      <c r="NK42" s="396">
        <v>0</v>
      </c>
      <c r="NL42" s="394">
        <v>0</v>
      </c>
      <c r="NM42" s="395">
        <v>0</v>
      </c>
      <c r="NN42" s="392">
        <v>0</v>
      </c>
      <c r="NO42" s="396">
        <v>0</v>
      </c>
      <c r="NP42" s="405">
        <v>0</v>
      </c>
      <c r="NQ42" s="392">
        <v>0</v>
      </c>
      <c r="NR42" s="392">
        <v>0</v>
      </c>
      <c r="NS42" s="392">
        <v>0</v>
      </c>
      <c r="NT42" s="392">
        <v>0</v>
      </c>
      <c r="NU42" s="392">
        <v>0</v>
      </c>
      <c r="NV42" s="396">
        <v>0</v>
      </c>
      <c r="NW42" s="397">
        <v>0</v>
      </c>
      <c r="NX42" s="395">
        <v>0</v>
      </c>
      <c r="NY42" s="392">
        <v>0</v>
      </c>
      <c r="NZ42" s="396">
        <v>0</v>
      </c>
      <c r="OA42" s="405">
        <v>0</v>
      </c>
      <c r="OB42" s="392">
        <v>0</v>
      </c>
      <c r="OC42" s="392">
        <v>0</v>
      </c>
      <c r="OD42" s="392">
        <v>0</v>
      </c>
      <c r="OE42" s="392">
        <v>0</v>
      </c>
      <c r="OF42" s="392">
        <v>0</v>
      </c>
      <c r="OG42" s="396">
        <v>0</v>
      </c>
      <c r="OH42" s="397">
        <v>0</v>
      </c>
      <c r="OI42" s="395">
        <v>0</v>
      </c>
      <c r="OJ42" s="392">
        <v>0</v>
      </c>
      <c r="OK42" s="393">
        <v>0</v>
      </c>
      <c r="OL42" s="398">
        <v>0</v>
      </c>
      <c r="OM42" s="392">
        <v>19333</v>
      </c>
      <c r="ON42" s="392">
        <v>251606</v>
      </c>
      <c r="OO42" s="392">
        <v>242487</v>
      </c>
      <c r="OP42" s="392">
        <v>0</v>
      </c>
      <c r="OQ42" s="392">
        <v>0</v>
      </c>
      <c r="OR42" s="396">
        <v>513426</v>
      </c>
      <c r="OS42" s="401">
        <v>513426</v>
      </c>
    </row>
    <row r="43" spans="2:409" x14ac:dyDescent="0.2">
      <c r="B43" s="71" t="s">
        <v>84</v>
      </c>
    </row>
  </sheetData>
  <mergeCells count="158">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 ref="GH6:GR6"/>
    <mergeCell ref="GR7:GR8"/>
    <mergeCell ref="GS7:GU7"/>
    <mergeCell ref="ES7:EY7"/>
    <mergeCell ref="FA7:FC7"/>
    <mergeCell ref="FD7:FJ7"/>
    <mergeCell ref="FK7:FK8"/>
    <mergeCell ref="GS6:HC6"/>
    <mergeCell ref="FA6:FK6"/>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N7:P7"/>
    <mergeCell ref="Q7:W7"/>
    <mergeCell ref="BI7:BO7"/>
    <mergeCell ref="X7:X8"/>
    <mergeCell ref="Y7:AA7"/>
    <mergeCell ref="AB7:AH7"/>
    <mergeCell ref="AI7:AI8"/>
    <mergeCell ref="AJ7:AL7"/>
    <mergeCell ref="AM7:AS7"/>
    <mergeCell ref="AT7:AT8"/>
    <mergeCell ref="AU7:AW7"/>
    <mergeCell ref="AX7:BD7"/>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77734375" style="71" customWidth="1"/>
    <col min="7" max="8" width="10" style="71" customWidth="1"/>
    <col min="9" max="9" width="9.88671875" style="71" customWidth="1"/>
    <col min="10" max="10" width="9.77734375" style="71" customWidth="1"/>
    <col min="11" max="11" width="9.88671875" style="71" customWidth="1"/>
    <col min="12" max="12" width="10.88671875" style="71" customWidth="1"/>
    <col min="13" max="13" width="11.109375" style="71" customWidth="1"/>
    <col min="14" max="16" width="8.21875" style="71" customWidth="1"/>
    <col min="17" max="17" width="7.21875" style="71" customWidth="1"/>
    <col min="18" max="18" width="8.21875" style="71" customWidth="1"/>
    <col min="19" max="19" width="10.109375" style="71" customWidth="1"/>
    <col min="20" max="20" width="9.109375" style="71" customWidth="1"/>
    <col min="21" max="21" width="9.77734375" style="71" customWidth="1"/>
    <col min="22" max="22" width="10.33203125" style="71" customWidth="1"/>
    <col min="23" max="23" width="10.44140625" style="71" customWidth="1"/>
    <col min="24" max="24" width="11" style="71" customWidth="1"/>
    <col min="25" max="27" width="8.21875" style="71" customWidth="1"/>
    <col min="28" max="28" width="7" style="71" customWidth="1"/>
    <col min="29" max="33" width="8.21875" style="71" customWidth="1"/>
    <col min="34" max="34" width="10.6640625" style="71" customWidth="1"/>
    <col min="35" max="35" width="10" style="71" customWidth="1"/>
    <col min="36" max="38" width="8.21875" style="71" customWidth="1"/>
    <col min="39" max="39" width="7" style="71" customWidth="1"/>
    <col min="40" max="49" width="8.21875" style="71" customWidth="1"/>
    <col min="50" max="50" width="7.21875" style="71" customWidth="1"/>
    <col min="51" max="55" width="8.21875" style="71" customWidth="1"/>
    <col min="56" max="57" width="9.33203125" style="71" customWidth="1"/>
    <col min="58" max="60" width="8.21875" style="71" customWidth="1"/>
    <col min="61" max="61" width="6.88671875" style="71" customWidth="1"/>
    <col min="62" max="71" width="8.21875" style="71" customWidth="1"/>
    <col min="72" max="72" width="7.21875" style="71" customWidth="1"/>
    <col min="73" max="79" width="8.21875" style="71" customWidth="1"/>
    <col min="80" max="82" width="8.21875" style="247" customWidth="1"/>
    <col min="83" max="83" width="7.6640625" style="247" customWidth="1"/>
    <col min="84" max="84" width="9.88671875" style="247" customWidth="1"/>
    <col min="85" max="85" width="10" style="247" customWidth="1"/>
    <col min="86" max="86" width="9.77734375" style="247" customWidth="1"/>
    <col min="87" max="87" width="9.21875" style="247" customWidth="1"/>
    <col min="88" max="88" width="8.77734375" style="247" customWidth="1"/>
    <col min="89" max="89" width="9.88671875" style="247" customWidth="1"/>
    <col min="90" max="90" width="9.77734375" style="247" customWidth="1"/>
    <col min="91" max="93" width="8.21875" style="71" customWidth="1"/>
    <col min="94" max="94" width="7.33203125" style="71" customWidth="1"/>
    <col min="95" max="95" width="9.88671875" style="71" bestFit="1" customWidth="1"/>
    <col min="96" max="96" width="10" style="71" customWidth="1"/>
    <col min="97" max="97" width="9.6640625" style="71" customWidth="1"/>
    <col min="98" max="99" width="8.21875" style="71" customWidth="1"/>
    <col min="100" max="101" width="9.88671875" style="71" customWidth="1"/>
    <col min="102" max="104" width="8.21875" style="71" customWidth="1"/>
    <col min="105" max="105" width="7.44140625" style="71" customWidth="1"/>
    <col min="106" max="110" width="8.21875" style="71" customWidth="1"/>
    <col min="111" max="111" width="10" style="71" customWidth="1"/>
    <col min="112" max="112" width="9.88671875" style="71" customWidth="1"/>
    <col min="113" max="115" width="8.21875" style="247" customWidth="1"/>
    <col min="116" max="116" width="7.21875" style="247" customWidth="1"/>
    <col min="117" max="121" width="8.21875" style="247" customWidth="1"/>
    <col min="122" max="122" width="10.109375" style="247" customWidth="1"/>
    <col min="123" max="123" width="9.77734375" style="247" customWidth="1"/>
    <col min="124" max="126" width="8.21875" style="71" customWidth="1"/>
    <col min="127" max="127" width="7.33203125" style="71" customWidth="1"/>
    <col min="128" max="132" width="8.21875" style="71" customWidth="1"/>
    <col min="133" max="133" width="10.33203125" style="71" customWidth="1"/>
    <col min="134" max="134" width="10.109375" style="71" customWidth="1"/>
    <col min="135" max="137" width="8.21875" style="71" customWidth="1"/>
    <col min="138" max="138" width="7.109375" style="71" customWidth="1"/>
    <col min="139" max="148" width="8.21875" style="71" customWidth="1"/>
    <col min="149" max="149" width="7.21875" style="71" customWidth="1"/>
    <col min="150" max="159" width="8.21875" style="71" customWidth="1"/>
    <col min="160" max="160" width="7.21875" style="71" customWidth="1"/>
    <col min="161" max="167" width="8.21875" style="71" customWidth="1"/>
    <col min="168" max="170" width="8.21875" style="247" customWidth="1"/>
    <col min="171" max="171" width="6.6640625" style="247" customWidth="1"/>
    <col min="172" max="176" width="8.21875" style="247" customWidth="1"/>
    <col min="177" max="177" width="10.109375" style="247" customWidth="1"/>
    <col min="178" max="178" width="9.88671875" style="247" customWidth="1"/>
    <col min="179" max="181" width="8.21875" style="71" customWidth="1"/>
    <col min="182" max="182" width="7.33203125" style="71" customWidth="1"/>
    <col min="183" max="187" width="8.21875" style="71" customWidth="1"/>
    <col min="188" max="188" width="10" style="71" customWidth="1"/>
    <col min="189" max="189" width="10.6640625" style="71" customWidth="1"/>
    <col min="190" max="192" width="8.21875" style="71" customWidth="1"/>
    <col min="193" max="193" width="7.21875" style="71" customWidth="1"/>
    <col min="194" max="203" width="8.21875" style="71" customWidth="1"/>
    <col min="204" max="204" width="7.109375" style="71" customWidth="1"/>
    <col min="205" max="214" width="8.21875" style="71" customWidth="1"/>
    <col min="215" max="215" width="7.109375" style="71" customWidth="1"/>
    <col min="216" max="220" width="8.21875" style="71" customWidth="1"/>
    <col min="221" max="222" width="9.77734375" style="71" customWidth="1"/>
    <col min="223" max="225" width="8.21875" style="71" customWidth="1"/>
    <col min="226" max="226" width="7.21875" style="71" customWidth="1"/>
    <col min="227" max="231" width="8.2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2:409" ht="24" customHeight="1" x14ac:dyDescent="0.2">
      <c r="B1" s="10" t="s">
        <v>133</v>
      </c>
      <c r="E1" s="63">
        <f>第１表!F2</f>
        <v>6</v>
      </c>
      <c r="F1" s="16">
        <f>第１表!G2</f>
        <v>9</v>
      </c>
      <c r="G1" s="572">
        <f>IF(F1&lt;3,F1-2+12,F1-2)</f>
        <v>7</v>
      </c>
      <c r="H1" s="572"/>
      <c r="IB1" s="42"/>
      <c r="IC1" s="22"/>
      <c r="ID1" s="547"/>
      <c r="IE1" s="547"/>
    </row>
    <row r="2" spans="2:409" ht="24" customHeight="1" x14ac:dyDescent="0.2">
      <c r="B2" s="10" t="s">
        <v>144</v>
      </c>
      <c r="E2" s="19"/>
      <c r="F2" s="20"/>
      <c r="G2" s="248"/>
      <c r="H2" s="248"/>
      <c r="IB2" s="21"/>
      <c r="IC2" s="22"/>
      <c r="ID2" s="248"/>
      <c r="IE2" s="248"/>
    </row>
    <row r="3" spans="2:409" ht="24" customHeight="1" thickBot="1" x14ac:dyDescent="0.25">
      <c r="B3" s="10" t="s">
        <v>153</v>
      </c>
    </row>
    <row r="4" spans="2:409" ht="21" customHeight="1" thickBot="1" x14ac:dyDescent="0.25">
      <c r="B4" s="554" t="s">
        <v>42</v>
      </c>
      <c r="C4" s="557" t="s">
        <v>63</v>
      </c>
      <c r="D4" s="557"/>
      <c r="E4" s="557"/>
      <c r="F4" s="557"/>
      <c r="G4" s="557"/>
      <c r="H4" s="557"/>
      <c r="I4" s="557"/>
      <c r="J4" s="557"/>
      <c r="K4" s="557"/>
      <c r="L4" s="557"/>
      <c r="M4" s="557"/>
      <c r="N4" s="520"/>
      <c r="O4" s="520"/>
      <c r="P4" s="520"/>
      <c r="Q4" s="520"/>
      <c r="R4" s="520"/>
      <c r="S4" s="520"/>
      <c r="T4" s="520"/>
      <c r="U4" s="520"/>
      <c r="V4" s="520"/>
      <c r="W4" s="520"/>
      <c r="X4" s="520"/>
      <c r="Y4" s="520"/>
      <c r="Z4" s="520"/>
      <c r="AA4" s="520"/>
      <c r="AB4" s="520"/>
      <c r="AC4" s="520"/>
      <c r="AD4" s="520"/>
      <c r="AE4" s="520"/>
      <c r="AF4" s="520"/>
      <c r="AG4" s="520"/>
      <c r="AH4" s="520"/>
      <c r="AI4" s="520"/>
      <c r="AJ4" s="520"/>
      <c r="AK4" s="520"/>
      <c r="AL4" s="520"/>
      <c r="AM4" s="520"/>
      <c r="AN4" s="520"/>
      <c r="AO4" s="520"/>
      <c r="AP4" s="520"/>
      <c r="AQ4" s="520"/>
      <c r="AR4" s="520"/>
      <c r="AS4" s="520"/>
      <c r="AT4" s="520"/>
      <c r="AU4" s="520"/>
      <c r="AV4" s="520"/>
      <c r="AW4" s="520"/>
      <c r="AX4" s="520"/>
      <c r="AY4" s="520"/>
      <c r="AZ4" s="520"/>
      <c r="BA4" s="520"/>
      <c r="BB4" s="520"/>
      <c r="BC4" s="520"/>
      <c r="BD4" s="520"/>
      <c r="BE4" s="520"/>
      <c r="BF4" s="520"/>
      <c r="BG4" s="520"/>
      <c r="BH4" s="520"/>
      <c r="BI4" s="520"/>
      <c r="BJ4" s="520"/>
      <c r="BK4" s="520"/>
      <c r="BL4" s="520"/>
      <c r="BM4" s="520"/>
      <c r="BN4" s="520"/>
      <c r="BO4" s="520"/>
      <c r="BP4" s="520"/>
      <c r="BQ4" s="520"/>
      <c r="BR4" s="520"/>
      <c r="BS4" s="520"/>
      <c r="BT4" s="520"/>
      <c r="BU4" s="520"/>
      <c r="BV4" s="520"/>
      <c r="BW4" s="520"/>
      <c r="BX4" s="520"/>
      <c r="BY4" s="520"/>
      <c r="BZ4" s="520"/>
      <c r="CA4" s="520"/>
      <c r="CB4" s="520"/>
      <c r="CC4" s="520"/>
      <c r="CD4" s="520"/>
      <c r="CE4" s="520"/>
      <c r="CF4" s="520"/>
      <c r="CG4" s="520"/>
      <c r="CH4" s="520"/>
      <c r="CI4" s="520"/>
      <c r="CJ4" s="520"/>
      <c r="CK4" s="520"/>
      <c r="CL4" s="520"/>
      <c r="CM4" s="520"/>
      <c r="CN4" s="520"/>
      <c r="CO4" s="520"/>
      <c r="CP4" s="520"/>
      <c r="CQ4" s="520"/>
      <c r="CR4" s="520"/>
      <c r="CS4" s="520"/>
      <c r="CT4" s="520"/>
      <c r="CU4" s="520"/>
      <c r="CV4" s="520"/>
      <c r="CW4" s="520"/>
      <c r="CX4" s="520"/>
      <c r="CY4" s="520"/>
      <c r="CZ4" s="520"/>
      <c r="DA4" s="520"/>
      <c r="DB4" s="520"/>
      <c r="DC4" s="520"/>
      <c r="DD4" s="520"/>
      <c r="DE4" s="520"/>
      <c r="DF4" s="520"/>
      <c r="DG4" s="520"/>
      <c r="DH4" s="520"/>
      <c r="DI4" s="520"/>
      <c r="DJ4" s="520"/>
      <c r="DK4" s="520"/>
      <c r="DL4" s="520"/>
      <c r="DM4" s="520"/>
      <c r="DN4" s="520"/>
      <c r="DO4" s="520"/>
      <c r="DP4" s="520"/>
      <c r="DQ4" s="520"/>
      <c r="DR4" s="520"/>
      <c r="DS4" s="520"/>
      <c r="DT4" s="520"/>
      <c r="DU4" s="520"/>
      <c r="DV4" s="520"/>
      <c r="DW4" s="520"/>
      <c r="DX4" s="520"/>
      <c r="DY4" s="520"/>
      <c r="DZ4" s="520"/>
      <c r="EA4" s="520"/>
      <c r="EB4" s="520"/>
      <c r="EC4" s="520"/>
      <c r="ED4" s="520"/>
      <c r="EE4" s="520"/>
      <c r="EF4" s="520"/>
      <c r="EG4" s="520"/>
      <c r="EH4" s="520"/>
      <c r="EI4" s="520"/>
      <c r="EJ4" s="520"/>
      <c r="EK4" s="520"/>
      <c r="EL4" s="520"/>
      <c r="EM4" s="520"/>
      <c r="EN4" s="520"/>
      <c r="EO4" s="520"/>
      <c r="EP4" s="520"/>
      <c r="EQ4" s="520"/>
      <c r="ER4" s="520"/>
      <c r="ES4" s="520"/>
      <c r="ET4" s="520"/>
      <c r="EU4" s="520"/>
      <c r="EV4" s="520"/>
      <c r="EW4" s="520"/>
      <c r="EX4" s="520"/>
      <c r="EY4" s="520"/>
      <c r="EZ4" s="520"/>
      <c r="FA4" s="520"/>
      <c r="FB4" s="520"/>
      <c r="FC4" s="520"/>
      <c r="FD4" s="520"/>
      <c r="FE4" s="520"/>
      <c r="FF4" s="520"/>
      <c r="FG4" s="520"/>
      <c r="FH4" s="520"/>
      <c r="FI4" s="520"/>
      <c r="FJ4" s="520"/>
      <c r="FK4" s="520"/>
      <c r="FL4" s="520"/>
      <c r="FM4" s="520"/>
      <c r="FN4" s="520"/>
      <c r="FO4" s="520"/>
      <c r="FP4" s="520"/>
      <c r="FQ4" s="520"/>
      <c r="FR4" s="520"/>
      <c r="FS4" s="520"/>
      <c r="FT4" s="520"/>
      <c r="FU4" s="520"/>
      <c r="FV4" s="520"/>
      <c r="FW4" s="520"/>
      <c r="FX4" s="520"/>
      <c r="FY4" s="520"/>
      <c r="FZ4" s="520"/>
      <c r="GA4" s="520"/>
      <c r="GB4" s="520"/>
      <c r="GC4" s="520"/>
      <c r="GD4" s="520"/>
      <c r="GE4" s="520"/>
      <c r="GF4" s="520"/>
      <c r="GG4" s="520"/>
      <c r="GH4" s="520"/>
      <c r="GI4" s="520"/>
      <c r="GJ4" s="520"/>
      <c r="GK4" s="520"/>
      <c r="GL4" s="520"/>
      <c r="GM4" s="520"/>
      <c r="GN4" s="520"/>
      <c r="GO4" s="520"/>
      <c r="GP4" s="520"/>
      <c r="GQ4" s="520"/>
      <c r="GR4" s="520"/>
      <c r="GS4" s="520"/>
      <c r="GT4" s="520"/>
      <c r="GU4" s="520"/>
      <c r="GV4" s="520"/>
      <c r="GW4" s="520"/>
      <c r="GX4" s="520"/>
      <c r="GY4" s="520"/>
      <c r="GZ4" s="520"/>
      <c r="HA4" s="520"/>
      <c r="HB4" s="520"/>
      <c r="HC4" s="520"/>
      <c r="HD4" s="520"/>
      <c r="HE4" s="520"/>
      <c r="HF4" s="520"/>
      <c r="HG4" s="520"/>
      <c r="HH4" s="520"/>
      <c r="HI4" s="520"/>
      <c r="HJ4" s="520"/>
      <c r="HK4" s="520"/>
      <c r="HL4" s="520"/>
      <c r="HM4" s="520"/>
      <c r="HN4" s="520"/>
      <c r="HO4" s="520"/>
      <c r="HP4" s="520"/>
      <c r="HQ4" s="520"/>
      <c r="HR4" s="520"/>
      <c r="HS4" s="520"/>
      <c r="HT4" s="520"/>
      <c r="HU4" s="520"/>
      <c r="HV4" s="520"/>
      <c r="HW4" s="520"/>
      <c r="HX4" s="520"/>
      <c r="HY4" s="521"/>
      <c r="HZ4" s="424" t="s">
        <v>85</v>
      </c>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5"/>
      <c r="JR4" s="425"/>
      <c r="JS4" s="425"/>
      <c r="JT4" s="425"/>
      <c r="JU4" s="425"/>
      <c r="JV4" s="425"/>
      <c r="JW4" s="425"/>
      <c r="JX4" s="425"/>
      <c r="JY4" s="425"/>
      <c r="JZ4" s="425"/>
      <c r="KA4" s="425"/>
      <c r="KB4" s="425"/>
      <c r="KC4" s="425"/>
      <c r="KD4" s="425"/>
      <c r="KE4" s="425"/>
      <c r="KF4" s="425"/>
      <c r="KG4" s="425"/>
      <c r="KH4" s="425"/>
      <c r="KI4" s="425"/>
      <c r="KJ4" s="425"/>
      <c r="KK4" s="425"/>
      <c r="KL4" s="425"/>
      <c r="KM4" s="425"/>
      <c r="KN4" s="425"/>
      <c r="KO4" s="425"/>
      <c r="KP4" s="425"/>
      <c r="KQ4" s="425"/>
      <c r="KR4" s="425"/>
      <c r="KS4" s="425"/>
      <c r="KT4" s="425"/>
      <c r="KU4" s="425"/>
      <c r="KV4" s="425"/>
      <c r="KW4" s="425"/>
      <c r="KX4" s="425"/>
      <c r="KY4" s="425"/>
      <c r="KZ4" s="425"/>
      <c r="LA4" s="425"/>
      <c r="LB4" s="425"/>
      <c r="LC4" s="425"/>
      <c r="LD4" s="425"/>
      <c r="LE4" s="425"/>
      <c r="LF4" s="425"/>
      <c r="LG4" s="425"/>
      <c r="LH4" s="425"/>
      <c r="LI4" s="425"/>
      <c r="LJ4" s="425"/>
      <c r="LK4" s="425"/>
      <c r="LL4" s="425"/>
      <c r="LM4" s="425"/>
      <c r="LN4" s="425"/>
      <c r="LO4" s="425"/>
      <c r="LP4" s="425"/>
      <c r="LQ4" s="425"/>
      <c r="LR4" s="425"/>
      <c r="LS4" s="425"/>
      <c r="LT4" s="425"/>
      <c r="LU4" s="425"/>
      <c r="LV4" s="425"/>
      <c r="LW4" s="425"/>
      <c r="LX4" s="425"/>
      <c r="LY4" s="425"/>
      <c r="LZ4" s="425"/>
      <c r="MA4" s="425"/>
      <c r="MB4" s="425"/>
      <c r="MC4" s="425"/>
      <c r="MD4" s="425"/>
      <c r="ME4" s="426"/>
      <c r="MF4" s="424" t="s">
        <v>86</v>
      </c>
      <c r="MG4" s="425"/>
      <c r="MH4" s="425"/>
      <c r="MI4" s="425"/>
      <c r="MJ4" s="425"/>
      <c r="MK4" s="425"/>
      <c r="ML4" s="425"/>
      <c r="MM4" s="425"/>
      <c r="MN4" s="425"/>
      <c r="MO4" s="425"/>
      <c r="MP4" s="425"/>
      <c r="MQ4" s="425"/>
      <c r="MR4" s="425"/>
      <c r="MS4" s="425"/>
      <c r="MT4" s="425"/>
      <c r="MU4" s="425"/>
      <c r="MV4" s="425"/>
      <c r="MW4" s="425"/>
      <c r="MX4" s="425"/>
      <c r="MY4" s="425"/>
      <c r="MZ4" s="425"/>
      <c r="NA4" s="425"/>
      <c r="NB4" s="425"/>
      <c r="NC4" s="425"/>
      <c r="ND4" s="425"/>
      <c r="NE4" s="425"/>
      <c r="NF4" s="425"/>
      <c r="NG4" s="425"/>
      <c r="NH4" s="425"/>
      <c r="NI4" s="425"/>
      <c r="NJ4" s="425"/>
      <c r="NK4" s="425"/>
      <c r="NL4" s="425"/>
      <c r="NM4" s="425"/>
      <c r="NN4" s="425"/>
      <c r="NO4" s="425"/>
      <c r="NP4" s="425"/>
      <c r="NQ4" s="425"/>
      <c r="NR4" s="425"/>
      <c r="NS4" s="425"/>
      <c r="NT4" s="425"/>
      <c r="NU4" s="425"/>
      <c r="NV4" s="425"/>
      <c r="NW4" s="425"/>
      <c r="NX4" s="425"/>
      <c r="NY4" s="425"/>
      <c r="NZ4" s="425"/>
      <c r="OA4" s="425"/>
      <c r="OB4" s="425"/>
      <c r="OC4" s="425"/>
      <c r="OD4" s="425"/>
      <c r="OE4" s="425"/>
      <c r="OF4" s="425"/>
      <c r="OG4" s="425"/>
      <c r="OH4" s="426"/>
      <c r="OI4" s="427" t="s">
        <v>60</v>
      </c>
      <c r="OJ4" s="428"/>
      <c r="OK4" s="428"/>
      <c r="OL4" s="428"/>
      <c r="OM4" s="428"/>
      <c r="ON4" s="428"/>
      <c r="OO4" s="428"/>
      <c r="OP4" s="428"/>
      <c r="OQ4" s="428"/>
      <c r="OR4" s="428"/>
      <c r="OS4" s="429"/>
    </row>
    <row r="5" spans="2:409" ht="21" customHeight="1" thickBot="1" x14ac:dyDescent="0.25">
      <c r="B5" s="555"/>
      <c r="C5" s="558"/>
      <c r="D5" s="558"/>
      <c r="E5" s="558"/>
      <c r="F5" s="558"/>
      <c r="G5" s="558"/>
      <c r="H5" s="558"/>
      <c r="I5" s="558"/>
      <c r="J5" s="558"/>
      <c r="K5" s="558"/>
      <c r="L5" s="558"/>
      <c r="M5" s="558"/>
      <c r="N5" s="560" t="s">
        <v>64</v>
      </c>
      <c r="O5" s="561"/>
      <c r="P5" s="561"/>
      <c r="Q5" s="561"/>
      <c r="R5" s="561"/>
      <c r="S5" s="561"/>
      <c r="T5" s="561"/>
      <c r="U5" s="561"/>
      <c r="V5" s="561"/>
      <c r="W5" s="561"/>
      <c r="X5" s="561"/>
      <c r="Y5" s="561"/>
      <c r="Z5" s="561"/>
      <c r="AA5" s="561"/>
      <c r="AB5" s="561"/>
      <c r="AC5" s="561"/>
      <c r="AD5" s="561"/>
      <c r="AE5" s="561"/>
      <c r="AF5" s="561"/>
      <c r="AG5" s="561"/>
      <c r="AH5" s="561"/>
      <c r="AI5" s="561"/>
      <c r="AJ5" s="561"/>
      <c r="AK5" s="561"/>
      <c r="AL5" s="561"/>
      <c r="AM5" s="561"/>
      <c r="AN5" s="561"/>
      <c r="AO5" s="561"/>
      <c r="AP5" s="561"/>
      <c r="AQ5" s="561"/>
      <c r="AR5" s="561"/>
      <c r="AS5" s="561"/>
      <c r="AT5" s="561"/>
      <c r="AU5" s="561"/>
      <c r="AV5" s="561"/>
      <c r="AW5" s="561"/>
      <c r="AX5" s="561"/>
      <c r="AY5" s="561"/>
      <c r="AZ5" s="561"/>
      <c r="BA5" s="561"/>
      <c r="BB5" s="561"/>
      <c r="BC5" s="561"/>
      <c r="BD5" s="561"/>
      <c r="BE5" s="561"/>
      <c r="BF5" s="561"/>
      <c r="BG5" s="561"/>
      <c r="BH5" s="561"/>
      <c r="BI5" s="561"/>
      <c r="BJ5" s="561"/>
      <c r="BK5" s="561"/>
      <c r="BL5" s="561"/>
      <c r="BM5" s="561"/>
      <c r="BN5" s="561"/>
      <c r="BO5" s="561"/>
      <c r="BP5" s="561"/>
      <c r="BQ5" s="561"/>
      <c r="BR5" s="561"/>
      <c r="BS5" s="561"/>
      <c r="BT5" s="561"/>
      <c r="BU5" s="561"/>
      <c r="BV5" s="561"/>
      <c r="BW5" s="561"/>
      <c r="BX5" s="561"/>
      <c r="BY5" s="561"/>
      <c r="BZ5" s="561"/>
      <c r="CA5" s="562"/>
      <c r="CB5" s="560" t="s">
        <v>65</v>
      </c>
      <c r="CC5" s="561"/>
      <c r="CD5" s="561"/>
      <c r="CE5" s="561"/>
      <c r="CF5" s="561"/>
      <c r="CG5" s="561"/>
      <c r="CH5" s="561"/>
      <c r="CI5" s="561"/>
      <c r="CJ5" s="561"/>
      <c r="CK5" s="561"/>
      <c r="CL5" s="561"/>
      <c r="CM5" s="561"/>
      <c r="CN5" s="561"/>
      <c r="CO5" s="561"/>
      <c r="CP5" s="561"/>
      <c r="CQ5" s="561"/>
      <c r="CR5" s="561"/>
      <c r="CS5" s="561"/>
      <c r="CT5" s="561"/>
      <c r="CU5" s="561"/>
      <c r="CV5" s="561"/>
      <c r="CW5" s="561"/>
      <c r="CX5" s="561"/>
      <c r="CY5" s="561"/>
      <c r="CZ5" s="561"/>
      <c r="DA5" s="561"/>
      <c r="DB5" s="561"/>
      <c r="DC5" s="561"/>
      <c r="DD5" s="561"/>
      <c r="DE5" s="561"/>
      <c r="DF5" s="561"/>
      <c r="DG5" s="561"/>
      <c r="DH5" s="562"/>
      <c r="DI5" s="424" t="s">
        <v>66</v>
      </c>
      <c r="DJ5" s="425"/>
      <c r="DK5" s="425"/>
      <c r="DL5" s="425"/>
      <c r="DM5" s="425"/>
      <c r="DN5" s="425"/>
      <c r="DO5" s="425"/>
      <c r="DP5" s="425"/>
      <c r="DQ5" s="425"/>
      <c r="DR5" s="425"/>
      <c r="DS5" s="425"/>
      <c r="DT5" s="425"/>
      <c r="DU5" s="425"/>
      <c r="DV5" s="425"/>
      <c r="DW5" s="425"/>
      <c r="DX5" s="425"/>
      <c r="DY5" s="425"/>
      <c r="DZ5" s="425"/>
      <c r="EA5" s="425"/>
      <c r="EB5" s="425"/>
      <c r="EC5" s="425"/>
      <c r="ED5" s="425"/>
      <c r="EE5" s="425"/>
      <c r="EF5" s="425"/>
      <c r="EG5" s="425"/>
      <c r="EH5" s="425"/>
      <c r="EI5" s="425"/>
      <c r="EJ5" s="425"/>
      <c r="EK5" s="425"/>
      <c r="EL5" s="425"/>
      <c r="EM5" s="425"/>
      <c r="EN5" s="425"/>
      <c r="EO5" s="425"/>
      <c r="EP5" s="425"/>
      <c r="EQ5" s="425"/>
      <c r="ER5" s="425"/>
      <c r="ES5" s="425"/>
      <c r="ET5" s="425"/>
      <c r="EU5" s="425"/>
      <c r="EV5" s="425"/>
      <c r="EW5" s="425"/>
      <c r="EX5" s="425"/>
      <c r="EY5" s="425"/>
      <c r="EZ5" s="425"/>
      <c r="FA5" s="425"/>
      <c r="FB5" s="425"/>
      <c r="FC5" s="425"/>
      <c r="FD5" s="425"/>
      <c r="FE5" s="425"/>
      <c r="FF5" s="425"/>
      <c r="FG5" s="425"/>
      <c r="FH5" s="425"/>
      <c r="FI5" s="425"/>
      <c r="FJ5" s="425"/>
      <c r="FK5" s="426"/>
      <c r="FL5" s="560" t="s">
        <v>67</v>
      </c>
      <c r="FM5" s="561"/>
      <c r="FN5" s="561"/>
      <c r="FO5" s="561"/>
      <c r="FP5" s="561"/>
      <c r="FQ5" s="561"/>
      <c r="FR5" s="561"/>
      <c r="FS5" s="561"/>
      <c r="FT5" s="561"/>
      <c r="FU5" s="561"/>
      <c r="FV5" s="561"/>
      <c r="FW5" s="561"/>
      <c r="FX5" s="561"/>
      <c r="FY5" s="561"/>
      <c r="FZ5" s="561"/>
      <c r="GA5" s="561"/>
      <c r="GB5" s="561"/>
      <c r="GC5" s="561"/>
      <c r="GD5" s="561"/>
      <c r="GE5" s="561"/>
      <c r="GF5" s="561"/>
      <c r="GG5" s="561"/>
      <c r="GH5" s="561"/>
      <c r="GI5" s="561"/>
      <c r="GJ5" s="561"/>
      <c r="GK5" s="561"/>
      <c r="GL5" s="561"/>
      <c r="GM5" s="561"/>
      <c r="GN5" s="561"/>
      <c r="GO5" s="561"/>
      <c r="GP5" s="561"/>
      <c r="GQ5" s="561"/>
      <c r="GR5" s="561"/>
      <c r="GS5" s="561"/>
      <c r="GT5" s="561"/>
      <c r="GU5" s="561"/>
      <c r="GV5" s="561"/>
      <c r="GW5" s="561"/>
      <c r="GX5" s="561"/>
      <c r="GY5" s="561"/>
      <c r="GZ5" s="561"/>
      <c r="HA5" s="561"/>
      <c r="HB5" s="561"/>
      <c r="HC5" s="562"/>
      <c r="HD5" s="563" t="s">
        <v>68</v>
      </c>
      <c r="HE5" s="564"/>
      <c r="HF5" s="564"/>
      <c r="HG5" s="564"/>
      <c r="HH5" s="564"/>
      <c r="HI5" s="564"/>
      <c r="HJ5" s="564"/>
      <c r="HK5" s="564"/>
      <c r="HL5" s="564"/>
      <c r="HM5" s="564"/>
      <c r="HN5" s="565"/>
      <c r="HO5" s="563" t="s">
        <v>69</v>
      </c>
      <c r="HP5" s="564"/>
      <c r="HQ5" s="564"/>
      <c r="HR5" s="564"/>
      <c r="HS5" s="564"/>
      <c r="HT5" s="564"/>
      <c r="HU5" s="564"/>
      <c r="HV5" s="564"/>
      <c r="HW5" s="564"/>
      <c r="HX5" s="564"/>
      <c r="HY5" s="565"/>
      <c r="HZ5" s="538"/>
      <c r="IA5" s="539"/>
      <c r="IB5" s="539"/>
      <c r="IC5" s="539"/>
      <c r="ID5" s="539"/>
      <c r="IE5" s="539"/>
      <c r="IF5" s="539"/>
      <c r="IG5" s="539"/>
      <c r="IH5" s="539"/>
      <c r="II5" s="539"/>
      <c r="IJ5" s="540"/>
      <c r="IK5" s="427" t="s">
        <v>94</v>
      </c>
      <c r="IL5" s="428"/>
      <c r="IM5" s="428"/>
      <c r="IN5" s="428"/>
      <c r="IO5" s="428"/>
      <c r="IP5" s="428"/>
      <c r="IQ5" s="428"/>
      <c r="IR5" s="428"/>
      <c r="IS5" s="428"/>
      <c r="IT5" s="428"/>
      <c r="IU5" s="429"/>
      <c r="IV5" s="427" t="s">
        <v>88</v>
      </c>
      <c r="IW5" s="428"/>
      <c r="IX5" s="428"/>
      <c r="IY5" s="428"/>
      <c r="IZ5" s="428"/>
      <c r="JA5" s="428"/>
      <c r="JB5" s="428"/>
      <c r="JC5" s="428"/>
      <c r="JD5" s="428"/>
      <c r="JE5" s="428"/>
      <c r="JF5" s="429"/>
      <c r="JG5" s="427" t="s">
        <v>141</v>
      </c>
      <c r="JH5" s="428"/>
      <c r="JI5" s="428"/>
      <c r="JJ5" s="428"/>
      <c r="JK5" s="428"/>
      <c r="JL5" s="428"/>
      <c r="JM5" s="428"/>
      <c r="JN5" s="428"/>
      <c r="JO5" s="428"/>
      <c r="JP5" s="428"/>
      <c r="JQ5" s="429"/>
      <c r="JR5" s="427" t="s">
        <v>90</v>
      </c>
      <c r="JS5" s="428"/>
      <c r="JT5" s="428"/>
      <c r="JU5" s="428"/>
      <c r="JV5" s="428"/>
      <c r="JW5" s="428"/>
      <c r="JX5" s="428"/>
      <c r="JY5" s="428"/>
      <c r="JZ5" s="428"/>
      <c r="KA5" s="428"/>
      <c r="KB5" s="429"/>
      <c r="KC5" s="427" t="s">
        <v>89</v>
      </c>
      <c r="KD5" s="428"/>
      <c r="KE5" s="428"/>
      <c r="KF5" s="428"/>
      <c r="KG5" s="428"/>
      <c r="KH5" s="428"/>
      <c r="KI5" s="428"/>
      <c r="KJ5" s="428"/>
      <c r="KK5" s="428"/>
      <c r="KL5" s="428"/>
      <c r="KM5" s="429"/>
      <c r="KN5" s="427" t="s">
        <v>91</v>
      </c>
      <c r="KO5" s="428"/>
      <c r="KP5" s="428"/>
      <c r="KQ5" s="428"/>
      <c r="KR5" s="428"/>
      <c r="KS5" s="428"/>
      <c r="KT5" s="428"/>
      <c r="KU5" s="428"/>
      <c r="KV5" s="428"/>
      <c r="KW5" s="428"/>
      <c r="KX5" s="429"/>
      <c r="KY5" s="427" t="s">
        <v>92</v>
      </c>
      <c r="KZ5" s="428"/>
      <c r="LA5" s="428"/>
      <c r="LB5" s="428"/>
      <c r="LC5" s="428"/>
      <c r="LD5" s="428"/>
      <c r="LE5" s="428"/>
      <c r="LF5" s="428"/>
      <c r="LG5" s="428"/>
      <c r="LH5" s="428"/>
      <c r="LI5" s="429"/>
      <c r="LJ5" s="544" t="s">
        <v>93</v>
      </c>
      <c r="LK5" s="545"/>
      <c r="LL5" s="545"/>
      <c r="LM5" s="545"/>
      <c r="LN5" s="545"/>
      <c r="LO5" s="545"/>
      <c r="LP5" s="545"/>
      <c r="LQ5" s="545"/>
      <c r="LR5" s="545"/>
      <c r="LS5" s="545"/>
      <c r="LT5" s="546"/>
      <c r="LU5" s="544" t="s">
        <v>142</v>
      </c>
      <c r="LV5" s="545"/>
      <c r="LW5" s="545"/>
      <c r="LX5" s="545"/>
      <c r="LY5" s="545"/>
      <c r="LZ5" s="545"/>
      <c r="MA5" s="545"/>
      <c r="MB5" s="545"/>
      <c r="MC5" s="545"/>
      <c r="MD5" s="545"/>
      <c r="ME5" s="546"/>
      <c r="MF5" s="538"/>
      <c r="MG5" s="539"/>
      <c r="MH5" s="539"/>
      <c r="MI5" s="539"/>
      <c r="MJ5" s="539"/>
      <c r="MK5" s="539"/>
      <c r="ML5" s="539"/>
      <c r="MM5" s="539"/>
      <c r="MN5" s="539"/>
      <c r="MO5" s="539"/>
      <c r="MP5" s="540"/>
      <c r="MQ5" s="427" t="s">
        <v>57</v>
      </c>
      <c r="MR5" s="428"/>
      <c r="MS5" s="428"/>
      <c r="MT5" s="428"/>
      <c r="MU5" s="428"/>
      <c r="MV5" s="428"/>
      <c r="MW5" s="428"/>
      <c r="MX5" s="428"/>
      <c r="MY5" s="428"/>
      <c r="MZ5" s="428"/>
      <c r="NA5" s="429"/>
      <c r="NB5" s="427" t="s">
        <v>58</v>
      </c>
      <c r="NC5" s="428"/>
      <c r="ND5" s="428"/>
      <c r="NE5" s="428"/>
      <c r="NF5" s="428"/>
      <c r="NG5" s="428"/>
      <c r="NH5" s="428"/>
      <c r="NI5" s="428"/>
      <c r="NJ5" s="428"/>
      <c r="NK5" s="428"/>
      <c r="NL5" s="429"/>
      <c r="NM5" s="427" t="s">
        <v>59</v>
      </c>
      <c r="NN5" s="428"/>
      <c r="NO5" s="428"/>
      <c r="NP5" s="428"/>
      <c r="NQ5" s="428"/>
      <c r="NR5" s="428"/>
      <c r="NS5" s="428"/>
      <c r="NT5" s="428"/>
      <c r="NU5" s="428"/>
      <c r="NV5" s="428"/>
      <c r="NW5" s="429"/>
      <c r="NX5" s="427" t="s">
        <v>148</v>
      </c>
      <c r="NY5" s="428"/>
      <c r="NZ5" s="428"/>
      <c r="OA5" s="428"/>
      <c r="OB5" s="428"/>
      <c r="OC5" s="428"/>
      <c r="OD5" s="428"/>
      <c r="OE5" s="428"/>
      <c r="OF5" s="428"/>
      <c r="OG5" s="428"/>
      <c r="OH5" s="429"/>
      <c r="OI5" s="439"/>
      <c r="OJ5" s="536"/>
      <c r="OK5" s="536"/>
      <c r="OL5" s="536"/>
      <c r="OM5" s="536"/>
      <c r="ON5" s="536"/>
      <c r="OO5" s="536"/>
      <c r="OP5" s="536"/>
      <c r="OQ5" s="536"/>
      <c r="OR5" s="536"/>
      <c r="OS5" s="537"/>
    </row>
    <row r="6" spans="2:409" ht="21" customHeight="1" thickBot="1" x14ac:dyDescent="0.25">
      <c r="B6" s="555"/>
      <c r="C6" s="559"/>
      <c r="D6" s="559"/>
      <c r="E6" s="559"/>
      <c r="F6" s="559"/>
      <c r="G6" s="559"/>
      <c r="H6" s="559"/>
      <c r="I6" s="559"/>
      <c r="J6" s="559"/>
      <c r="K6" s="559"/>
      <c r="L6" s="559"/>
      <c r="M6" s="559"/>
      <c r="N6" s="433"/>
      <c r="O6" s="434"/>
      <c r="P6" s="434"/>
      <c r="Q6" s="434"/>
      <c r="R6" s="434"/>
      <c r="S6" s="434"/>
      <c r="T6" s="434"/>
      <c r="U6" s="434"/>
      <c r="V6" s="434"/>
      <c r="W6" s="434"/>
      <c r="X6" s="435"/>
      <c r="Y6" s="436" t="s">
        <v>70</v>
      </c>
      <c r="Z6" s="437"/>
      <c r="AA6" s="437"/>
      <c r="AB6" s="437"/>
      <c r="AC6" s="437"/>
      <c r="AD6" s="437"/>
      <c r="AE6" s="437"/>
      <c r="AF6" s="437"/>
      <c r="AG6" s="437"/>
      <c r="AH6" s="437"/>
      <c r="AI6" s="438"/>
      <c r="AJ6" s="573" t="s">
        <v>71</v>
      </c>
      <c r="AK6" s="574"/>
      <c r="AL6" s="574"/>
      <c r="AM6" s="574"/>
      <c r="AN6" s="574"/>
      <c r="AO6" s="574"/>
      <c r="AP6" s="574"/>
      <c r="AQ6" s="574"/>
      <c r="AR6" s="574"/>
      <c r="AS6" s="574"/>
      <c r="AT6" s="575"/>
      <c r="AU6" s="573" t="s">
        <v>72</v>
      </c>
      <c r="AV6" s="574"/>
      <c r="AW6" s="574"/>
      <c r="AX6" s="574"/>
      <c r="AY6" s="574"/>
      <c r="AZ6" s="574"/>
      <c r="BA6" s="574"/>
      <c r="BB6" s="574"/>
      <c r="BC6" s="574"/>
      <c r="BD6" s="574"/>
      <c r="BE6" s="575"/>
      <c r="BF6" s="573" t="s">
        <v>73</v>
      </c>
      <c r="BG6" s="574"/>
      <c r="BH6" s="574"/>
      <c r="BI6" s="574"/>
      <c r="BJ6" s="574"/>
      <c r="BK6" s="574"/>
      <c r="BL6" s="574"/>
      <c r="BM6" s="574"/>
      <c r="BN6" s="574"/>
      <c r="BO6" s="574"/>
      <c r="BP6" s="575"/>
      <c r="BQ6" s="573" t="s">
        <v>74</v>
      </c>
      <c r="BR6" s="574"/>
      <c r="BS6" s="574"/>
      <c r="BT6" s="574"/>
      <c r="BU6" s="574"/>
      <c r="BV6" s="574"/>
      <c r="BW6" s="574"/>
      <c r="BX6" s="574"/>
      <c r="BY6" s="574"/>
      <c r="BZ6" s="574"/>
      <c r="CA6" s="575"/>
      <c r="CB6" s="541"/>
      <c r="CC6" s="542"/>
      <c r="CD6" s="542"/>
      <c r="CE6" s="542"/>
      <c r="CF6" s="542"/>
      <c r="CG6" s="542"/>
      <c r="CH6" s="542"/>
      <c r="CI6" s="542"/>
      <c r="CJ6" s="542"/>
      <c r="CK6" s="542"/>
      <c r="CL6" s="543"/>
      <c r="CM6" s="573" t="s">
        <v>75</v>
      </c>
      <c r="CN6" s="574"/>
      <c r="CO6" s="574"/>
      <c r="CP6" s="574"/>
      <c r="CQ6" s="574"/>
      <c r="CR6" s="574"/>
      <c r="CS6" s="574"/>
      <c r="CT6" s="574"/>
      <c r="CU6" s="574"/>
      <c r="CV6" s="574"/>
      <c r="CW6" s="575"/>
      <c r="CX6" s="573" t="s">
        <v>76</v>
      </c>
      <c r="CY6" s="574"/>
      <c r="CZ6" s="574"/>
      <c r="DA6" s="574"/>
      <c r="DB6" s="574"/>
      <c r="DC6" s="574"/>
      <c r="DD6" s="574"/>
      <c r="DE6" s="574"/>
      <c r="DF6" s="574"/>
      <c r="DG6" s="574"/>
      <c r="DH6" s="575"/>
      <c r="DI6" s="541"/>
      <c r="DJ6" s="542"/>
      <c r="DK6" s="542"/>
      <c r="DL6" s="542"/>
      <c r="DM6" s="542"/>
      <c r="DN6" s="542"/>
      <c r="DO6" s="542"/>
      <c r="DP6" s="542"/>
      <c r="DQ6" s="542"/>
      <c r="DR6" s="542"/>
      <c r="DS6" s="542"/>
      <c r="DT6" s="573" t="s">
        <v>77</v>
      </c>
      <c r="DU6" s="574"/>
      <c r="DV6" s="574"/>
      <c r="DW6" s="574"/>
      <c r="DX6" s="574"/>
      <c r="DY6" s="574"/>
      <c r="DZ6" s="574"/>
      <c r="EA6" s="574"/>
      <c r="EB6" s="574"/>
      <c r="EC6" s="574"/>
      <c r="ED6" s="575"/>
      <c r="EE6" s="573" t="s">
        <v>78</v>
      </c>
      <c r="EF6" s="574"/>
      <c r="EG6" s="574"/>
      <c r="EH6" s="574"/>
      <c r="EI6" s="574"/>
      <c r="EJ6" s="574"/>
      <c r="EK6" s="574"/>
      <c r="EL6" s="574"/>
      <c r="EM6" s="574"/>
      <c r="EN6" s="574"/>
      <c r="EO6" s="575"/>
      <c r="EP6" s="573" t="s">
        <v>79</v>
      </c>
      <c r="EQ6" s="574"/>
      <c r="ER6" s="574"/>
      <c r="ES6" s="574"/>
      <c r="ET6" s="574"/>
      <c r="EU6" s="574"/>
      <c r="EV6" s="574"/>
      <c r="EW6" s="574"/>
      <c r="EX6" s="574"/>
      <c r="EY6" s="574"/>
      <c r="EZ6" s="575"/>
      <c r="FA6" s="573" t="s">
        <v>149</v>
      </c>
      <c r="FB6" s="574"/>
      <c r="FC6" s="574"/>
      <c r="FD6" s="574"/>
      <c r="FE6" s="574"/>
      <c r="FF6" s="574"/>
      <c r="FG6" s="574"/>
      <c r="FH6" s="574"/>
      <c r="FI6" s="574"/>
      <c r="FJ6" s="574"/>
      <c r="FK6" s="575"/>
      <c r="FL6" s="541"/>
      <c r="FM6" s="542"/>
      <c r="FN6" s="542"/>
      <c r="FO6" s="542"/>
      <c r="FP6" s="542"/>
      <c r="FQ6" s="542"/>
      <c r="FR6" s="542"/>
      <c r="FS6" s="542"/>
      <c r="FT6" s="542"/>
      <c r="FU6" s="542"/>
      <c r="FV6" s="542"/>
      <c r="FW6" s="573" t="s">
        <v>80</v>
      </c>
      <c r="FX6" s="574"/>
      <c r="FY6" s="574"/>
      <c r="FZ6" s="574"/>
      <c r="GA6" s="574"/>
      <c r="GB6" s="574"/>
      <c r="GC6" s="574"/>
      <c r="GD6" s="574"/>
      <c r="GE6" s="574"/>
      <c r="GF6" s="574"/>
      <c r="GG6" s="575"/>
      <c r="GH6" s="436" t="s">
        <v>81</v>
      </c>
      <c r="GI6" s="437"/>
      <c r="GJ6" s="437"/>
      <c r="GK6" s="437"/>
      <c r="GL6" s="437"/>
      <c r="GM6" s="437"/>
      <c r="GN6" s="437"/>
      <c r="GO6" s="437"/>
      <c r="GP6" s="437"/>
      <c r="GQ6" s="437"/>
      <c r="GR6" s="438"/>
      <c r="GS6" s="436" t="s">
        <v>82</v>
      </c>
      <c r="GT6" s="437"/>
      <c r="GU6" s="437"/>
      <c r="GV6" s="437"/>
      <c r="GW6" s="437"/>
      <c r="GX6" s="437"/>
      <c r="GY6" s="437"/>
      <c r="GZ6" s="437"/>
      <c r="HA6" s="437"/>
      <c r="HB6" s="437"/>
      <c r="HC6" s="438"/>
      <c r="HD6" s="566"/>
      <c r="HE6" s="567"/>
      <c r="HF6" s="567"/>
      <c r="HG6" s="567"/>
      <c r="HH6" s="567"/>
      <c r="HI6" s="567"/>
      <c r="HJ6" s="567"/>
      <c r="HK6" s="567"/>
      <c r="HL6" s="567"/>
      <c r="HM6" s="567"/>
      <c r="HN6" s="568"/>
      <c r="HO6" s="566"/>
      <c r="HP6" s="567"/>
      <c r="HQ6" s="567"/>
      <c r="HR6" s="567"/>
      <c r="HS6" s="567"/>
      <c r="HT6" s="567"/>
      <c r="HU6" s="567"/>
      <c r="HV6" s="567"/>
      <c r="HW6" s="567"/>
      <c r="HX6" s="567"/>
      <c r="HY6" s="568"/>
      <c r="HZ6" s="541"/>
      <c r="IA6" s="542"/>
      <c r="IB6" s="542"/>
      <c r="IC6" s="542"/>
      <c r="ID6" s="542"/>
      <c r="IE6" s="542"/>
      <c r="IF6" s="542"/>
      <c r="IG6" s="542"/>
      <c r="IH6" s="542"/>
      <c r="II6" s="542"/>
      <c r="IJ6" s="543"/>
      <c r="IK6" s="433"/>
      <c r="IL6" s="434"/>
      <c r="IM6" s="434"/>
      <c r="IN6" s="434"/>
      <c r="IO6" s="434"/>
      <c r="IP6" s="434"/>
      <c r="IQ6" s="434"/>
      <c r="IR6" s="434"/>
      <c r="IS6" s="434"/>
      <c r="IT6" s="434"/>
      <c r="IU6" s="435"/>
      <c r="IV6" s="433"/>
      <c r="IW6" s="434"/>
      <c r="IX6" s="434"/>
      <c r="IY6" s="434"/>
      <c r="IZ6" s="434"/>
      <c r="JA6" s="434"/>
      <c r="JB6" s="434"/>
      <c r="JC6" s="434"/>
      <c r="JD6" s="434"/>
      <c r="JE6" s="434"/>
      <c r="JF6" s="435"/>
      <c r="JG6" s="433"/>
      <c r="JH6" s="434"/>
      <c r="JI6" s="434"/>
      <c r="JJ6" s="434"/>
      <c r="JK6" s="434"/>
      <c r="JL6" s="434"/>
      <c r="JM6" s="434"/>
      <c r="JN6" s="434"/>
      <c r="JO6" s="434"/>
      <c r="JP6" s="434"/>
      <c r="JQ6" s="435"/>
      <c r="JR6" s="433"/>
      <c r="JS6" s="434"/>
      <c r="JT6" s="434"/>
      <c r="JU6" s="434"/>
      <c r="JV6" s="434"/>
      <c r="JW6" s="434"/>
      <c r="JX6" s="434"/>
      <c r="JY6" s="434"/>
      <c r="JZ6" s="434"/>
      <c r="KA6" s="434"/>
      <c r="KB6" s="435"/>
      <c r="KC6" s="433"/>
      <c r="KD6" s="434"/>
      <c r="KE6" s="434"/>
      <c r="KF6" s="434"/>
      <c r="KG6" s="434"/>
      <c r="KH6" s="434"/>
      <c r="KI6" s="434"/>
      <c r="KJ6" s="434"/>
      <c r="KK6" s="434"/>
      <c r="KL6" s="434"/>
      <c r="KM6" s="435"/>
      <c r="KN6" s="433"/>
      <c r="KO6" s="434"/>
      <c r="KP6" s="434"/>
      <c r="KQ6" s="434"/>
      <c r="KR6" s="434"/>
      <c r="KS6" s="434"/>
      <c r="KT6" s="434"/>
      <c r="KU6" s="434"/>
      <c r="KV6" s="434"/>
      <c r="KW6" s="434"/>
      <c r="KX6" s="435"/>
      <c r="KY6" s="433"/>
      <c r="KZ6" s="434"/>
      <c r="LA6" s="434"/>
      <c r="LB6" s="434"/>
      <c r="LC6" s="434"/>
      <c r="LD6" s="434"/>
      <c r="LE6" s="434"/>
      <c r="LF6" s="434"/>
      <c r="LG6" s="434"/>
      <c r="LH6" s="434"/>
      <c r="LI6" s="435"/>
      <c r="LJ6" s="541"/>
      <c r="LK6" s="542"/>
      <c r="LL6" s="542"/>
      <c r="LM6" s="542"/>
      <c r="LN6" s="542"/>
      <c r="LO6" s="542"/>
      <c r="LP6" s="542"/>
      <c r="LQ6" s="542"/>
      <c r="LR6" s="542"/>
      <c r="LS6" s="542"/>
      <c r="LT6" s="543"/>
      <c r="LU6" s="541"/>
      <c r="LV6" s="542"/>
      <c r="LW6" s="542"/>
      <c r="LX6" s="542"/>
      <c r="LY6" s="542"/>
      <c r="LZ6" s="542"/>
      <c r="MA6" s="542"/>
      <c r="MB6" s="542"/>
      <c r="MC6" s="542"/>
      <c r="MD6" s="542"/>
      <c r="ME6" s="543"/>
      <c r="MF6" s="541"/>
      <c r="MG6" s="542"/>
      <c r="MH6" s="542"/>
      <c r="MI6" s="542"/>
      <c r="MJ6" s="542"/>
      <c r="MK6" s="542"/>
      <c r="ML6" s="542"/>
      <c r="MM6" s="542"/>
      <c r="MN6" s="542"/>
      <c r="MO6" s="542"/>
      <c r="MP6" s="543"/>
      <c r="MQ6" s="433"/>
      <c r="MR6" s="434"/>
      <c r="MS6" s="434"/>
      <c r="MT6" s="434"/>
      <c r="MU6" s="434"/>
      <c r="MV6" s="434"/>
      <c r="MW6" s="434"/>
      <c r="MX6" s="434"/>
      <c r="MY6" s="434"/>
      <c r="MZ6" s="434"/>
      <c r="NA6" s="435"/>
      <c r="NB6" s="433"/>
      <c r="NC6" s="434"/>
      <c r="ND6" s="434"/>
      <c r="NE6" s="434"/>
      <c r="NF6" s="434"/>
      <c r="NG6" s="434"/>
      <c r="NH6" s="434"/>
      <c r="NI6" s="434"/>
      <c r="NJ6" s="434"/>
      <c r="NK6" s="434"/>
      <c r="NL6" s="435"/>
      <c r="NM6" s="433"/>
      <c r="NN6" s="434"/>
      <c r="NO6" s="434"/>
      <c r="NP6" s="434"/>
      <c r="NQ6" s="434"/>
      <c r="NR6" s="434"/>
      <c r="NS6" s="434"/>
      <c r="NT6" s="434"/>
      <c r="NU6" s="434"/>
      <c r="NV6" s="434"/>
      <c r="NW6" s="435"/>
      <c r="NX6" s="433"/>
      <c r="NY6" s="434"/>
      <c r="NZ6" s="434"/>
      <c r="OA6" s="434"/>
      <c r="OB6" s="434"/>
      <c r="OC6" s="434"/>
      <c r="OD6" s="434"/>
      <c r="OE6" s="434"/>
      <c r="OF6" s="434"/>
      <c r="OG6" s="434"/>
      <c r="OH6" s="435"/>
      <c r="OI6" s="433"/>
      <c r="OJ6" s="434"/>
      <c r="OK6" s="434"/>
      <c r="OL6" s="434"/>
      <c r="OM6" s="434"/>
      <c r="ON6" s="434"/>
      <c r="OO6" s="434"/>
      <c r="OP6" s="434"/>
      <c r="OQ6" s="434"/>
      <c r="OR6" s="434"/>
      <c r="OS6" s="435"/>
    </row>
    <row r="7" spans="2:409" ht="21" customHeight="1" x14ac:dyDescent="0.2">
      <c r="B7" s="555"/>
      <c r="C7" s="506" t="s">
        <v>61</v>
      </c>
      <c r="D7" s="506"/>
      <c r="E7" s="506"/>
      <c r="F7" s="505" t="s">
        <v>62</v>
      </c>
      <c r="G7" s="506"/>
      <c r="H7" s="506"/>
      <c r="I7" s="506"/>
      <c r="J7" s="506"/>
      <c r="K7" s="506"/>
      <c r="L7" s="506"/>
      <c r="M7" s="505" t="s">
        <v>52</v>
      </c>
      <c r="N7" s="570" t="s">
        <v>61</v>
      </c>
      <c r="O7" s="506"/>
      <c r="P7" s="506"/>
      <c r="Q7" s="505" t="s">
        <v>62</v>
      </c>
      <c r="R7" s="506"/>
      <c r="S7" s="506"/>
      <c r="T7" s="506"/>
      <c r="U7" s="506"/>
      <c r="V7" s="506"/>
      <c r="W7" s="507"/>
      <c r="X7" s="533" t="s">
        <v>52</v>
      </c>
      <c r="Y7" s="433" t="s">
        <v>61</v>
      </c>
      <c r="Z7" s="434"/>
      <c r="AA7" s="515"/>
      <c r="AB7" s="514" t="s">
        <v>62</v>
      </c>
      <c r="AC7" s="434"/>
      <c r="AD7" s="434"/>
      <c r="AE7" s="434"/>
      <c r="AF7" s="434"/>
      <c r="AG7" s="434"/>
      <c r="AH7" s="515"/>
      <c r="AI7" s="435" t="s">
        <v>52</v>
      </c>
      <c r="AJ7" s="518" t="s">
        <v>61</v>
      </c>
      <c r="AK7" s="512"/>
      <c r="AL7" s="513"/>
      <c r="AM7" s="534" t="s">
        <v>62</v>
      </c>
      <c r="AN7" s="512"/>
      <c r="AO7" s="512"/>
      <c r="AP7" s="512"/>
      <c r="AQ7" s="512"/>
      <c r="AR7" s="512"/>
      <c r="AS7" s="535"/>
      <c r="AT7" s="435" t="s">
        <v>52</v>
      </c>
      <c r="AU7" s="518" t="s">
        <v>61</v>
      </c>
      <c r="AV7" s="512"/>
      <c r="AW7" s="513"/>
      <c r="AX7" s="534" t="s">
        <v>62</v>
      </c>
      <c r="AY7" s="512"/>
      <c r="AZ7" s="512"/>
      <c r="BA7" s="512"/>
      <c r="BB7" s="512"/>
      <c r="BC7" s="512"/>
      <c r="BD7" s="535"/>
      <c r="BE7" s="435" t="s">
        <v>52</v>
      </c>
      <c r="BF7" s="518" t="s">
        <v>61</v>
      </c>
      <c r="BG7" s="512"/>
      <c r="BH7" s="513"/>
      <c r="BI7" s="534" t="s">
        <v>62</v>
      </c>
      <c r="BJ7" s="512"/>
      <c r="BK7" s="512"/>
      <c r="BL7" s="512"/>
      <c r="BM7" s="512"/>
      <c r="BN7" s="512"/>
      <c r="BO7" s="535"/>
      <c r="BP7" s="435" t="s">
        <v>52</v>
      </c>
      <c r="BQ7" s="518" t="s">
        <v>61</v>
      </c>
      <c r="BR7" s="512"/>
      <c r="BS7" s="513"/>
      <c r="BT7" s="534" t="s">
        <v>62</v>
      </c>
      <c r="BU7" s="512"/>
      <c r="BV7" s="512"/>
      <c r="BW7" s="512"/>
      <c r="BX7" s="512"/>
      <c r="BY7" s="512"/>
      <c r="BZ7" s="535"/>
      <c r="CA7" s="435" t="s">
        <v>52</v>
      </c>
      <c r="CB7" s="502" t="s">
        <v>61</v>
      </c>
      <c r="CC7" s="503"/>
      <c r="CD7" s="504"/>
      <c r="CE7" s="531" t="s">
        <v>62</v>
      </c>
      <c r="CF7" s="503"/>
      <c r="CG7" s="503"/>
      <c r="CH7" s="503"/>
      <c r="CI7" s="503"/>
      <c r="CJ7" s="503"/>
      <c r="CK7" s="532"/>
      <c r="CL7" s="533" t="s">
        <v>52</v>
      </c>
      <c r="CM7" s="518" t="s">
        <v>61</v>
      </c>
      <c r="CN7" s="512"/>
      <c r="CO7" s="535"/>
      <c r="CP7" s="534" t="s">
        <v>62</v>
      </c>
      <c r="CQ7" s="512"/>
      <c r="CR7" s="512"/>
      <c r="CS7" s="512"/>
      <c r="CT7" s="512"/>
      <c r="CU7" s="512"/>
      <c r="CV7" s="535"/>
      <c r="CW7" s="529" t="s">
        <v>52</v>
      </c>
      <c r="CX7" s="518" t="s">
        <v>61</v>
      </c>
      <c r="CY7" s="512"/>
      <c r="CZ7" s="535"/>
      <c r="DA7" s="534" t="s">
        <v>62</v>
      </c>
      <c r="DB7" s="512"/>
      <c r="DC7" s="512"/>
      <c r="DD7" s="512"/>
      <c r="DE7" s="512"/>
      <c r="DF7" s="512"/>
      <c r="DG7" s="535"/>
      <c r="DH7" s="529" t="s">
        <v>52</v>
      </c>
      <c r="DI7" s="502" t="s">
        <v>61</v>
      </c>
      <c r="DJ7" s="503"/>
      <c r="DK7" s="532"/>
      <c r="DL7" s="531" t="s">
        <v>62</v>
      </c>
      <c r="DM7" s="503"/>
      <c r="DN7" s="503"/>
      <c r="DO7" s="503"/>
      <c r="DP7" s="503"/>
      <c r="DQ7" s="503"/>
      <c r="DR7" s="532"/>
      <c r="DS7" s="533" t="s">
        <v>52</v>
      </c>
      <c r="DT7" s="518" t="s">
        <v>61</v>
      </c>
      <c r="DU7" s="512"/>
      <c r="DV7" s="513"/>
      <c r="DW7" s="534" t="s">
        <v>62</v>
      </c>
      <c r="DX7" s="512"/>
      <c r="DY7" s="512"/>
      <c r="DZ7" s="512"/>
      <c r="EA7" s="512"/>
      <c r="EB7" s="512"/>
      <c r="EC7" s="535"/>
      <c r="ED7" s="435" t="s">
        <v>52</v>
      </c>
      <c r="EE7" s="518" t="s">
        <v>61</v>
      </c>
      <c r="EF7" s="512"/>
      <c r="EG7" s="513"/>
      <c r="EH7" s="534" t="s">
        <v>62</v>
      </c>
      <c r="EI7" s="512"/>
      <c r="EJ7" s="512"/>
      <c r="EK7" s="512"/>
      <c r="EL7" s="512"/>
      <c r="EM7" s="512"/>
      <c r="EN7" s="535"/>
      <c r="EO7" s="435" t="s">
        <v>52</v>
      </c>
      <c r="EP7" s="518" t="s">
        <v>61</v>
      </c>
      <c r="EQ7" s="512"/>
      <c r="ER7" s="513"/>
      <c r="ES7" s="534" t="s">
        <v>62</v>
      </c>
      <c r="ET7" s="512"/>
      <c r="EU7" s="512"/>
      <c r="EV7" s="512"/>
      <c r="EW7" s="512"/>
      <c r="EX7" s="512"/>
      <c r="EY7" s="535"/>
      <c r="EZ7" s="435" t="s">
        <v>52</v>
      </c>
      <c r="FA7" s="518" t="s">
        <v>61</v>
      </c>
      <c r="FB7" s="512"/>
      <c r="FC7" s="513"/>
      <c r="FD7" s="534" t="s">
        <v>62</v>
      </c>
      <c r="FE7" s="512"/>
      <c r="FF7" s="512"/>
      <c r="FG7" s="512"/>
      <c r="FH7" s="512"/>
      <c r="FI7" s="512"/>
      <c r="FJ7" s="535"/>
      <c r="FK7" s="435" t="s">
        <v>52</v>
      </c>
      <c r="FL7" s="502" t="s">
        <v>61</v>
      </c>
      <c r="FM7" s="503"/>
      <c r="FN7" s="504"/>
      <c r="FO7" s="531" t="s">
        <v>62</v>
      </c>
      <c r="FP7" s="503"/>
      <c r="FQ7" s="503"/>
      <c r="FR7" s="503"/>
      <c r="FS7" s="503"/>
      <c r="FT7" s="503"/>
      <c r="FU7" s="532"/>
      <c r="FV7" s="506" t="s">
        <v>52</v>
      </c>
      <c r="FW7" s="518" t="s">
        <v>61</v>
      </c>
      <c r="FX7" s="512"/>
      <c r="FY7" s="513"/>
      <c r="FZ7" s="534" t="s">
        <v>62</v>
      </c>
      <c r="GA7" s="512"/>
      <c r="GB7" s="512"/>
      <c r="GC7" s="512"/>
      <c r="GD7" s="512"/>
      <c r="GE7" s="512"/>
      <c r="GF7" s="535"/>
      <c r="GG7" s="435" t="s">
        <v>52</v>
      </c>
      <c r="GH7" s="433" t="s">
        <v>61</v>
      </c>
      <c r="GI7" s="434"/>
      <c r="GJ7" s="434"/>
      <c r="GK7" s="514" t="s">
        <v>62</v>
      </c>
      <c r="GL7" s="434"/>
      <c r="GM7" s="434"/>
      <c r="GN7" s="434"/>
      <c r="GO7" s="434"/>
      <c r="GP7" s="434"/>
      <c r="GQ7" s="515"/>
      <c r="GR7" s="552" t="s">
        <v>52</v>
      </c>
      <c r="GS7" s="433" t="s">
        <v>61</v>
      </c>
      <c r="GT7" s="434"/>
      <c r="GU7" s="515"/>
      <c r="GV7" s="514" t="s">
        <v>62</v>
      </c>
      <c r="GW7" s="434"/>
      <c r="GX7" s="434"/>
      <c r="GY7" s="434"/>
      <c r="GZ7" s="434"/>
      <c r="HA7" s="434"/>
      <c r="HB7" s="515"/>
      <c r="HC7" s="552" t="s">
        <v>52</v>
      </c>
      <c r="HD7" s="518" t="s">
        <v>61</v>
      </c>
      <c r="HE7" s="512"/>
      <c r="HF7" s="513"/>
      <c r="HG7" s="534" t="s">
        <v>62</v>
      </c>
      <c r="HH7" s="512"/>
      <c r="HI7" s="512"/>
      <c r="HJ7" s="512"/>
      <c r="HK7" s="512"/>
      <c r="HL7" s="512"/>
      <c r="HM7" s="535"/>
      <c r="HN7" s="435" t="s">
        <v>52</v>
      </c>
      <c r="HO7" s="518" t="s">
        <v>61</v>
      </c>
      <c r="HP7" s="512"/>
      <c r="HQ7" s="513"/>
      <c r="HR7" s="534" t="s">
        <v>62</v>
      </c>
      <c r="HS7" s="512"/>
      <c r="HT7" s="512"/>
      <c r="HU7" s="512"/>
      <c r="HV7" s="512"/>
      <c r="HW7" s="512"/>
      <c r="HX7" s="535"/>
      <c r="HY7" s="435" t="s">
        <v>52</v>
      </c>
      <c r="HZ7" s="502" t="s">
        <v>61</v>
      </c>
      <c r="IA7" s="503"/>
      <c r="IB7" s="504"/>
      <c r="IC7" s="531" t="s">
        <v>62</v>
      </c>
      <c r="ID7" s="503"/>
      <c r="IE7" s="503"/>
      <c r="IF7" s="503"/>
      <c r="IG7" s="503"/>
      <c r="IH7" s="503"/>
      <c r="II7" s="532"/>
      <c r="IJ7" s="506" t="s">
        <v>52</v>
      </c>
      <c r="IK7" s="518" t="s">
        <v>61</v>
      </c>
      <c r="IL7" s="512"/>
      <c r="IM7" s="513"/>
      <c r="IN7" s="534" t="s">
        <v>62</v>
      </c>
      <c r="IO7" s="512"/>
      <c r="IP7" s="512"/>
      <c r="IQ7" s="512"/>
      <c r="IR7" s="512"/>
      <c r="IS7" s="512"/>
      <c r="IT7" s="535"/>
      <c r="IU7" s="435" t="s">
        <v>52</v>
      </c>
      <c r="IV7" s="518" t="s">
        <v>61</v>
      </c>
      <c r="IW7" s="512"/>
      <c r="IX7" s="535"/>
      <c r="IY7" s="534" t="s">
        <v>62</v>
      </c>
      <c r="IZ7" s="512"/>
      <c r="JA7" s="512"/>
      <c r="JB7" s="512"/>
      <c r="JC7" s="512"/>
      <c r="JD7" s="512"/>
      <c r="JE7" s="535"/>
      <c r="JF7" s="435" t="s">
        <v>52</v>
      </c>
      <c r="JG7" s="518" t="s">
        <v>61</v>
      </c>
      <c r="JH7" s="512"/>
      <c r="JI7" s="513"/>
      <c r="JJ7" s="534" t="s">
        <v>62</v>
      </c>
      <c r="JK7" s="512"/>
      <c r="JL7" s="512"/>
      <c r="JM7" s="512"/>
      <c r="JN7" s="512"/>
      <c r="JO7" s="512"/>
      <c r="JP7" s="535"/>
      <c r="JQ7" s="529" t="s">
        <v>52</v>
      </c>
      <c r="JR7" s="518" t="s">
        <v>61</v>
      </c>
      <c r="JS7" s="512"/>
      <c r="JT7" s="513"/>
      <c r="JU7" s="534" t="s">
        <v>62</v>
      </c>
      <c r="JV7" s="512"/>
      <c r="JW7" s="512"/>
      <c r="JX7" s="512"/>
      <c r="JY7" s="512"/>
      <c r="JZ7" s="512"/>
      <c r="KA7" s="535"/>
      <c r="KB7" s="529" t="s">
        <v>52</v>
      </c>
      <c r="KC7" s="518" t="s">
        <v>61</v>
      </c>
      <c r="KD7" s="512"/>
      <c r="KE7" s="513"/>
      <c r="KF7" s="534" t="s">
        <v>62</v>
      </c>
      <c r="KG7" s="512"/>
      <c r="KH7" s="512"/>
      <c r="KI7" s="512"/>
      <c r="KJ7" s="512"/>
      <c r="KK7" s="512"/>
      <c r="KL7" s="535"/>
      <c r="KM7" s="529" t="s">
        <v>52</v>
      </c>
      <c r="KN7" s="518" t="s">
        <v>61</v>
      </c>
      <c r="KO7" s="512"/>
      <c r="KP7" s="513"/>
      <c r="KQ7" s="534" t="s">
        <v>62</v>
      </c>
      <c r="KR7" s="512"/>
      <c r="KS7" s="512"/>
      <c r="KT7" s="512"/>
      <c r="KU7" s="512"/>
      <c r="KV7" s="512"/>
      <c r="KW7" s="535"/>
      <c r="KX7" s="529" t="s">
        <v>52</v>
      </c>
      <c r="KY7" s="518" t="s">
        <v>61</v>
      </c>
      <c r="KZ7" s="512"/>
      <c r="LA7" s="513"/>
      <c r="LB7" s="534" t="s">
        <v>62</v>
      </c>
      <c r="LC7" s="512"/>
      <c r="LD7" s="512"/>
      <c r="LE7" s="512"/>
      <c r="LF7" s="512"/>
      <c r="LG7" s="512"/>
      <c r="LH7" s="535"/>
      <c r="LI7" s="529" t="s">
        <v>52</v>
      </c>
      <c r="LJ7" s="518" t="s">
        <v>61</v>
      </c>
      <c r="LK7" s="512"/>
      <c r="LL7" s="513"/>
      <c r="LM7" s="534" t="s">
        <v>62</v>
      </c>
      <c r="LN7" s="512"/>
      <c r="LO7" s="512"/>
      <c r="LP7" s="512"/>
      <c r="LQ7" s="512"/>
      <c r="LR7" s="512"/>
      <c r="LS7" s="535"/>
      <c r="LT7" s="529" t="s">
        <v>52</v>
      </c>
      <c r="LU7" s="518" t="s">
        <v>61</v>
      </c>
      <c r="LV7" s="512"/>
      <c r="LW7" s="513"/>
      <c r="LX7" s="534" t="s">
        <v>62</v>
      </c>
      <c r="LY7" s="512"/>
      <c r="LZ7" s="512"/>
      <c r="MA7" s="512"/>
      <c r="MB7" s="512"/>
      <c r="MC7" s="512"/>
      <c r="MD7" s="535"/>
      <c r="ME7" s="529" t="s">
        <v>52</v>
      </c>
      <c r="MF7" s="502" t="s">
        <v>61</v>
      </c>
      <c r="MG7" s="503"/>
      <c r="MH7" s="504"/>
      <c r="MI7" s="531" t="s">
        <v>62</v>
      </c>
      <c r="MJ7" s="503"/>
      <c r="MK7" s="503"/>
      <c r="ML7" s="503"/>
      <c r="MM7" s="503"/>
      <c r="MN7" s="503"/>
      <c r="MO7" s="532"/>
      <c r="MP7" s="533" t="s">
        <v>52</v>
      </c>
      <c r="MQ7" s="518" t="s">
        <v>61</v>
      </c>
      <c r="MR7" s="512"/>
      <c r="MS7" s="513"/>
      <c r="MT7" s="534" t="s">
        <v>62</v>
      </c>
      <c r="MU7" s="512"/>
      <c r="MV7" s="512"/>
      <c r="MW7" s="512"/>
      <c r="MX7" s="512"/>
      <c r="MY7" s="512"/>
      <c r="MZ7" s="535"/>
      <c r="NA7" s="529" t="s">
        <v>52</v>
      </c>
      <c r="NB7" s="518" t="s">
        <v>61</v>
      </c>
      <c r="NC7" s="512"/>
      <c r="ND7" s="513"/>
      <c r="NE7" s="534" t="s">
        <v>62</v>
      </c>
      <c r="NF7" s="512"/>
      <c r="NG7" s="512"/>
      <c r="NH7" s="512"/>
      <c r="NI7" s="512"/>
      <c r="NJ7" s="512"/>
      <c r="NK7" s="535"/>
      <c r="NL7" s="529" t="s">
        <v>52</v>
      </c>
      <c r="NM7" s="518" t="s">
        <v>61</v>
      </c>
      <c r="NN7" s="512"/>
      <c r="NO7" s="513"/>
      <c r="NP7" s="534" t="s">
        <v>62</v>
      </c>
      <c r="NQ7" s="512"/>
      <c r="NR7" s="512"/>
      <c r="NS7" s="512"/>
      <c r="NT7" s="512"/>
      <c r="NU7" s="512"/>
      <c r="NV7" s="535"/>
      <c r="NW7" s="529" t="s">
        <v>52</v>
      </c>
      <c r="NX7" s="518" t="s">
        <v>61</v>
      </c>
      <c r="NY7" s="512"/>
      <c r="NZ7" s="513"/>
      <c r="OA7" s="534" t="s">
        <v>62</v>
      </c>
      <c r="OB7" s="512"/>
      <c r="OC7" s="512"/>
      <c r="OD7" s="512"/>
      <c r="OE7" s="512"/>
      <c r="OF7" s="512"/>
      <c r="OG7" s="535"/>
      <c r="OH7" s="529" t="s">
        <v>52</v>
      </c>
      <c r="OI7" s="502" t="s">
        <v>61</v>
      </c>
      <c r="OJ7" s="503"/>
      <c r="OK7" s="504"/>
      <c r="OL7" s="531" t="s">
        <v>62</v>
      </c>
      <c r="OM7" s="503"/>
      <c r="ON7" s="503"/>
      <c r="OO7" s="503"/>
      <c r="OP7" s="503"/>
      <c r="OQ7" s="503"/>
      <c r="OR7" s="532"/>
      <c r="OS7" s="533" t="s">
        <v>52</v>
      </c>
    </row>
    <row r="8" spans="2:409" ht="30" customHeight="1" thickBot="1" x14ac:dyDescent="0.25">
      <c r="B8" s="556"/>
      <c r="C8" s="249" t="s">
        <v>43</v>
      </c>
      <c r="D8" s="74" t="s">
        <v>44</v>
      </c>
      <c r="E8" s="250" t="s">
        <v>45</v>
      </c>
      <c r="F8" s="76" t="s">
        <v>83</v>
      </c>
      <c r="G8" s="74" t="s">
        <v>47</v>
      </c>
      <c r="H8" s="74" t="s">
        <v>48</v>
      </c>
      <c r="I8" s="74" t="s">
        <v>49</v>
      </c>
      <c r="J8" s="74" t="s">
        <v>50</v>
      </c>
      <c r="K8" s="74" t="s">
        <v>51</v>
      </c>
      <c r="L8" s="75" t="s">
        <v>45</v>
      </c>
      <c r="M8" s="569"/>
      <c r="N8" s="73" t="s">
        <v>43</v>
      </c>
      <c r="O8" s="74" t="s">
        <v>44</v>
      </c>
      <c r="P8" s="75" t="s">
        <v>45</v>
      </c>
      <c r="Q8" s="76" t="s">
        <v>83</v>
      </c>
      <c r="R8" s="74" t="s">
        <v>47</v>
      </c>
      <c r="S8" s="74" t="s">
        <v>48</v>
      </c>
      <c r="T8" s="74" t="s">
        <v>49</v>
      </c>
      <c r="U8" s="74" t="s">
        <v>50</v>
      </c>
      <c r="V8" s="74" t="s">
        <v>51</v>
      </c>
      <c r="W8" s="75" t="s">
        <v>45</v>
      </c>
      <c r="X8" s="550"/>
      <c r="Y8" s="73" t="s">
        <v>43</v>
      </c>
      <c r="Z8" s="74" t="s">
        <v>44</v>
      </c>
      <c r="AA8" s="75" t="s">
        <v>45</v>
      </c>
      <c r="AB8" s="76" t="s">
        <v>83</v>
      </c>
      <c r="AC8" s="74" t="s">
        <v>47</v>
      </c>
      <c r="AD8" s="74" t="s">
        <v>48</v>
      </c>
      <c r="AE8" s="74" t="s">
        <v>49</v>
      </c>
      <c r="AF8" s="74" t="s">
        <v>50</v>
      </c>
      <c r="AG8" s="74" t="s">
        <v>51</v>
      </c>
      <c r="AH8" s="75" t="s">
        <v>45</v>
      </c>
      <c r="AI8" s="551"/>
      <c r="AJ8" s="73" t="s">
        <v>43</v>
      </c>
      <c r="AK8" s="74" t="s">
        <v>44</v>
      </c>
      <c r="AL8" s="250" t="s">
        <v>45</v>
      </c>
      <c r="AM8" s="76" t="s">
        <v>83</v>
      </c>
      <c r="AN8" s="74" t="s">
        <v>47</v>
      </c>
      <c r="AO8" s="74" t="s">
        <v>48</v>
      </c>
      <c r="AP8" s="74" t="s">
        <v>49</v>
      </c>
      <c r="AQ8" s="74" t="s">
        <v>50</v>
      </c>
      <c r="AR8" s="74" t="s">
        <v>51</v>
      </c>
      <c r="AS8" s="75" t="s">
        <v>45</v>
      </c>
      <c r="AT8" s="551"/>
      <c r="AU8" s="73" t="s">
        <v>43</v>
      </c>
      <c r="AV8" s="74" t="s">
        <v>44</v>
      </c>
      <c r="AW8" s="250" t="s">
        <v>45</v>
      </c>
      <c r="AX8" s="76" t="s">
        <v>83</v>
      </c>
      <c r="AY8" s="74" t="s">
        <v>47</v>
      </c>
      <c r="AZ8" s="74" t="s">
        <v>48</v>
      </c>
      <c r="BA8" s="74" t="s">
        <v>49</v>
      </c>
      <c r="BB8" s="74" t="s">
        <v>50</v>
      </c>
      <c r="BC8" s="74" t="s">
        <v>51</v>
      </c>
      <c r="BD8" s="75" t="s">
        <v>45</v>
      </c>
      <c r="BE8" s="551"/>
      <c r="BF8" s="251" t="s">
        <v>43</v>
      </c>
      <c r="BG8" s="74" t="s">
        <v>44</v>
      </c>
      <c r="BH8" s="250" t="s">
        <v>45</v>
      </c>
      <c r="BI8" s="76" t="s">
        <v>83</v>
      </c>
      <c r="BJ8" s="74" t="s">
        <v>47</v>
      </c>
      <c r="BK8" s="74" t="s">
        <v>48</v>
      </c>
      <c r="BL8" s="74" t="s">
        <v>49</v>
      </c>
      <c r="BM8" s="74" t="s">
        <v>50</v>
      </c>
      <c r="BN8" s="74" t="s">
        <v>51</v>
      </c>
      <c r="BO8" s="75" t="s">
        <v>45</v>
      </c>
      <c r="BP8" s="551"/>
      <c r="BQ8" s="73" t="s">
        <v>43</v>
      </c>
      <c r="BR8" s="74" t="s">
        <v>44</v>
      </c>
      <c r="BS8" s="250" t="s">
        <v>45</v>
      </c>
      <c r="BT8" s="76" t="s">
        <v>83</v>
      </c>
      <c r="BU8" s="74" t="s">
        <v>47</v>
      </c>
      <c r="BV8" s="74" t="s">
        <v>48</v>
      </c>
      <c r="BW8" s="74" t="s">
        <v>49</v>
      </c>
      <c r="BX8" s="74" t="s">
        <v>50</v>
      </c>
      <c r="BY8" s="74" t="s">
        <v>51</v>
      </c>
      <c r="BZ8" s="75" t="s">
        <v>45</v>
      </c>
      <c r="CA8" s="551"/>
      <c r="CB8" s="73" t="s">
        <v>43</v>
      </c>
      <c r="CC8" s="74" t="s">
        <v>44</v>
      </c>
      <c r="CD8" s="250" t="s">
        <v>45</v>
      </c>
      <c r="CE8" s="76" t="s">
        <v>83</v>
      </c>
      <c r="CF8" s="74" t="s">
        <v>47</v>
      </c>
      <c r="CG8" s="74" t="s">
        <v>48</v>
      </c>
      <c r="CH8" s="74" t="s">
        <v>49</v>
      </c>
      <c r="CI8" s="74" t="s">
        <v>50</v>
      </c>
      <c r="CJ8" s="74" t="s">
        <v>51</v>
      </c>
      <c r="CK8" s="75" t="s">
        <v>45</v>
      </c>
      <c r="CL8" s="550"/>
      <c r="CM8" s="73" t="s">
        <v>43</v>
      </c>
      <c r="CN8" s="74" t="s">
        <v>44</v>
      </c>
      <c r="CO8" s="75" t="s">
        <v>45</v>
      </c>
      <c r="CP8" s="76" t="s">
        <v>83</v>
      </c>
      <c r="CQ8" s="74" t="s">
        <v>47</v>
      </c>
      <c r="CR8" s="74" t="s">
        <v>48</v>
      </c>
      <c r="CS8" s="74" t="s">
        <v>49</v>
      </c>
      <c r="CT8" s="74" t="s">
        <v>50</v>
      </c>
      <c r="CU8" s="74" t="s">
        <v>51</v>
      </c>
      <c r="CV8" s="75" t="s">
        <v>45</v>
      </c>
      <c r="CW8" s="550"/>
      <c r="CX8" s="73" t="s">
        <v>43</v>
      </c>
      <c r="CY8" s="74" t="s">
        <v>44</v>
      </c>
      <c r="CZ8" s="75" t="s">
        <v>45</v>
      </c>
      <c r="DA8" s="76" t="s">
        <v>83</v>
      </c>
      <c r="DB8" s="74" t="s">
        <v>47</v>
      </c>
      <c r="DC8" s="74" t="s">
        <v>48</v>
      </c>
      <c r="DD8" s="74" t="s">
        <v>49</v>
      </c>
      <c r="DE8" s="74" t="s">
        <v>50</v>
      </c>
      <c r="DF8" s="74" t="s">
        <v>51</v>
      </c>
      <c r="DG8" s="75" t="s">
        <v>45</v>
      </c>
      <c r="DH8" s="550"/>
      <c r="DI8" s="73" t="s">
        <v>43</v>
      </c>
      <c r="DJ8" s="74" t="s">
        <v>44</v>
      </c>
      <c r="DK8" s="75" t="s">
        <v>45</v>
      </c>
      <c r="DL8" s="76" t="s">
        <v>83</v>
      </c>
      <c r="DM8" s="74" t="s">
        <v>47</v>
      </c>
      <c r="DN8" s="74" t="s">
        <v>48</v>
      </c>
      <c r="DO8" s="74" t="s">
        <v>49</v>
      </c>
      <c r="DP8" s="74" t="s">
        <v>50</v>
      </c>
      <c r="DQ8" s="74" t="s">
        <v>51</v>
      </c>
      <c r="DR8" s="75" t="s">
        <v>45</v>
      </c>
      <c r="DS8" s="550"/>
      <c r="DT8" s="73" t="s">
        <v>43</v>
      </c>
      <c r="DU8" s="74" t="s">
        <v>44</v>
      </c>
      <c r="DV8" s="250" t="s">
        <v>45</v>
      </c>
      <c r="DW8" s="76" t="s">
        <v>83</v>
      </c>
      <c r="DX8" s="74" t="s">
        <v>47</v>
      </c>
      <c r="DY8" s="74" t="s">
        <v>48</v>
      </c>
      <c r="DZ8" s="74" t="s">
        <v>49</v>
      </c>
      <c r="EA8" s="74" t="s">
        <v>50</v>
      </c>
      <c r="EB8" s="74" t="s">
        <v>51</v>
      </c>
      <c r="EC8" s="75" t="s">
        <v>45</v>
      </c>
      <c r="ED8" s="551"/>
      <c r="EE8" s="73" t="s">
        <v>43</v>
      </c>
      <c r="EF8" s="74" t="s">
        <v>44</v>
      </c>
      <c r="EG8" s="250" t="s">
        <v>45</v>
      </c>
      <c r="EH8" s="76" t="s">
        <v>83</v>
      </c>
      <c r="EI8" s="74" t="s">
        <v>47</v>
      </c>
      <c r="EJ8" s="74" t="s">
        <v>48</v>
      </c>
      <c r="EK8" s="74" t="s">
        <v>49</v>
      </c>
      <c r="EL8" s="74" t="s">
        <v>50</v>
      </c>
      <c r="EM8" s="74" t="s">
        <v>51</v>
      </c>
      <c r="EN8" s="75" t="s">
        <v>45</v>
      </c>
      <c r="EO8" s="551"/>
      <c r="EP8" s="73" t="s">
        <v>43</v>
      </c>
      <c r="EQ8" s="74" t="s">
        <v>44</v>
      </c>
      <c r="ER8" s="250" t="s">
        <v>45</v>
      </c>
      <c r="ES8" s="76" t="s">
        <v>83</v>
      </c>
      <c r="ET8" s="74" t="s">
        <v>47</v>
      </c>
      <c r="EU8" s="74" t="s">
        <v>48</v>
      </c>
      <c r="EV8" s="74" t="s">
        <v>49</v>
      </c>
      <c r="EW8" s="74" t="s">
        <v>50</v>
      </c>
      <c r="EX8" s="74" t="s">
        <v>51</v>
      </c>
      <c r="EY8" s="75" t="s">
        <v>45</v>
      </c>
      <c r="EZ8" s="551"/>
      <c r="FA8" s="73" t="s">
        <v>43</v>
      </c>
      <c r="FB8" s="74" t="s">
        <v>44</v>
      </c>
      <c r="FC8" s="250" t="s">
        <v>45</v>
      </c>
      <c r="FD8" s="76" t="s">
        <v>83</v>
      </c>
      <c r="FE8" s="74" t="s">
        <v>47</v>
      </c>
      <c r="FF8" s="74" t="s">
        <v>48</v>
      </c>
      <c r="FG8" s="74" t="s">
        <v>49</v>
      </c>
      <c r="FH8" s="74" t="s">
        <v>50</v>
      </c>
      <c r="FI8" s="74" t="s">
        <v>51</v>
      </c>
      <c r="FJ8" s="75" t="s">
        <v>45</v>
      </c>
      <c r="FK8" s="551"/>
      <c r="FL8" s="73" t="s">
        <v>43</v>
      </c>
      <c r="FM8" s="74" t="s">
        <v>44</v>
      </c>
      <c r="FN8" s="250" t="s">
        <v>45</v>
      </c>
      <c r="FO8" s="76" t="s">
        <v>83</v>
      </c>
      <c r="FP8" s="74" t="s">
        <v>47</v>
      </c>
      <c r="FQ8" s="74" t="s">
        <v>48</v>
      </c>
      <c r="FR8" s="74" t="s">
        <v>49</v>
      </c>
      <c r="FS8" s="74" t="s">
        <v>50</v>
      </c>
      <c r="FT8" s="74" t="s">
        <v>51</v>
      </c>
      <c r="FU8" s="75" t="s">
        <v>45</v>
      </c>
      <c r="FV8" s="549"/>
      <c r="FW8" s="73" t="s">
        <v>43</v>
      </c>
      <c r="FX8" s="74" t="s">
        <v>44</v>
      </c>
      <c r="FY8" s="250" t="s">
        <v>45</v>
      </c>
      <c r="FZ8" s="76" t="s">
        <v>83</v>
      </c>
      <c r="GA8" s="74" t="s">
        <v>47</v>
      </c>
      <c r="GB8" s="74" t="s">
        <v>48</v>
      </c>
      <c r="GC8" s="74" t="s">
        <v>49</v>
      </c>
      <c r="GD8" s="74" t="s">
        <v>50</v>
      </c>
      <c r="GE8" s="74" t="s">
        <v>51</v>
      </c>
      <c r="GF8" s="75" t="s">
        <v>45</v>
      </c>
      <c r="GG8" s="551"/>
      <c r="GH8" s="73" t="s">
        <v>43</v>
      </c>
      <c r="GI8" s="74" t="s">
        <v>44</v>
      </c>
      <c r="GJ8" s="250" t="s">
        <v>45</v>
      </c>
      <c r="GK8" s="76" t="s">
        <v>83</v>
      </c>
      <c r="GL8" s="74" t="s">
        <v>47</v>
      </c>
      <c r="GM8" s="74" t="s">
        <v>48</v>
      </c>
      <c r="GN8" s="74" t="s">
        <v>49</v>
      </c>
      <c r="GO8" s="74" t="s">
        <v>50</v>
      </c>
      <c r="GP8" s="74" t="s">
        <v>51</v>
      </c>
      <c r="GQ8" s="75" t="s">
        <v>45</v>
      </c>
      <c r="GR8" s="553"/>
      <c r="GS8" s="73" t="s">
        <v>43</v>
      </c>
      <c r="GT8" s="74" t="s">
        <v>44</v>
      </c>
      <c r="GU8" s="250" t="s">
        <v>45</v>
      </c>
      <c r="GV8" s="76" t="s">
        <v>83</v>
      </c>
      <c r="GW8" s="74" t="s">
        <v>47</v>
      </c>
      <c r="GX8" s="74" t="s">
        <v>48</v>
      </c>
      <c r="GY8" s="74" t="s">
        <v>49</v>
      </c>
      <c r="GZ8" s="74" t="s">
        <v>50</v>
      </c>
      <c r="HA8" s="74" t="s">
        <v>51</v>
      </c>
      <c r="HB8" s="75" t="s">
        <v>45</v>
      </c>
      <c r="HC8" s="553"/>
      <c r="HD8" s="73" t="s">
        <v>43</v>
      </c>
      <c r="HE8" s="74" t="s">
        <v>44</v>
      </c>
      <c r="HF8" s="250" t="s">
        <v>45</v>
      </c>
      <c r="HG8" s="76" t="s">
        <v>83</v>
      </c>
      <c r="HH8" s="74" t="s">
        <v>47</v>
      </c>
      <c r="HI8" s="74" t="s">
        <v>48</v>
      </c>
      <c r="HJ8" s="74" t="s">
        <v>49</v>
      </c>
      <c r="HK8" s="74" t="s">
        <v>50</v>
      </c>
      <c r="HL8" s="74" t="s">
        <v>51</v>
      </c>
      <c r="HM8" s="75" t="s">
        <v>45</v>
      </c>
      <c r="HN8" s="551"/>
      <c r="HO8" s="73" t="s">
        <v>43</v>
      </c>
      <c r="HP8" s="74" t="s">
        <v>44</v>
      </c>
      <c r="HQ8" s="250" t="s">
        <v>45</v>
      </c>
      <c r="HR8" s="76" t="s">
        <v>83</v>
      </c>
      <c r="HS8" s="74" t="s">
        <v>47</v>
      </c>
      <c r="HT8" s="74" t="s">
        <v>48</v>
      </c>
      <c r="HU8" s="74" t="s">
        <v>49</v>
      </c>
      <c r="HV8" s="74" t="s">
        <v>50</v>
      </c>
      <c r="HW8" s="74" t="s">
        <v>51</v>
      </c>
      <c r="HX8" s="75" t="s">
        <v>45</v>
      </c>
      <c r="HY8" s="551"/>
      <c r="HZ8" s="73" t="s">
        <v>43</v>
      </c>
      <c r="IA8" s="74" t="s">
        <v>44</v>
      </c>
      <c r="IB8" s="250" t="s">
        <v>45</v>
      </c>
      <c r="IC8" s="76" t="s">
        <v>83</v>
      </c>
      <c r="ID8" s="74" t="s">
        <v>47</v>
      </c>
      <c r="IE8" s="74" t="s">
        <v>48</v>
      </c>
      <c r="IF8" s="74" t="s">
        <v>49</v>
      </c>
      <c r="IG8" s="74" t="s">
        <v>50</v>
      </c>
      <c r="IH8" s="74" t="s">
        <v>51</v>
      </c>
      <c r="II8" s="75" t="s">
        <v>45</v>
      </c>
      <c r="IJ8" s="549"/>
      <c r="IK8" s="73" t="s">
        <v>43</v>
      </c>
      <c r="IL8" s="74" t="s">
        <v>44</v>
      </c>
      <c r="IM8" s="250" t="s">
        <v>45</v>
      </c>
      <c r="IN8" s="76" t="s">
        <v>83</v>
      </c>
      <c r="IO8" s="252" t="s">
        <v>47</v>
      </c>
      <c r="IP8" s="252" t="s">
        <v>48</v>
      </c>
      <c r="IQ8" s="252" t="s">
        <v>49</v>
      </c>
      <c r="IR8" s="252" t="s">
        <v>50</v>
      </c>
      <c r="IS8" s="252" t="s">
        <v>51</v>
      </c>
      <c r="IT8" s="253" t="s">
        <v>45</v>
      </c>
      <c r="IU8" s="548"/>
      <c r="IV8" s="251" t="s">
        <v>43</v>
      </c>
      <c r="IW8" s="252" t="s">
        <v>44</v>
      </c>
      <c r="IX8" s="253" t="s">
        <v>45</v>
      </c>
      <c r="IY8" s="76" t="s">
        <v>83</v>
      </c>
      <c r="IZ8" s="252" t="s">
        <v>47</v>
      </c>
      <c r="JA8" s="252" t="s">
        <v>48</v>
      </c>
      <c r="JB8" s="252" t="s">
        <v>49</v>
      </c>
      <c r="JC8" s="252" t="s">
        <v>50</v>
      </c>
      <c r="JD8" s="252" t="s">
        <v>51</v>
      </c>
      <c r="JE8" s="253" t="s">
        <v>45</v>
      </c>
      <c r="JF8" s="548"/>
      <c r="JG8" s="251" t="s">
        <v>43</v>
      </c>
      <c r="JH8" s="252" t="s">
        <v>44</v>
      </c>
      <c r="JI8" s="254" t="s">
        <v>45</v>
      </c>
      <c r="JJ8" s="231" t="s">
        <v>83</v>
      </c>
      <c r="JK8" s="252" t="s">
        <v>47</v>
      </c>
      <c r="JL8" s="252" t="s">
        <v>48</v>
      </c>
      <c r="JM8" s="252" t="s">
        <v>49</v>
      </c>
      <c r="JN8" s="252" t="s">
        <v>50</v>
      </c>
      <c r="JO8" s="252" t="s">
        <v>51</v>
      </c>
      <c r="JP8" s="253" t="s">
        <v>45</v>
      </c>
      <c r="JQ8" s="530"/>
      <c r="JR8" s="251" t="s">
        <v>43</v>
      </c>
      <c r="JS8" s="252" t="s">
        <v>44</v>
      </c>
      <c r="JT8" s="254" t="s">
        <v>45</v>
      </c>
      <c r="JU8" s="231" t="s">
        <v>83</v>
      </c>
      <c r="JV8" s="252" t="s">
        <v>47</v>
      </c>
      <c r="JW8" s="252" t="s">
        <v>48</v>
      </c>
      <c r="JX8" s="252" t="s">
        <v>49</v>
      </c>
      <c r="JY8" s="252" t="s">
        <v>50</v>
      </c>
      <c r="JZ8" s="252" t="s">
        <v>51</v>
      </c>
      <c r="KA8" s="253" t="s">
        <v>45</v>
      </c>
      <c r="KB8" s="530"/>
      <c r="KC8" s="251" t="s">
        <v>43</v>
      </c>
      <c r="KD8" s="252" t="s">
        <v>44</v>
      </c>
      <c r="KE8" s="254" t="s">
        <v>45</v>
      </c>
      <c r="KF8" s="231" t="s">
        <v>83</v>
      </c>
      <c r="KG8" s="252" t="s">
        <v>47</v>
      </c>
      <c r="KH8" s="252" t="s">
        <v>48</v>
      </c>
      <c r="KI8" s="252" t="s">
        <v>49</v>
      </c>
      <c r="KJ8" s="252" t="s">
        <v>50</v>
      </c>
      <c r="KK8" s="252" t="s">
        <v>51</v>
      </c>
      <c r="KL8" s="253" t="s">
        <v>45</v>
      </c>
      <c r="KM8" s="530"/>
      <c r="KN8" s="251" t="s">
        <v>43</v>
      </c>
      <c r="KO8" s="252" t="s">
        <v>44</v>
      </c>
      <c r="KP8" s="254" t="s">
        <v>45</v>
      </c>
      <c r="KQ8" s="76" t="s">
        <v>83</v>
      </c>
      <c r="KR8" s="252" t="s">
        <v>47</v>
      </c>
      <c r="KS8" s="252" t="s">
        <v>48</v>
      </c>
      <c r="KT8" s="252" t="s">
        <v>49</v>
      </c>
      <c r="KU8" s="252" t="s">
        <v>50</v>
      </c>
      <c r="KV8" s="252" t="s">
        <v>51</v>
      </c>
      <c r="KW8" s="253" t="s">
        <v>45</v>
      </c>
      <c r="KX8" s="530"/>
      <c r="KY8" s="251" t="s">
        <v>43</v>
      </c>
      <c r="KZ8" s="252" t="s">
        <v>44</v>
      </c>
      <c r="LA8" s="254" t="s">
        <v>45</v>
      </c>
      <c r="LB8" s="76" t="s">
        <v>83</v>
      </c>
      <c r="LC8" s="252" t="s">
        <v>47</v>
      </c>
      <c r="LD8" s="252" t="s">
        <v>48</v>
      </c>
      <c r="LE8" s="252" t="s">
        <v>49</v>
      </c>
      <c r="LF8" s="252" t="s">
        <v>50</v>
      </c>
      <c r="LG8" s="252" t="s">
        <v>51</v>
      </c>
      <c r="LH8" s="253" t="s">
        <v>45</v>
      </c>
      <c r="LI8" s="530"/>
      <c r="LJ8" s="251" t="s">
        <v>43</v>
      </c>
      <c r="LK8" s="252" t="s">
        <v>44</v>
      </c>
      <c r="LL8" s="254" t="s">
        <v>45</v>
      </c>
      <c r="LM8" s="76" t="s">
        <v>83</v>
      </c>
      <c r="LN8" s="252" t="s">
        <v>47</v>
      </c>
      <c r="LO8" s="252" t="s">
        <v>48</v>
      </c>
      <c r="LP8" s="252" t="s">
        <v>49</v>
      </c>
      <c r="LQ8" s="252" t="s">
        <v>50</v>
      </c>
      <c r="LR8" s="252" t="s">
        <v>51</v>
      </c>
      <c r="LS8" s="253" t="s">
        <v>45</v>
      </c>
      <c r="LT8" s="530"/>
      <c r="LU8" s="251" t="s">
        <v>43</v>
      </c>
      <c r="LV8" s="252" t="s">
        <v>44</v>
      </c>
      <c r="LW8" s="254" t="s">
        <v>45</v>
      </c>
      <c r="LX8" s="76" t="s">
        <v>83</v>
      </c>
      <c r="LY8" s="252" t="s">
        <v>47</v>
      </c>
      <c r="LZ8" s="252" t="s">
        <v>48</v>
      </c>
      <c r="MA8" s="252" t="s">
        <v>49</v>
      </c>
      <c r="MB8" s="252" t="s">
        <v>50</v>
      </c>
      <c r="MC8" s="252" t="s">
        <v>51</v>
      </c>
      <c r="MD8" s="253" t="s">
        <v>45</v>
      </c>
      <c r="ME8" s="530"/>
      <c r="MF8" s="251" t="s">
        <v>43</v>
      </c>
      <c r="MG8" s="252" t="s">
        <v>44</v>
      </c>
      <c r="MH8" s="254" t="s">
        <v>45</v>
      </c>
      <c r="MI8" s="76" t="s">
        <v>83</v>
      </c>
      <c r="MJ8" s="252" t="s">
        <v>47</v>
      </c>
      <c r="MK8" s="252" t="s">
        <v>48</v>
      </c>
      <c r="ML8" s="252" t="s">
        <v>49</v>
      </c>
      <c r="MM8" s="252" t="s">
        <v>50</v>
      </c>
      <c r="MN8" s="252" t="s">
        <v>51</v>
      </c>
      <c r="MO8" s="253" t="s">
        <v>45</v>
      </c>
      <c r="MP8" s="530"/>
      <c r="MQ8" s="251" t="s">
        <v>43</v>
      </c>
      <c r="MR8" s="252" t="s">
        <v>44</v>
      </c>
      <c r="MS8" s="254" t="s">
        <v>45</v>
      </c>
      <c r="MT8" s="76" t="s">
        <v>83</v>
      </c>
      <c r="MU8" s="252" t="s">
        <v>47</v>
      </c>
      <c r="MV8" s="252" t="s">
        <v>48</v>
      </c>
      <c r="MW8" s="252" t="s">
        <v>49</v>
      </c>
      <c r="MX8" s="252" t="s">
        <v>50</v>
      </c>
      <c r="MY8" s="252" t="s">
        <v>51</v>
      </c>
      <c r="MZ8" s="253" t="s">
        <v>45</v>
      </c>
      <c r="NA8" s="530"/>
      <c r="NB8" s="251" t="s">
        <v>43</v>
      </c>
      <c r="NC8" s="252" t="s">
        <v>44</v>
      </c>
      <c r="ND8" s="254" t="s">
        <v>45</v>
      </c>
      <c r="NE8" s="76" t="s">
        <v>83</v>
      </c>
      <c r="NF8" s="252" t="s">
        <v>47</v>
      </c>
      <c r="NG8" s="252" t="s">
        <v>48</v>
      </c>
      <c r="NH8" s="252" t="s">
        <v>49</v>
      </c>
      <c r="NI8" s="252" t="s">
        <v>50</v>
      </c>
      <c r="NJ8" s="252" t="s">
        <v>51</v>
      </c>
      <c r="NK8" s="253" t="s">
        <v>45</v>
      </c>
      <c r="NL8" s="530"/>
      <c r="NM8" s="251" t="s">
        <v>43</v>
      </c>
      <c r="NN8" s="252" t="s">
        <v>44</v>
      </c>
      <c r="NO8" s="254" t="s">
        <v>45</v>
      </c>
      <c r="NP8" s="76" t="s">
        <v>83</v>
      </c>
      <c r="NQ8" s="252" t="s">
        <v>47</v>
      </c>
      <c r="NR8" s="252" t="s">
        <v>48</v>
      </c>
      <c r="NS8" s="252" t="s">
        <v>49</v>
      </c>
      <c r="NT8" s="252" t="s">
        <v>50</v>
      </c>
      <c r="NU8" s="252" t="s">
        <v>51</v>
      </c>
      <c r="NV8" s="253" t="s">
        <v>45</v>
      </c>
      <c r="NW8" s="530"/>
      <c r="NX8" s="251" t="s">
        <v>43</v>
      </c>
      <c r="NY8" s="252" t="s">
        <v>44</v>
      </c>
      <c r="NZ8" s="254" t="s">
        <v>45</v>
      </c>
      <c r="OA8" s="76" t="s">
        <v>83</v>
      </c>
      <c r="OB8" s="252" t="s">
        <v>47</v>
      </c>
      <c r="OC8" s="252" t="s">
        <v>48</v>
      </c>
      <c r="OD8" s="252" t="s">
        <v>49</v>
      </c>
      <c r="OE8" s="252" t="s">
        <v>50</v>
      </c>
      <c r="OF8" s="252" t="s">
        <v>51</v>
      </c>
      <c r="OG8" s="253" t="s">
        <v>45</v>
      </c>
      <c r="OH8" s="530"/>
      <c r="OI8" s="251" t="s">
        <v>43</v>
      </c>
      <c r="OJ8" s="252" t="s">
        <v>44</v>
      </c>
      <c r="OK8" s="254" t="s">
        <v>45</v>
      </c>
      <c r="OL8" s="231" t="s">
        <v>83</v>
      </c>
      <c r="OM8" s="252" t="s">
        <v>47</v>
      </c>
      <c r="ON8" s="252" t="s">
        <v>48</v>
      </c>
      <c r="OO8" s="252" t="s">
        <v>49</v>
      </c>
      <c r="OP8" s="252" t="s">
        <v>50</v>
      </c>
      <c r="OQ8" s="252" t="s">
        <v>51</v>
      </c>
      <c r="OR8" s="253" t="s">
        <v>45</v>
      </c>
      <c r="OS8" s="530"/>
    </row>
    <row r="9" spans="2:409" s="407" customFormat="1" ht="21" customHeight="1" x14ac:dyDescent="0.2">
      <c r="B9" s="84" t="s">
        <v>4</v>
      </c>
      <c r="C9" s="255">
        <v>29257157</v>
      </c>
      <c r="D9" s="256">
        <v>51950625</v>
      </c>
      <c r="E9" s="257">
        <v>81207782</v>
      </c>
      <c r="F9" s="258">
        <v>0</v>
      </c>
      <c r="G9" s="256">
        <v>285404033</v>
      </c>
      <c r="H9" s="256">
        <v>395160961</v>
      </c>
      <c r="I9" s="256">
        <v>327315733</v>
      </c>
      <c r="J9" s="256">
        <v>321700466</v>
      </c>
      <c r="K9" s="256">
        <v>246910732</v>
      </c>
      <c r="L9" s="259">
        <v>1576491925</v>
      </c>
      <c r="M9" s="260">
        <v>1657699707</v>
      </c>
      <c r="N9" s="255">
        <v>8794764</v>
      </c>
      <c r="O9" s="256">
        <v>19208607</v>
      </c>
      <c r="P9" s="261">
        <v>28003371</v>
      </c>
      <c r="Q9" s="255">
        <v>0</v>
      </c>
      <c r="R9" s="256">
        <v>90959614</v>
      </c>
      <c r="S9" s="256">
        <v>141311432</v>
      </c>
      <c r="T9" s="256">
        <v>109817068</v>
      </c>
      <c r="U9" s="256">
        <v>115737712</v>
      </c>
      <c r="V9" s="256">
        <v>115871694</v>
      </c>
      <c r="W9" s="261">
        <v>573697520</v>
      </c>
      <c r="X9" s="260">
        <v>601700891</v>
      </c>
      <c r="Y9" s="255">
        <v>0</v>
      </c>
      <c r="Z9" s="256">
        <v>0</v>
      </c>
      <c r="AA9" s="261">
        <v>0</v>
      </c>
      <c r="AB9" s="262">
        <v>0</v>
      </c>
      <c r="AC9" s="263">
        <v>35004554</v>
      </c>
      <c r="AD9" s="263">
        <v>58775770</v>
      </c>
      <c r="AE9" s="263">
        <v>51201841</v>
      </c>
      <c r="AF9" s="263">
        <v>56882136</v>
      </c>
      <c r="AG9" s="263">
        <v>65160126</v>
      </c>
      <c r="AH9" s="261">
        <v>267024427</v>
      </c>
      <c r="AI9" s="260">
        <v>267024427</v>
      </c>
      <c r="AJ9" s="264">
        <v>0</v>
      </c>
      <c r="AK9" s="263">
        <v>81886</v>
      </c>
      <c r="AL9" s="261">
        <v>81886</v>
      </c>
      <c r="AM9" s="262">
        <v>0</v>
      </c>
      <c r="AN9" s="263">
        <v>447740</v>
      </c>
      <c r="AO9" s="259">
        <v>1042515</v>
      </c>
      <c r="AP9" s="263">
        <v>3083231</v>
      </c>
      <c r="AQ9" s="263">
        <v>7282611</v>
      </c>
      <c r="AR9" s="263">
        <v>12882428</v>
      </c>
      <c r="AS9" s="261">
        <v>24738525</v>
      </c>
      <c r="AT9" s="260">
        <v>24820411</v>
      </c>
      <c r="AU9" s="264">
        <v>4712380</v>
      </c>
      <c r="AV9" s="263">
        <v>13305709</v>
      </c>
      <c r="AW9" s="261">
        <v>18018089</v>
      </c>
      <c r="AX9" s="262">
        <v>0</v>
      </c>
      <c r="AY9" s="263">
        <v>35537277</v>
      </c>
      <c r="AZ9" s="263">
        <v>55402619</v>
      </c>
      <c r="BA9" s="263">
        <v>35136123</v>
      </c>
      <c r="BB9" s="263">
        <v>30512770</v>
      </c>
      <c r="BC9" s="263">
        <v>21983554</v>
      </c>
      <c r="BD9" s="261">
        <v>178572343</v>
      </c>
      <c r="BE9" s="265">
        <v>196590432</v>
      </c>
      <c r="BF9" s="264">
        <v>529555</v>
      </c>
      <c r="BG9" s="259">
        <v>2103298</v>
      </c>
      <c r="BH9" s="266">
        <v>2632853</v>
      </c>
      <c r="BI9" s="262">
        <v>0</v>
      </c>
      <c r="BJ9" s="263">
        <v>3115534</v>
      </c>
      <c r="BK9" s="263">
        <v>5517508</v>
      </c>
      <c r="BL9" s="263">
        <v>2668345</v>
      </c>
      <c r="BM9" s="263">
        <v>3228150</v>
      </c>
      <c r="BN9" s="263">
        <v>1638050</v>
      </c>
      <c r="BO9" s="261">
        <v>16167587</v>
      </c>
      <c r="BP9" s="260">
        <v>18800440</v>
      </c>
      <c r="BQ9" s="264">
        <v>3552829</v>
      </c>
      <c r="BR9" s="263">
        <v>3717714</v>
      </c>
      <c r="BS9" s="261">
        <v>7270543</v>
      </c>
      <c r="BT9" s="262">
        <v>0</v>
      </c>
      <c r="BU9" s="263">
        <v>16854509</v>
      </c>
      <c r="BV9" s="263">
        <v>20573020</v>
      </c>
      <c r="BW9" s="263">
        <v>17727528</v>
      </c>
      <c r="BX9" s="263">
        <v>17832045</v>
      </c>
      <c r="BY9" s="263">
        <v>14207536</v>
      </c>
      <c r="BZ9" s="261">
        <v>87194638</v>
      </c>
      <c r="CA9" s="260">
        <v>94465181</v>
      </c>
      <c r="CB9" s="264">
        <v>2572561</v>
      </c>
      <c r="CC9" s="263">
        <v>6999095</v>
      </c>
      <c r="CD9" s="261">
        <v>9571656</v>
      </c>
      <c r="CE9" s="262">
        <v>0</v>
      </c>
      <c r="CF9" s="263">
        <v>71127263</v>
      </c>
      <c r="CG9" s="263">
        <v>93339513</v>
      </c>
      <c r="CH9" s="267">
        <v>63708141</v>
      </c>
      <c r="CI9" s="263">
        <v>40200337</v>
      </c>
      <c r="CJ9" s="263">
        <v>16956277</v>
      </c>
      <c r="CK9" s="261">
        <v>285331531</v>
      </c>
      <c r="CL9" s="260">
        <v>294903187</v>
      </c>
      <c r="CM9" s="255">
        <v>0</v>
      </c>
      <c r="CN9" s="256">
        <v>0</v>
      </c>
      <c r="CO9" s="261">
        <v>0</v>
      </c>
      <c r="CP9" s="262">
        <v>0</v>
      </c>
      <c r="CQ9" s="263">
        <v>56348188</v>
      </c>
      <c r="CR9" s="263">
        <v>66754633</v>
      </c>
      <c r="CS9" s="263">
        <v>42791997</v>
      </c>
      <c r="CT9" s="263">
        <v>26654585</v>
      </c>
      <c r="CU9" s="263">
        <v>12518900</v>
      </c>
      <c r="CV9" s="268">
        <v>205068303</v>
      </c>
      <c r="CW9" s="260">
        <v>205068303</v>
      </c>
      <c r="CX9" s="264">
        <v>2572561</v>
      </c>
      <c r="CY9" s="263">
        <v>6999095</v>
      </c>
      <c r="CZ9" s="261">
        <v>9571656</v>
      </c>
      <c r="DA9" s="262">
        <v>0</v>
      </c>
      <c r="DB9" s="263">
        <v>14779075</v>
      </c>
      <c r="DC9" s="263">
        <v>26584880</v>
      </c>
      <c r="DD9" s="263">
        <v>20916144</v>
      </c>
      <c r="DE9" s="263">
        <v>13545752</v>
      </c>
      <c r="DF9" s="263">
        <v>4437377</v>
      </c>
      <c r="DG9" s="261">
        <v>80263228</v>
      </c>
      <c r="DH9" s="260">
        <v>89834884</v>
      </c>
      <c r="DI9" s="264">
        <v>127003</v>
      </c>
      <c r="DJ9" s="263">
        <v>469531</v>
      </c>
      <c r="DK9" s="266">
        <v>596534</v>
      </c>
      <c r="DL9" s="262">
        <v>0</v>
      </c>
      <c r="DM9" s="263">
        <v>9303089</v>
      </c>
      <c r="DN9" s="263">
        <v>15238708</v>
      </c>
      <c r="DO9" s="263">
        <v>23034583</v>
      </c>
      <c r="DP9" s="263">
        <v>23091230</v>
      </c>
      <c r="DQ9" s="263">
        <v>10600995</v>
      </c>
      <c r="DR9" s="269">
        <v>81268605</v>
      </c>
      <c r="DS9" s="260">
        <v>81865139</v>
      </c>
      <c r="DT9" s="264">
        <v>104717</v>
      </c>
      <c r="DU9" s="263">
        <v>438030</v>
      </c>
      <c r="DV9" s="261">
        <v>542747</v>
      </c>
      <c r="DW9" s="262">
        <v>0</v>
      </c>
      <c r="DX9" s="263">
        <v>7982520</v>
      </c>
      <c r="DY9" s="263">
        <v>12936317</v>
      </c>
      <c r="DZ9" s="263">
        <v>19193418</v>
      </c>
      <c r="EA9" s="263">
        <v>18892705</v>
      </c>
      <c r="EB9" s="263">
        <v>8897354</v>
      </c>
      <c r="EC9" s="261">
        <v>67902314</v>
      </c>
      <c r="ED9" s="260">
        <v>68445061</v>
      </c>
      <c r="EE9" s="264">
        <v>22286</v>
      </c>
      <c r="EF9" s="259">
        <v>31501</v>
      </c>
      <c r="EG9" s="261">
        <v>53787</v>
      </c>
      <c r="EH9" s="265">
        <v>0</v>
      </c>
      <c r="EI9" s="263">
        <v>1320569</v>
      </c>
      <c r="EJ9" s="263">
        <v>2302391</v>
      </c>
      <c r="EK9" s="263">
        <v>3841165</v>
      </c>
      <c r="EL9" s="263">
        <v>4198525</v>
      </c>
      <c r="EM9" s="267">
        <v>1703641</v>
      </c>
      <c r="EN9" s="259">
        <v>13366291</v>
      </c>
      <c r="EO9" s="260">
        <v>13420078</v>
      </c>
      <c r="EP9" s="264">
        <v>0</v>
      </c>
      <c r="EQ9" s="263">
        <v>0</v>
      </c>
      <c r="ER9" s="259">
        <v>0</v>
      </c>
      <c r="ES9" s="262">
        <v>0</v>
      </c>
      <c r="ET9" s="263">
        <v>0</v>
      </c>
      <c r="EU9" s="263">
        <v>0</v>
      </c>
      <c r="EV9" s="263">
        <v>0</v>
      </c>
      <c r="EW9" s="263">
        <v>0</v>
      </c>
      <c r="EX9" s="263">
        <v>0</v>
      </c>
      <c r="EY9" s="268">
        <v>0</v>
      </c>
      <c r="EZ9" s="260">
        <v>0</v>
      </c>
      <c r="FA9" s="264">
        <v>0</v>
      </c>
      <c r="FB9" s="263">
        <v>0</v>
      </c>
      <c r="FC9" s="259">
        <v>0</v>
      </c>
      <c r="FD9" s="402">
        <v>0</v>
      </c>
      <c r="FE9" s="263">
        <v>0</v>
      </c>
      <c r="FF9" s="263">
        <v>0</v>
      </c>
      <c r="FG9" s="263">
        <v>0</v>
      </c>
      <c r="FH9" s="263">
        <v>0</v>
      </c>
      <c r="FI9" s="263">
        <v>0</v>
      </c>
      <c r="FJ9" s="268">
        <v>0</v>
      </c>
      <c r="FK9" s="260">
        <v>0</v>
      </c>
      <c r="FL9" s="264">
        <v>5749993</v>
      </c>
      <c r="FM9" s="263">
        <v>11063440</v>
      </c>
      <c r="FN9" s="261">
        <v>16813433</v>
      </c>
      <c r="FO9" s="262">
        <v>0</v>
      </c>
      <c r="FP9" s="263">
        <v>12862496</v>
      </c>
      <c r="FQ9" s="263">
        <v>34618556</v>
      </c>
      <c r="FR9" s="263">
        <v>23596809</v>
      </c>
      <c r="FS9" s="263">
        <v>20788789</v>
      </c>
      <c r="FT9" s="263">
        <v>14586320</v>
      </c>
      <c r="FU9" s="261">
        <v>106452970</v>
      </c>
      <c r="FV9" s="260">
        <v>123266403</v>
      </c>
      <c r="FW9" s="264">
        <v>2724386</v>
      </c>
      <c r="FX9" s="263">
        <v>7503831</v>
      </c>
      <c r="FY9" s="259">
        <v>10228217</v>
      </c>
      <c r="FZ9" s="265">
        <v>0</v>
      </c>
      <c r="GA9" s="263">
        <v>9746311</v>
      </c>
      <c r="GB9" s="270">
        <v>30476502</v>
      </c>
      <c r="GC9" s="263">
        <v>20896504</v>
      </c>
      <c r="GD9" s="270">
        <v>18380007</v>
      </c>
      <c r="GE9" s="263">
        <v>13507382</v>
      </c>
      <c r="GF9" s="268">
        <v>93006706</v>
      </c>
      <c r="GG9" s="271">
        <v>103234923</v>
      </c>
      <c r="GH9" s="272">
        <v>362495</v>
      </c>
      <c r="GI9" s="263">
        <v>491504</v>
      </c>
      <c r="GJ9" s="270">
        <v>853999</v>
      </c>
      <c r="GK9" s="258">
        <v>0</v>
      </c>
      <c r="GL9" s="263">
        <v>1035813</v>
      </c>
      <c r="GM9" s="259">
        <v>1235129</v>
      </c>
      <c r="GN9" s="263">
        <v>978700</v>
      </c>
      <c r="GO9" s="259">
        <v>977562</v>
      </c>
      <c r="GP9" s="263">
        <v>423034</v>
      </c>
      <c r="GQ9" s="269">
        <v>4650238</v>
      </c>
      <c r="GR9" s="260">
        <v>5504237</v>
      </c>
      <c r="GS9" s="259">
        <v>2663112</v>
      </c>
      <c r="GT9" s="263">
        <v>3068105</v>
      </c>
      <c r="GU9" s="261">
        <v>5731217</v>
      </c>
      <c r="GV9" s="259">
        <v>0</v>
      </c>
      <c r="GW9" s="263">
        <v>2080372</v>
      </c>
      <c r="GX9" s="259">
        <v>2906925</v>
      </c>
      <c r="GY9" s="263">
        <v>1721605</v>
      </c>
      <c r="GZ9" s="259">
        <v>1431220</v>
      </c>
      <c r="HA9" s="263">
        <v>655904</v>
      </c>
      <c r="HB9" s="259">
        <v>8796026</v>
      </c>
      <c r="HC9" s="260">
        <v>14527243</v>
      </c>
      <c r="HD9" s="259">
        <v>12012836</v>
      </c>
      <c r="HE9" s="263">
        <v>14209952</v>
      </c>
      <c r="HF9" s="259">
        <v>26222788</v>
      </c>
      <c r="HG9" s="265">
        <v>0</v>
      </c>
      <c r="HH9" s="263">
        <v>101151571</v>
      </c>
      <c r="HI9" s="270">
        <v>110652752</v>
      </c>
      <c r="HJ9" s="263">
        <v>107159132</v>
      </c>
      <c r="HK9" s="270">
        <v>121882398</v>
      </c>
      <c r="HL9" s="263">
        <v>88895446</v>
      </c>
      <c r="HM9" s="268">
        <v>529741299</v>
      </c>
      <c r="HN9" s="259">
        <v>555964087</v>
      </c>
      <c r="HO9" s="272">
        <v>0</v>
      </c>
      <c r="HP9" s="263">
        <v>0</v>
      </c>
      <c r="HQ9" s="268">
        <v>0</v>
      </c>
      <c r="HR9" s="270">
        <v>0</v>
      </c>
      <c r="HS9" s="263">
        <v>0</v>
      </c>
      <c r="HT9" s="270">
        <v>0</v>
      </c>
      <c r="HU9" s="263">
        <v>0</v>
      </c>
      <c r="HV9" s="270">
        <v>0</v>
      </c>
      <c r="HW9" s="263">
        <v>0</v>
      </c>
      <c r="HX9" s="270">
        <v>0</v>
      </c>
      <c r="HY9" s="260">
        <v>0</v>
      </c>
      <c r="HZ9" s="273">
        <v>507821</v>
      </c>
      <c r="IA9" s="274">
        <v>2089282</v>
      </c>
      <c r="IB9" s="275">
        <v>2597103</v>
      </c>
      <c r="IC9" s="276">
        <v>0</v>
      </c>
      <c r="ID9" s="274">
        <v>58728840</v>
      </c>
      <c r="IE9" s="277">
        <v>77619220</v>
      </c>
      <c r="IF9" s="278">
        <v>83608956</v>
      </c>
      <c r="IG9" s="274">
        <v>58141861</v>
      </c>
      <c r="IH9" s="278">
        <v>50855146</v>
      </c>
      <c r="II9" s="279">
        <v>328954023</v>
      </c>
      <c r="IJ9" s="280">
        <v>331551126</v>
      </c>
      <c r="IK9" s="281">
        <v>0</v>
      </c>
      <c r="IL9" s="282">
        <v>0</v>
      </c>
      <c r="IM9" s="283">
        <v>0</v>
      </c>
      <c r="IN9" s="402">
        <v>0</v>
      </c>
      <c r="IO9" s="284">
        <v>1011326</v>
      </c>
      <c r="IP9" s="284">
        <v>3695179</v>
      </c>
      <c r="IQ9" s="284">
        <v>3581653</v>
      </c>
      <c r="IR9" s="284">
        <v>5475310</v>
      </c>
      <c r="IS9" s="284">
        <v>4725023</v>
      </c>
      <c r="IT9" s="285">
        <v>18488491</v>
      </c>
      <c r="IU9" s="286">
        <v>18488491</v>
      </c>
      <c r="IV9" s="287">
        <v>0</v>
      </c>
      <c r="IW9" s="284">
        <v>0</v>
      </c>
      <c r="IX9" s="288">
        <v>0</v>
      </c>
      <c r="IY9" s="402">
        <v>0</v>
      </c>
      <c r="IZ9" s="284">
        <v>162672</v>
      </c>
      <c r="JA9" s="284">
        <v>417235</v>
      </c>
      <c r="JB9" s="284">
        <v>568315</v>
      </c>
      <c r="JC9" s="284">
        <v>772838</v>
      </c>
      <c r="JD9" s="284">
        <v>1807761</v>
      </c>
      <c r="JE9" s="288">
        <v>3728821</v>
      </c>
      <c r="JF9" s="289">
        <v>3728821</v>
      </c>
      <c r="JG9" s="287">
        <v>0</v>
      </c>
      <c r="JH9" s="284">
        <v>0</v>
      </c>
      <c r="JI9" s="285">
        <v>0</v>
      </c>
      <c r="JJ9" s="290">
        <v>0</v>
      </c>
      <c r="JK9" s="284">
        <v>29968990</v>
      </c>
      <c r="JL9" s="284">
        <v>30732877</v>
      </c>
      <c r="JM9" s="284">
        <v>20623433</v>
      </c>
      <c r="JN9" s="284">
        <v>10512361</v>
      </c>
      <c r="JO9" s="284">
        <v>4793047</v>
      </c>
      <c r="JP9" s="288">
        <v>96630708</v>
      </c>
      <c r="JQ9" s="286">
        <v>96630708</v>
      </c>
      <c r="JR9" s="287">
        <v>65876</v>
      </c>
      <c r="JS9" s="284">
        <v>0</v>
      </c>
      <c r="JT9" s="285">
        <v>65876</v>
      </c>
      <c r="JU9" s="290">
        <v>0</v>
      </c>
      <c r="JV9" s="284">
        <v>3136564</v>
      </c>
      <c r="JW9" s="284">
        <v>5212827</v>
      </c>
      <c r="JX9" s="284">
        <v>8159052</v>
      </c>
      <c r="JY9" s="284">
        <v>1727888</v>
      </c>
      <c r="JZ9" s="284">
        <v>3033949</v>
      </c>
      <c r="KA9" s="288">
        <v>21270280</v>
      </c>
      <c r="KB9" s="286">
        <v>21336156</v>
      </c>
      <c r="KC9" s="291">
        <v>441945</v>
      </c>
      <c r="KD9" s="292">
        <v>2089282</v>
      </c>
      <c r="KE9" s="288">
        <v>2531227</v>
      </c>
      <c r="KF9" s="290">
        <v>0</v>
      </c>
      <c r="KG9" s="284">
        <v>7782574</v>
      </c>
      <c r="KH9" s="284">
        <v>8344282</v>
      </c>
      <c r="KI9" s="284">
        <v>14267585</v>
      </c>
      <c r="KJ9" s="284">
        <v>9906173</v>
      </c>
      <c r="KK9" s="284">
        <v>4515074</v>
      </c>
      <c r="KL9" s="288">
        <v>44815688</v>
      </c>
      <c r="KM9" s="293">
        <v>47346915</v>
      </c>
      <c r="KN9" s="281">
        <v>0</v>
      </c>
      <c r="KO9" s="282">
        <v>0</v>
      </c>
      <c r="KP9" s="283">
        <v>0</v>
      </c>
      <c r="KQ9" s="406">
        <v>0</v>
      </c>
      <c r="KR9" s="284">
        <v>14542351</v>
      </c>
      <c r="KS9" s="284">
        <v>24833473</v>
      </c>
      <c r="KT9" s="284">
        <v>30650728</v>
      </c>
      <c r="KU9" s="284">
        <v>19257116</v>
      </c>
      <c r="KV9" s="284">
        <v>20186161</v>
      </c>
      <c r="KW9" s="288">
        <v>109469829</v>
      </c>
      <c r="KX9" s="286">
        <v>109469829</v>
      </c>
      <c r="KY9" s="287">
        <v>0</v>
      </c>
      <c r="KZ9" s="284">
        <v>0</v>
      </c>
      <c r="LA9" s="288">
        <v>0</v>
      </c>
      <c r="LB9" s="406">
        <v>0</v>
      </c>
      <c r="LC9" s="284">
        <v>141273</v>
      </c>
      <c r="LD9" s="284">
        <v>649007</v>
      </c>
      <c r="LE9" s="284">
        <v>1245854</v>
      </c>
      <c r="LF9" s="284">
        <v>900271</v>
      </c>
      <c r="LG9" s="284">
        <v>1566324</v>
      </c>
      <c r="LH9" s="288">
        <v>4502729</v>
      </c>
      <c r="LI9" s="289">
        <v>4502729</v>
      </c>
      <c r="LJ9" s="287">
        <v>0</v>
      </c>
      <c r="LK9" s="284">
        <v>0</v>
      </c>
      <c r="LL9" s="288">
        <v>0</v>
      </c>
      <c r="LM9" s="406">
        <v>0</v>
      </c>
      <c r="LN9" s="284">
        <v>0</v>
      </c>
      <c r="LO9" s="284">
        <v>228571</v>
      </c>
      <c r="LP9" s="284">
        <v>973521</v>
      </c>
      <c r="LQ9" s="284">
        <v>5264162</v>
      </c>
      <c r="LR9" s="284">
        <v>1543531</v>
      </c>
      <c r="LS9" s="288">
        <v>8009785</v>
      </c>
      <c r="LT9" s="286">
        <v>8009785</v>
      </c>
      <c r="LU9" s="287">
        <v>0</v>
      </c>
      <c r="LV9" s="284">
        <v>0</v>
      </c>
      <c r="LW9" s="288">
        <v>0</v>
      </c>
      <c r="LX9" s="406">
        <v>0</v>
      </c>
      <c r="LY9" s="284">
        <v>1983090</v>
      </c>
      <c r="LZ9" s="284">
        <v>3505769</v>
      </c>
      <c r="MA9" s="284">
        <v>3538815</v>
      </c>
      <c r="MB9" s="284">
        <v>4325742</v>
      </c>
      <c r="MC9" s="284">
        <v>8684276</v>
      </c>
      <c r="MD9" s="288">
        <v>22037692</v>
      </c>
      <c r="ME9" s="289">
        <v>22037692</v>
      </c>
      <c r="MF9" s="287">
        <v>0</v>
      </c>
      <c r="MG9" s="284">
        <v>0</v>
      </c>
      <c r="MH9" s="288">
        <v>0</v>
      </c>
      <c r="MI9" s="406">
        <v>0</v>
      </c>
      <c r="MJ9" s="284">
        <v>15713646</v>
      </c>
      <c r="MK9" s="284">
        <v>41865501</v>
      </c>
      <c r="ML9" s="284">
        <v>123364579</v>
      </c>
      <c r="MM9" s="284">
        <v>180831033</v>
      </c>
      <c r="MN9" s="284">
        <v>108760406</v>
      </c>
      <c r="MO9" s="288">
        <v>470535165</v>
      </c>
      <c r="MP9" s="293">
        <v>470535165</v>
      </c>
      <c r="MQ9" s="287">
        <v>0</v>
      </c>
      <c r="MR9" s="284">
        <v>0</v>
      </c>
      <c r="MS9" s="288">
        <v>0</v>
      </c>
      <c r="MT9" s="406">
        <v>0</v>
      </c>
      <c r="MU9" s="284">
        <v>2456049</v>
      </c>
      <c r="MV9" s="284">
        <v>8677117</v>
      </c>
      <c r="MW9" s="284">
        <v>69377773</v>
      </c>
      <c r="MX9" s="284">
        <v>100979217</v>
      </c>
      <c r="MY9" s="284">
        <v>70488684</v>
      </c>
      <c r="MZ9" s="288">
        <v>251978840</v>
      </c>
      <c r="NA9" s="293">
        <v>251978840</v>
      </c>
      <c r="NB9" s="287">
        <v>0</v>
      </c>
      <c r="NC9" s="284">
        <v>0</v>
      </c>
      <c r="ND9" s="288">
        <v>0</v>
      </c>
      <c r="NE9" s="406">
        <v>0</v>
      </c>
      <c r="NF9" s="284">
        <v>13194181</v>
      </c>
      <c r="NG9" s="284">
        <v>32930494</v>
      </c>
      <c r="NH9" s="284">
        <v>52947685</v>
      </c>
      <c r="NI9" s="284">
        <v>74952824</v>
      </c>
      <c r="NJ9" s="284">
        <v>30418296</v>
      </c>
      <c r="NK9" s="288">
        <v>204443480</v>
      </c>
      <c r="NL9" s="286">
        <v>204443480</v>
      </c>
      <c r="NM9" s="287">
        <v>0</v>
      </c>
      <c r="NN9" s="284">
        <v>0</v>
      </c>
      <c r="NO9" s="288">
        <v>0</v>
      </c>
      <c r="NP9" s="406">
        <v>0</v>
      </c>
      <c r="NQ9" s="284">
        <v>0</v>
      </c>
      <c r="NR9" s="284">
        <v>0</v>
      </c>
      <c r="NS9" s="284">
        <v>0</v>
      </c>
      <c r="NT9" s="284">
        <v>0</v>
      </c>
      <c r="NU9" s="284">
        <v>0</v>
      </c>
      <c r="NV9" s="288">
        <v>0</v>
      </c>
      <c r="NW9" s="289">
        <v>0</v>
      </c>
      <c r="NX9" s="287">
        <v>0</v>
      </c>
      <c r="NY9" s="284">
        <v>0</v>
      </c>
      <c r="NZ9" s="288">
        <v>0</v>
      </c>
      <c r="OA9" s="406">
        <v>0</v>
      </c>
      <c r="OB9" s="284">
        <v>63416</v>
      </c>
      <c r="OC9" s="284">
        <v>257890</v>
      </c>
      <c r="OD9" s="284">
        <v>1039121</v>
      </c>
      <c r="OE9" s="284">
        <v>4898992</v>
      </c>
      <c r="OF9" s="284">
        <v>7853426</v>
      </c>
      <c r="OG9" s="288">
        <v>14112845</v>
      </c>
      <c r="OH9" s="289">
        <v>14112845</v>
      </c>
      <c r="OI9" s="287">
        <v>29764978</v>
      </c>
      <c r="OJ9" s="284">
        <v>54039907</v>
      </c>
      <c r="OK9" s="285">
        <v>83804885</v>
      </c>
      <c r="OL9" s="290">
        <v>0</v>
      </c>
      <c r="OM9" s="284">
        <v>359846519</v>
      </c>
      <c r="ON9" s="284">
        <v>514645682</v>
      </c>
      <c r="OO9" s="284">
        <v>534289268</v>
      </c>
      <c r="OP9" s="284">
        <v>560673360</v>
      </c>
      <c r="OQ9" s="284">
        <v>406526284</v>
      </c>
      <c r="OR9" s="288">
        <v>2375981113</v>
      </c>
      <c r="OS9" s="293">
        <v>2459785998</v>
      </c>
    </row>
    <row r="10" spans="2:409" s="407" customFormat="1" ht="21" customHeight="1" x14ac:dyDescent="0.2">
      <c r="B10" s="95" t="s">
        <v>5</v>
      </c>
      <c r="C10" s="295">
        <v>12885813</v>
      </c>
      <c r="D10" s="296">
        <v>27597327</v>
      </c>
      <c r="E10" s="297">
        <v>40483140</v>
      </c>
      <c r="F10" s="298">
        <v>0</v>
      </c>
      <c r="G10" s="296">
        <v>106952593</v>
      </c>
      <c r="H10" s="296">
        <v>187799206</v>
      </c>
      <c r="I10" s="296">
        <v>149023196</v>
      </c>
      <c r="J10" s="296">
        <v>138751281</v>
      </c>
      <c r="K10" s="296">
        <v>110236375</v>
      </c>
      <c r="L10" s="298">
        <v>692762651</v>
      </c>
      <c r="M10" s="299">
        <v>733245791</v>
      </c>
      <c r="N10" s="295">
        <v>3927179</v>
      </c>
      <c r="O10" s="296">
        <v>10902768</v>
      </c>
      <c r="P10" s="297">
        <v>14829947</v>
      </c>
      <c r="Q10" s="295">
        <v>0</v>
      </c>
      <c r="R10" s="296">
        <v>34720618</v>
      </c>
      <c r="S10" s="296">
        <v>69902707</v>
      </c>
      <c r="T10" s="296">
        <v>49266389</v>
      </c>
      <c r="U10" s="296">
        <v>48907326</v>
      </c>
      <c r="V10" s="296">
        <v>54336344</v>
      </c>
      <c r="W10" s="297">
        <v>257133384</v>
      </c>
      <c r="X10" s="299">
        <v>271963331</v>
      </c>
      <c r="Y10" s="295">
        <v>0</v>
      </c>
      <c r="Z10" s="296">
        <v>0</v>
      </c>
      <c r="AA10" s="297">
        <v>0</v>
      </c>
      <c r="AB10" s="295">
        <v>0</v>
      </c>
      <c r="AC10" s="296">
        <v>13573886</v>
      </c>
      <c r="AD10" s="296">
        <v>25752588</v>
      </c>
      <c r="AE10" s="296">
        <v>20344150</v>
      </c>
      <c r="AF10" s="296">
        <v>21777019</v>
      </c>
      <c r="AG10" s="296">
        <v>29441944</v>
      </c>
      <c r="AH10" s="297">
        <v>110889587</v>
      </c>
      <c r="AI10" s="299">
        <v>110889587</v>
      </c>
      <c r="AJ10" s="295">
        <v>0</v>
      </c>
      <c r="AK10" s="296">
        <v>81886</v>
      </c>
      <c r="AL10" s="297">
        <v>81886</v>
      </c>
      <c r="AM10" s="295">
        <v>0</v>
      </c>
      <c r="AN10" s="296">
        <v>98770</v>
      </c>
      <c r="AO10" s="296">
        <v>393159</v>
      </c>
      <c r="AP10" s="296">
        <v>1484018</v>
      </c>
      <c r="AQ10" s="296">
        <v>2565403</v>
      </c>
      <c r="AR10" s="296">
        <v>7171987</v>
      </c>
      <c r="AS10" s="297">
        <v>11713337</v>
      </c>
      <c r="AT10" s="299">
        <v>11795223</v>
      </c>
      <c r="AU10" s="295">
        <v>2048026</v>
      </c>
      <c r="AV10" s="296">
        <v>7387272</v>
      </c>
      <c r="AW10" s="297">
        <v>9435298</v>
      </c>
      <c r="AX10" s="295">
        <v>0</v>
      </c>
      <c r="AY10" s="296">
        <v>13187466</v>
      </c>
      <c r="AZ10" s="296">
        <v>31303830</v>
      </c>
      <c r="BA10" s="296">
        <v>18370146</v>
      </c>
      <c r="BB10" s="296">
        <v>15206084</v>
      </c>
      <c r="BC10" s="296">
        <v>10944843</v>
      </c>
      <c r="BD10" s="297">
        <v>89012369</v>
      </c>
      <c r="BE10" s="299">
        <v>98447667</v>
      </c>
      <c r="BF10" s="295">
        <v>197088</v>
      </c>
      <c r="BG10" s="296">
        <v>1345818</v>
      </c>
      <c r="BH10" s="300">
        <v>1542906</v>
      </c>
      <c r="BI10" s="301">
        <v>0</v>
      </c>
      <c r="BJ10" s="296">
        <v>1085441</v>
      </c>
      <c r="BK10" s="296">
        <v>2741624</v>
      </c>
      <c r="BL10" s="296">
        <v>1163150</v>
      </c>
      <c r="BM10" s="296">
        <v>1492444</v>
      </c>
      <c r="BN10" s="296">
        <v>731257</v>
      </c>
      <c r="BO10" s="297">
        <v>7213916</v>
      </c>
      <c r="BP10" s="299">
        <v>8756822</v>
      </c>
      <c r="BQ10" s="295">
        <v>1682065</v>
      </c>
      <c r="BR10" s="296">
        <v>2087792</v>
      </c>
      <c r="BS10" s="297">
        <v>3769857</v>
      </c>
      <c r="BT10" s="295">
        <v>0</v>
      </c>
      <c r="BU10" s="296">
        <v>6775055</v>
      </c>
      <c r="BV10" s="296">
        <v>9711506</v>
      </c>
      <c r="BW10" s="296">
        <v>7904925</v>
      </c>
      <c r="BX10" s="296">
        <v>7866376</v>
      </c>
      <c r="BY10" s="296">
        <v>6046313</v>
      </c>
      <c r="BZ10" s="297">
        <v>38304175</v>
      </c>
      <c r="CA10" s="299">
        <v>42074032</v>
      </c>
      <c r="CB10" s="295">
        <v>1244086</v>
      </c>
      <c r="CC10" s="296">
        <v>3452746</v>
      </c>
      <c r="CD10" s="297">
        <v>4696832</v>
      </c>
      <c r="CE10" s="295">
        <v>0</v>
      </c>
      <c r="CF10" s="296">
        <v>24220989</v>
      </c>
      <c r="CG10" s="296">
        <v>41175585</v>
      </c>
      <c r="CH10" s="296">
        <v>26839029</v>
      </c>
      <c r="CI10" s="296">
        <v>15790005</v>
      </c>
      <c r="CJ10" s="296">
        <v>6017912</v>
      </c>
      <c r="CK10" s="297">
        <v>114043520</v>
      </c>
      <c r="CL10" s="299">
        <v>118740352</v>
      </c>
      <c r="CM10" s="295">
        <v>0</v>
      </c>
      <c r="CN10" s="296">
        <v>0</v>
      </c>
      <c r="CO10" s="297">
        <v>0</v>
      </c>
      <c r="CP10" s="301">
        <v>0</v>
      </c>
      <c r="CQ10" s="296">
        <v>19765161</v>
      </c>
      <c r="CR10" s="296">
        <v>28085412</v>
      </c>
      <c r="CS10" s="296">
        <v>16666327</v>
      </c>
      <c r="CT10" s="296">
        <v>10414570</v>
      </c>
      <c r="CU10" s="296">
        <v>3972047</v>
      </c>
      <c r="CV10" s="297">
        <v>78903517</v>
      </c>
      <c r="CW10" s="299">
        <v>78903517</v>
      </c>
      <c r="CX10" s="295">
        <v>1244086</v>
      </c>
      <c r="CY10" s="296">
        <v>3452746</v>
      </c>
      <c r="CZ10" s="297">
        <v>4696832</v>
      </c>
      <c r="DA10" s="295">
        <v>0</v>
      </c>
      <c r="DB10" s="296">
        <v>4455828</v>
      </c>
      <c r="DC10" s="296">
        <v>13090173</v>
      </c>
      <c r="DD10" s="296">
        <v>10172702</v>
      </c>
      <c r="DE10" s="296">
        <v>5375435</v>
      </c>
      <c r="DF10" s="296">
        <v>2045865</v>
      </c>
      <c r="DG10" s="297">
        <v>35140003</v>
      </c>
      <c r="DH10" s="299">
        <v>39836835</v>
      </c>
      <c r="DI10" s="295">
        <v>44699</v>
      </c>
      <c r="DJ10" s="296">
        <v>239979</v>
      </c>
      <c r="DK10" s="300">
        <v>284678</v>
      </c>
      <c r="DL10" s="301">
        <v>0</v>
      </c>
      <c r="DM10" s="296">
        <v>3613297</v>
      </c>
      <c r="DN10" s="296">
        <v>6147257</v>
      </c>
      <c r="DO10" s="296">
        <v>10538693</v>
      </c>
      <c r="DP10" s="296">
        <v>10098121</v>
      </c>
      <c r="DQ10" s="296">
        <v>4471213</v>
      </c>
      <c r="DR10" s="297">
        <v>34868581</v>
      </c>
      <c r="DS10" s="299">
        <v>35153259</v>
      </c>
      <c r="DT10" s="295">
        <v>22413</v>
      </c>
      <c r="DU10" s="296">
        <v>208478</v>
      </c>
      <c r="DV10" s="297">
        <v>230891</v>
      </c>
      <c r="DW10" s="295">
        <v>0</v>
      </c>
      <c r="DX10" s="296">
        <v>2980945</v>
      </c>
      <c r="DY10" s="296">
        <v>4616553</v>
      </c>
      <c r="DZ10" s="296">
        <v>8181726</v>
      </c>
      <c r="EA10" s="296">
        <v>7468566</v>
      </c>
      <c r="EB10" s="296">
        <v>3488708</v>
      </c>
      <c r="EC10" s="297">
        <v>26736498</v>
      </c>
      <c r="ED10" s="299">
        <v>26967389</v>
      </c>
      <c r="EE10" s="295">
        <v>22286</v>
      </c>
      <c r="EF10" s="300">
        <v>31501</v>
      </c>
      <c r="EG10" s="297">
        <v>53787</v>
      </c>
      <c r="EH10" s="295">
        <v>0</v>
      </c>
      <c r="EI10" s="296">
        <v>632352</v>
      </c>
      <c r="EJ10" s="296">
        <v>1530704</v>
      </c>
      <c r="EK10" s="296">
        <v>2356967</v>
      </c>
      <c r="EL10" s="296">
        <v>2629555</v>
      </c>
      <c r="EM10" s="296">
        <v>982505</v>
      </c>
      <c r="EN10" s="300">
        <v>8132083</v>
      </c>
      <c r="EO10" s="299">
        <v>8185870</v>
      </c>
      <c r="EP10" s="295">
        <v>0</v>
      </c>
      <c r="EQ10" s="296">
        <v>0</v>
      </c>
      <c r="ER10" s="300">
        <v>0</v>
      </c>
      <c r="ES10" s="301">
        <v>0</v>
      </c>
      <c r="ET10" s="296">
        <v>0</v>
      </c>
      <c r="EU10" s="296">
        <v>0</v>
      </c>
      <c r="EV10" s="296">
        <v>0</v>
      </c>
      <c r="EW10" s="296">
        <v>0</v>
      </c>
      <c r="EX10" s="296">
        <v>0</v>
      </c>
      <c r="EY10" s="297">
        <v>0</v>
      </c>
      <c r="EZ10" s="299">
        <v>0</v>
      </c>
      <c r="FA10" s="295">
        <v>0</v>
      </c>
      <c r="FB10" s="296">
        <v>0</v>
      </c>
      <c r="FC10" s="300">
        <v>0</v>
      </c>
      <c r="FD10" s="403">
        <v>0</v>
      </c>
      <c r="FE10" s="296">
        <v>0</v>
      </c>
      <c r="FF10" s="296">
        <v>0</v>
      </c>
      <c r="FG10" s="296">
        <v>0</v>
      </c>
      <c r="FH10" s="296">
        <v>0</v>
      </c>
      <c r="FI10" s="296">
        <v>0</v>
      </c>
      <c r="FJ10" s="297">
        <v>0</v>
      </c>
      <c r="FK10" s="299">
        <v>0</v>
      </c>
      <c r="FL10" s="295">
        <v>2243759</v>
      </c>
      <c r="FM10" s="296">
        <v>5324792</v>
      </c>
      <c r="FN10" s="297">
        <v>7568551</v>
      </c>
      <c r="FO10" s="295">
        <v>0</v>
      </c>
      <c r="FP10" s="296">
        <v>4067437</v>
      </c>
      <c r="FQ10" s="296">
        <v>15668497</v>
      </c>
      <c r="FR10" s="296">
        <v>10063748</v>
      </c>
      <c r="FS10" s="296">
        <v>8672672</v>
      </c>
      <c r="FT10" s="296">
        <v>6148275</v>
      </c>
      <c r="FU10" s="297">
        <v>44620629</v>
      </c>
      <c r="FV10" s="299">
        <v>52189180</v>
      </c>
      <c r="FW10" s="302">
        <v>970613</v>
      </c>
      <c r="FX10" s="296">
        <v>3410452</v>
      </c>
      <c r="FY10" s="300">
        <v>4381065</v>
      </c>
      <c r="FZ10" s="301">
        <v>0</v>
      </c>
      <c r="GA10" s="296">
        <v>2870875</v>
      </c>
      <c r="GB10" s="296">
        <v>13971251</v>
      </c>
      <c r="GC10" s="296">
        <v>8713281</v>
      </c>
      <c r="GD10" s="296">
        <v>7593331</v>
      </c>
      <c r="GE10" s="296">
        <v>5810042</v>
      </c>
      <c r="GF10" s="297">
        <v>38958780</v>
      </c>
      <c r="GG10" s="303">
        <v>43339845</v>
      </c>
      <c r="GH10" s="302">
        <v>114226</v>
      </c>
      <c r="GI10" s="296">
        <v>210962</v>
      </c>
      <c r="GJ10" s="300">
        <v>325188</v>
      </c>
      <c r="GK10" s="301">
        <v>0</v>
      </c>
      <c r="GL10" s="296">
        <v>330284</v>
      </c>
      <c r="GM10" s="296">
        <v>694055</v>
      </c>
      <c r="GN10" s="296">
        <v>582052</v>
      </c>
      <c r="GO10" s="296">
        <v>231221</v>
      </c>
      <c r="GP10" s="296">
        <v>220773</v>
      </c>
      <c r="GQ10" s="297">
        <v>2058385</v>
      </c>
      <c r="GR10" s="299">
        <v>2383573</v>
      </c>
      <c r="GS10" s="295">
        <v>1158920</v>
      </c>
      <c r="GT10" s="296">
        <v>1703378</v>
      </c>
      <c r="GU10" s="297">
        <v>2862298</v>
      </c>
      <c r="GV10" s="295">
        <v>0</v>
      </c>
      <c r="GW10" s="296">
        <v>866278</v>
      </c>
      <c r="GX10" s="296">
        <v>1003191</v>
      </c>
      <c r="GY10" s="296">
        <v>768415</v>
      </c>
      <c r="GZ10" s="296">
        <v>848120</v>
      </c>
      <c r="HA10" s="296">
        <v>117460</v>
      </c>
      <c r="HB10" s="300">
        <v>3603464</v>
      </c>
      <c r="HC10" s="299">
        <v>6465762</v>
      </c>
      <c r="HD10" s="295">
        <v>5426090</v>
      </c>
      <c r="HE10" s="296">
        <v>7677042</v>
      </c>
      <c r="HF10" s="300">
        <v>13103132</v>
      </c>
      <c r="HG10" s="301">
        <v>0</v>
      </c>
      <c r="HH10" s="296">
        <v>40330252</v>
      </c>
      <c r="HI10" s="296">
        <v>54905160</v>
      </c>
      <c r="HJ10" s="296">
        <v>52315337</v>
      </c>
      <c r="HK10" s="296">
        <v>55283157</v>
      </c>
      <c r="HL10" s="296">
        <v>39262631</v>
      </c>
      <c r="HM10" s="297">
        <v>242096537</v>
      </c>
      <c r="HN10" s="298">
        <v>255199669</v>
      </c>
      <c r="HO10" s="302">
        <v>0</v>
      </c>
      <c r="HP10" s="296">
        <v>0</v>
      </c>
      <c r="HQ10" s="297">
        <v>0</v>
      </c>
      <c r="HR10" s="295">
        <v>0</v>
      </c>
      <c r="HS10" s="296">
        <v>0</v>
      </c>
      <c r="HT10" s="296">
        <v>0</v>
      </c>
      <c r="HU10" s="296">
        <v>0</v>
      </c>
      <c r="HV10" s="296">
        <v>0</v>
      </c>
      <c r="HW10" s="296">
        <v>0</v>
      </c>
      <c r="HX10" s="300">
        <v>0</v>
      </c>
      <c r="HY10" s="299">
        <v>0</v>
      </c>
      <c r="HZ10" s="304">
        <v>328701</v>
      </c>
      <c r="IA10" s="305">
        <v>847149</v>
      </c>
      <c r="IB10" s="306">
        <v>1175850</v>
      </c>
      <c r="IC10" s="307">
        <v>0</v>
      </c>
      <c r="ID10" s="308">
        <v>23155151</v>
      </c>
      <c r="IE10" s="309">
        <v>33799788</v>
      </c>
      <c r="IF10" s="310">
        <v>37259338</v>
      </c>
      <c r="IG10" s="308">
        <v>25561803</v>
      </c>
      <c r="IH10" s="310">
        <v>20095613</v>
      </c>
      <c r="II10" s="311">
        <v>139871693</v>
      </c>
      <c r="IJ10" s="312">
        <v>141047543</v>
      </c>
      <c r="IK10" s="313">
        <v>0</v>
      </c>
      <c r="IL10" s="314">
        <v>0</v>
      </c>
      <c r="IM10" s="315">
        <v>0</v>
      </c>
      <c r="IN10" s="403">
        <v>0</v>
      </c>
      <c r="IO10" s="316">
        <v>461929</v>
      </c>
      <c r="IP10" s="316">
        <v>1471421</v>
      </c>
      <c r="IQ10" s="316">
        <v>2079711</v>
      </c>
      <c r="IR10" s="316">
        <v>2613275</v>
      </c>
      <c r="IS10" s="316">
        <v>1800026</v>
      </c>
      <c r="IT10" s="317">
        <v>8426362</v>
      </c>
      <c r="IU10" s="318">
        <v>8426362</v>
      </c>
      <c r="IV10" s="319">
        <v>0</v>
      </c>
      <c r="IW10" s="316">
        <v>0</v>
      </c>
      <c r="IX10" s="320">
        <v>0</v>
      </c>
      <c r="IY10" s="403">
        <v>0</v>
      </c>
      <c r="IZ10" s="316">
        <v>82652</v>
      </c>
      <c r="JA10" s="316">
        <v>318081</v>
      </c>
      <c r="JB10" s="316">
        <v>237155</v>
      </c>
      <c r="JC10" s="316">
        <v>596792</v>
      </c>
      <c r="JD10" s="316">
        <v>1345854</v>
      </c>
      <c r="JE10" s="320">
        <v>2580534</v>
      </c>
      <c r="JF10" s="321">
        <v>2580534</v>
      </c>
      <c r="JG10" s="319">
        <v>0</v>
      </c>
      <c r="JH10" s="316">
        <v>0</v>
      </c>
      <c r="JI10" s="317">
        <v>0</v>
      </c>
      <c r="JJ10" s="322">
        <v>0</v>
      </c>
      <c r="JK10" s="316">
        <v>11208211</v>
      </c>
      <c r="JL10" s="316">
        <v>16094958</v>
      </c>
      <c r="JM10" s="316">
        <v>11000470</v>
      </c>
      <c r="JN10" s="316">
        <v>4417448</v>
      </c>
      <c r="JO10" s="316">
        <v>1649609</v>
      </c>
      <c r="JP10" s="320">
        <v>44370696</v>
      </c>
      <c r="JQ10" s="318">
        <v>44370696</v>
      </c>
      <c r="JR10" s="319">
        <v>40059</v>
      </c>
      <c r="JS10" s="316">
        <v>0</v>
      </c>
      <c r="JT10" s="317">
        <v>40059</v>
      </c>
      <c r="JU10" s="322">
        <v>0</v>
      </c>
      <c r="JV10" s="316">
        <v>1747081</v>
      </c>
      <c r="JW10" s="316">
        <v>2235067</v>
      </c>
      <c r="JX10" s="316">
        <v>5040819</v>
      </c>
      <c r="JY10" s="316">
        <v>997329</v>
      </c>
      <c r="JZ10" s="316">
        <v>2400513</v>
      </c>
      <c r="KA10" s="320">
        <v>12420809</v>
      </c>
      <c r="KB10" s="318">
        <v>12460868</v>
      </c>
      <c r="KC10" s="323">
        <v>288642</v>
      </c>
      <c r="KD10" s="324">
        <v>847149</v>
      </c>
      <c r="KE10" s="320">
        <v>1135791</v>
      </c>
      <c r="KF10" s="322">
        <v>0</v>
      </c>
      <c r="KG10" s="316">
        <v>3156892</v>
      </c>
      <c r="KH10" s="316">
        <v>3938935</v>
      </c>
      <c r="KI10" s="316">
        <v>6092733</v>
      </c>
      <c r="KJ10" s="316">
        <v>6425265</v>
      </c>
      <c r="KK10" s="316">
        <v>2413405</v>
      </c>
      <c r="KL10" s="320">
        <v>22027230</v>
      </c>
      <c r="KM10" s="325">
        <v>23163021</v>
      </c>
      <c r="KN10" s="313">
        <v>0</v>
      </c>
      <c r="KO10" s="314">
        <v>0</v>
      </c>
      <c r="KP10" s="315">
        <v>0</v>
      </c>
      <c r="KQ10" s="403">
        <v>0</v>
      </c>
      <c r="KR10" s="316">
        <v>6015093</v>
      </c>
      <c r="KS10" s="316">
        <v>8751570</v>
      </c>
      <c r="KT10" s="316">
        <v>12208928</v>
      </c>
      <c r="KU10" s="316">
        <v>8563682</v>
      </c>
      <c r="KV10" s="316">
        <v>7712055</v>
      </c>
      <c r="KW10" s="320">
        <v>43251328</v>
      </c>
      <c r="KX10" s="318">
        <v>43251328</v>
      </c>
      <c r="KY10" s="319">
        <v>0</v>
      </c>
      <c r="KZ10" s="316">
        <v>0</v>
      </c>
      <c r="LA10" s="320">
        <v>0</v>
      </c>
      <c r="LB10" s="403">
        <v>0</v>
      </c>
      <c r="LC10" s="316">
        <v>0</v>
      </c>
      <c r="LD10" s="316">
        <v>0</v>
      </c>
      <c r="LE10" s="316">
        <v>0</v>
      </c>
      <c r="LF10" s="316">
        <v>0</v>
      </c>
      <c r="LG10" s="316">
        <v>0</v>
      </c>
      <c r="LH10" s="320">
        <v>0</v>
      </c>
      <c r="LI10" s="321">
        <v>0</v>
      </c>
      <c r="LJ10" s="319">
        <v>0</v>
      </c>
      <c r="LK10" s="316">
        <v>0</v>
      </c>
      <c r="LL10" s="320">
        <v>0</v>
      </c>
      <c r="LM10" s="403">
        <v>0</v>
      </c>
      <c r="LN10" s="316">
        <v>0</v>
      </c>
      <c r="LO10" s="316">
        <v>0</v>
      </c>
      <c r="LP10" s="316">
        <v>0</v>
      </c>
      <c r="LQ10" s="316">
        <v>557500</v>
      </c>
      <c r="LR10" s="316">
        <v>0</v>
      </c>
      <c r="LS10" s="320">
        <v>557500</v>
      </c>
      <c r="LT10" s="318">
        <v>557500</v>
      </c>
      <c r="LU10" s="319">
        <v>0</v>
      </c>
      <c r="LV10" s="316">
        <v>0</v>
      </c>
      <c r="LW10" s="320">
        <v>0</v>
      </c>
      <c r="LX10" s="403">
        <v>0</v>
      </c>
      <c r="LY10" s="316">
        <v>483293</v>
      </c>
      <c r="LZ10" s="316">
        <v>989756</v>
      </c>
      <c r="MA10" s="316">
        <v>599522</v>
      </c>
      <c r="MB10" s="316">
        <v>1390512</v>
      </c>
      <c r="MC10" s="316">
        <v>2774151</v>
      </c>
      <c r="MD10" s="320">
        <v>6237234</v>
      </c>
      <c r="ME10" s="321">
        <v>6237234</v>
      </c>
      <c r="MF10" s="319">
        <v>0</v>
      </c>
      <c r="MG10" s="316">
        <v>0</v>
      </c>
      <c r="MH10" s="320">
        <v>0</v>
      </c>
      <c r="MI10" s="403">
        <v>0</v>
      </c>
      <c r="MJ10" s="316">
        <v>9311655</v>
      </c>
      <c r="MK10" s="316">
        <v>23148302</v>
      </c>
      <c r="ML10" s="316">
        <v>63099213</v>
      </c>
      <c r="MM10" s="316">
        <v>86772978</v>
      </c>
      <c r="MN10" s="316">
        <v>48132336</v>
      </c>
      <c r="MO10" s="320">
        <v>230464484</v>
      </c>
      <c r="MP10" s="325">
        <v>230464484</v>
      </c>
      <c r="MQ10" s="319">
        <v>0</v>
      </c>
      <c r="MR10" s="316">
        <v>0</v>
      </c>
      <c r="MS10" s="320">
        <v>0</v>
      </c>
      <c r="MT10" s="403">
        <v>0</v>
      </c>
      <c r="MU10" s="316">
        <v>2126986</v>
      </c>
      <c r="MV10" s="316">
        <v>6161146</v>
      </c>
      <c r="MW10" s="316">
        <v>35359904</v>
      </c>
      <c r="MX10" s="316">
        <v>45768371</v>
      </c>
      <c r="MY10" s="316">
        <v>27529101</v>
      </c>
      <c r="MZ10" s="320">
        <v>116945508</v>
      </c>
      <c r="NA10" s="325">
        <v>116945508</v>
      </c>
      <c r="NB10" s="319">
        <v>0</v>
      </c>
      <c r="NC10" s="316">
        <v>0</v>
      </c>
      <c r="ND10" s="320">
        <v>0</v>
      </c>
      <c r="NE10" s="403">
        <v>0</v>
      </c>
      <c r="NF10" s="316">
        <v>7184669</v>
      </c>
      <c r="NG10" s="316">
        <v>16987156</v>
      </c>
      <c r="NH10" s="316">
        <v>27739309</v>
      </c>
      <c r="NI10" s="316">
        <v>37989080</v>
      </c>
      <c r="NJ10" s="316">
        <v>17788072</v>
      </c>
      <c r="NK10" s="320">
        <v>107688286</v>
      </c>
      <c r="NL10" s="318">
        <v>107688286</v>
      </c>
      <c r="NM10" s="319">
        <v>0</v>
      </c>
      <c r="NN10" s="316">
        <v>0</v>
      </c>
      <c r="NO10" s="320">
        <v>0</v>
      </c>
      <c r="NP10" s="403">
        <v>0</v>
      </c>
      <c r="NQ10" s="316">
        <v>0</v>
      </c>
      <c r="NR10" s="316">
        <v>0</v>
      </c>
      <c r="NS10" s="316">
        <v>0</v>
      </c>
      <c r="NT10" s="316">
        <v>0</v>
      </c>
      <c r="NU10" s="316">
        <v>0</v>
      </c>
      <c r="NV10" s="320">
        <v>0</v>
      </c>
      <c r="NW10" s="321">
        <v>0</v>
      </c>
      <c r="NX10" s="319">
        <v>0</v>
      </c>
      <c r="NY10" s="316">
        <v>0</v>
      </c>
      <c r="NZ10" s="320">
        <v>0</v>
      </c>
      <c r="OA10" s="403">
        <v>0</v>
      </c>
      <c r="OB10" s="316">
        <v>0</v>
      </c>
      <c r="OC10" s="316">
        <v>0</v>
      </c>
      <c r="OD10" s="316">
        <v>0</v>
      </c>
      <c r="OE10" s="316">
        <v>3015527</v>
      </c>
      <c r="OF10" s="316">
        <v>2815163</v>
      </c>
      <c r="OG10" s="320">
        <v>5830690</v>
      </c>
      <c r="OH10" s="321">
        <v>5830690</v>
      </c>
      <c r="OI10" s="319">
        <v>13214514</v>
      </c>
      <c r="OJ10" s="316">
        <v>28444476</v>
      </c>
      <c r="OK10" s="317">
        <v>41658990</v>
      </c>
      <c r="OL10" s="322">
        <v>0</v>
      </c>
      <c r="OM10" s="316">
        <v>139419399</v>
      </c>
      <c r="ON10" s="316">
        <v>244747296</v>
      </c>
      <c r="OO10" s="316">
        <v>249381747</v>
      </c>
      <c r="OP10" s="316">
        <v>251086062</v>
      </c>
      <c r="OQ10" s="316">
        <v>178464324</v>
      </c>
      <c r="OR10" s="320">
        <v>1063098828</v>
      </c>
      <c r="OS10" s="325">
        <v>1104757818</v>
      </c>
    </row>
    <row r="11" spans="2:409" s="70" customFormat="1" ht="21" customHeight="1" x14ac:dyDescent="0.2">
      <c r="B11" s="106" t="s">
        <v>6</v>
      </c>
      <c r="C11" s="326">
        <v>4374526</v>
      </c>
      <c r="D11" s="327">
        <v>6484319</v>
      </c>
      <c r="E11" s="328">
        <v>10858845</v>
      </c>
      <c r="F11" s="329">
        <v>0</v>
      </c>
      <c r="G11" s="327">
        <v>59964463</v>
      </c>
      <c r="H11" s="327">
        <v>61356096</v>
      </c>
      <c r="I11" s="327">
        <v>49119596</v>
      </c>
      <c r="J11" s="327">
        <v>53752524</v>
      </c>
      <c r="K11" s="327">
        <v>42243677</v>
      </c>
      <c r="L11" s="329">
        <v>266436356</v>
      </c>
      <c r="M11" s="330">
        <v>277295201</v>
      </c>
      <c r="N11" s="326">
        <v>1455217</v>
      </c>
      <c r="O11" s="327">
        <v>2725721</v>
      </c>
      <c r="P11" s="328">
        <v>4180938</v>
      </c>
      <c r="Q11" s="326">
        <v>0</v>
      </c>
      <c r="R11" s="327">
        <v>20493245</v>
      </c>
      <c r="S11" s="327">
        <v>21213425</v>
      </c>
      <c r="T11" s="327">
        <v>17318692</v>
      </c>
      <c r="U11" s="327">
        <v>21123758</v>
      </c>
      <c r="V11" s="327">
        <v>20087054</v>
      </c>
      <c r="W11" s="328">
        <v>100236174</v>
      </c>
      <c r="X11" s="330">
        <v>104417112</v>
      </c>
      <c r="Y11" s="326">
        <v>0</v>
      </c>
      <c r="Z11" s="327">
        <v>0</v>
      </c>
      <c r="AA11" s="328">
        <v>0</v>
      </c>
      <c r="AB11" s="326">
        <v>0</v>
      </c>
      <c r="AC11" s="327">
        <v>6914307</v>
      </c>
      <c r="AD11" s="327">
        <v>9510393</v>
      </c>
      <c r="AE11" s="327">
        <v>7146751</v>
      </c>
      <c r="AF11" s="327">
        <v>11407960</v>
      </c>
      <c r="AG11" s="327">
        <v>12093685</v>
      </c>
      <c r="AH11" s="328">
        <v>47073096</v>
      </c>
      <c r="AI11" s="330">
        <v>47073096</v>
      </c>
      <c r="AJ11" s="326">
        <v>0</v>
      </c>
      <c r="AK11" s="327">
        <v>0</v>
      </c>
      <c r="AL11" s="328">
        <v>0</v>
      </c>
      <c r="AM11" s="326">
        <v>0</v>
      </c>
      <c r="AN11" s="327">
        <v>194053</v>
      </c>
      <c r="AO11" s="327">
        <v>108430</v>
      </c>
      <c r="AP11" s="327">
        <v>591094</v>
      </c>
      <c r="AQ11" s="327">
        <v>1496814</v>
      </c>
      <c r="AR11" s="327">
        <v>1480095</v>
      </c>
      <c r="AS11" s="328">
        <v>3870486</v>
      </c>
      <c r="AT11" s="330">
        <v>3870486</v>
      </c>
      <c r="AU11" s="326">
        <v>797997</v>
      </c>
      <c r="AV11" s="327">
        <v>2054085</v>
      </c>
      <c r="AW11" s="328">
        <v>2852082</v>
      </c>
      <c r="AX11" s="326">
        <v>0</v>
      </c>
      <c r="AY11" s="327">
        <v>9017021</v>
      </c>
      <c r="AZ11" s="327">
        <v>7541768</v>
      </c>
      <c r="BA11" s="327">
        <v>6120717</v>
      </c>
      <c r="BB11" s="327">
        <v>4569148</v>
      </c>
      <c r="BC11" s="327">
        <v>3435617</v>
      </c>
      <c r="BD11" s="328">
        <v>30684271</v>
      </c>
      <c r="BE11" s="330">
        <v>33536353</v>
      </c>
      <c r="BF11" s="326">
        <v>57789</v>
      </c>
      <c r="BG11" s="327">
        <v>144396</v>
      </c>
      <c r="BH11" s="331">
        <v>202185</v>
      </c>
      <c r="BI11" s="332">
        <v>0</v>
      </c>
      <c r="BJ11" s="327">
        <v>602249</v>
      </c>
      <c r="BK11" s="327">
        <v>644945</v>
      </c>
      <c r="BL11" s="327">
        <v>370456</v>
      </c>
      <c r="BM11" s="327">
        <v>578068</v>
      </c>
      <c r="BN11" s="327">
        <v>217023</v>
      </c>
      <c r="BO11" s="328">
        <v>2412741</v>
      </c>
      <c r="BP11" s="330">
        <v>2614926</v>
      </c>
      <c r="BQ11" s="326">
        <v>599431</v>
      </c>
      <c r="BR11" s="327">
        <v>527240</v>
      </c>
      <c r="BS11" s="328">
        <v>1126671</v>
      </c>
      <c r="BT11" s="326">
        <v>0</v>
      </c>
      <c r="BU11" s="327">
        <v>3765615</v>
      </c>
      <c r="BV11" s="327">
        <v>3407889</v>
      </c>
      <c r="BW11" s="327">
        <v>3089674</v>
      </c>
      <c r="BX11" s="327">
        <v>3071768</v>
      </c>
      <c r="BY11" s="327">
        <v>2860634</v>
      </c>
      <c r="BZ11" s="328">
        <v>16195580</v>
      </c>
      <c r="CA11" s="330">
        <v>17322251</v>
      </c>
      <c r="CB11" s="326">
        <v>187338</v>
      </c>
      <c r="CC11" s="327">
        <v>670320</v>
      </c>
      <c r="CD11" s="328">
        <v>857658</v>
      </c>
      <c r="CE11" s="326">
        <v>0</v>
      </c>
      <c r="CF11" s="327">
        <v>14167306</v>
      </c>
      <c r="CG11" s="327">
        <v>14102921</v>
      </c>
      <c r="CH11" s="327">
        <v>9099808</v>
      </c>
      <c r="CI11" s="327">
        <v>5882531</v>
      </c>
      <c r="CJ11" s="327">
        <v>2274788</v>
      </c>
      <c r="CK11" s="328">
        <v>45527354</v>
      </c>
      <c r="CL11" s="330">
        <v>46385012</v>
      </c>
      <c r="CM11" s="326">
        <v>0</v>
      </c>
      <c r="CN11" s="327">
        <v>0</v>
      </c>
      <c r="CO11" s="328">
        <v>0</v>
      </c>
      <c r="CP11" s="332">
        <v>0</v>
      </c>
      <c r="CQ11" s="327">
        <v>11003599</v>
      </c>
      <c r="CR11" s="327">
        <v>10192338</v>
      </c>
      <c r="CS11" s="327">
        <v>6500241</v>
      </c>
      <c r="CT11" s="327">
        <v>3935307</v>
      </c>
      <c r="CU11" s="327">
        <v>1849660</v>
      </c>
      <c r="CV11" s="328">
        <v>33481145</v>
      </c>
      <c r="CW11" s="330">
        <v>33481145</v>
      </c>
      <c r="CX11" s="326">
        <v>187338</v>
      </c>
      <c r="CY11" s="327">
        <v>670320</v>
      </c>
      <c r="CZ11" s="328">
        <v>857658</v>
      </c>
      <c r="DA11" s="326">
        <v>0</v>
      </c>
      <c r="DB11" s="327">
        <v>3163707</v>
      </c>
      <c r="DC11" s="327">
        <v>3910583</v>
      </c>
      <c r="DD11" s="327">
        <v>2599567</v>
      </c>
      <c r="DE11" s="327">
        <v>1947224</v>
      </c>
      <c r="DF11" s="327">
        <v>425128</v>
      </c>
      <c r="DG11" s="328">
        <v>12046209</v>
      </c>
      <c r="DH11" s="330">
        <v>12903867</v>
      </c>
      <c r="DI11" s="326">
        <v>82304</v>
      </c>
      <c r="DJ11" s="327">
        <v>148563</v>
      </c>
      <c r="DK11" s="331">
        <v>230867</v>
      </c>
      <c r="DL11" s="332">
        <v>0</v>
      </c>
      <c r="DM11" s="327">
        <v>869726</v>
      </c>
      <c r="DN11" s="327">
        <v>1903878</v>
      </c>
      <c r="DO11" s="327">
        <v>2968456</v>
      </c>
      <c r="DP11" s="327">
        <v>2563965</v>
      </c>
      <c r="DQ11" s="327">
        <v>1654120</v>
      </c>
      <c r="DR11" s="328">
        <v>9960145</v>
      </c>
      <c r="DS11" s="330">
        <v>10191012</v>
      </c>
      <c r="DT11" s="326">
        <v>82304</v>
      </c>
      <c r="DU11" s="327">
        <v>148563</v>
      </c>
      <c r="DV11" s="328">
        <v>230867</v>
      </c>
      <c r="DW11" s="326">
        <v>0</v>
      </c>
      <c r="DX11" s="327">
        <v>620289</v>
      </c>
      <c r="DY11" s="327">
        <v>1488050</v>
      </c>
      <c r="DZ11" s="327">
        <v>2366477</v>
      </c>
      <c r="EA11" s="327">
        <v>2088358</v>
      </c>
      <c r="EB11" s="327">
        <v>1340584</v>
      </c>
      <c r="EC11" s="328">
        <v>7903758</v>
      </c>
      <c r="ED11" s="330">
        <v>8134625</v>
      </c>
      <c r="EE11" s="326">
        <v>0</v>
      </c>
      <c r="EF11" s="331">
        <v>0</v>
      </c>
      <c r="EG11" s="328">
        <v>0</v>
      </c>
      <c r="EH11" s="326">
        <v>0</v>
      </c>
      <c r="EI11" s="327">
        <v>249437</v>
      </c>
      <c r="EJ11" s="327">
        <v>415828</v>
      </c>
      <c r="EK11" s="327">
        <v>601979</v>
      </c>
      <c r="EL11" s="327">
        <v>475607</v>
      </c>
      <c r="EM11" s="327">
        <v>313536</v>
      </c>
      <c r="EN11" s="331">
        <v>2056387</v>
      </c>
      <c r="EO11" s="330">
        <v>2056387</v>
      </c>
      <c r="EP11" s="326">
        <v>0</v>
      </c>
      <c r="EQ11" s="327">
        <v>0</v>
      </c>
      <c r="ER11" s="331">
        <v>0</v>
      </c>
      <c r="ES11" s="332">
        <v>0</v>
      </c>
      <c r="ET11" s="327">
        <v>0</v>
      </c>
      <c r="EU11" s="327">
        <v>0</v>
      </c>
      <c r="EV11" s="327">
        <v>0</v>
      </c>
      <c r="EW11" s="327">
        <v>0</v>
      </c>
      <c r="EX11" s="327">
        <v>0</v>
      </c>
      <c r="EY11" s="328">
        <v>0</v>
      </c>
      <c r="EZ11" s="330">
        <v>0</v>
      </c>
      <c r="FA11" s="326">
        <v>0</v>
      </c>
      <c r="FB11" s="327">
        <v>0</v>
      </c>
      <c r="FC11" s="331">
        <v>0</v>
      </c>
      <c r="FD11" s="404">
        <v>0</v>
      </c>
      <c r="FE11" s="327">
        <v>0</v>
      </c>
      <c r="FF11" s="327">
        <v>0</v>
      </c>
      <c r="FG11" s="327">
        <v>0</v>
      </c>
      <c r="FH11" s="327">
        <v>0</v>
      </c>
      <c r="FI11" s="327">
        <v>0</v>
      </c>
      <c r="FJ11" s="328">
        <v>0</v>
      </c>
      <c r="FK11" s="330">
        <v>0</v>
      </c>
      <c r="FL11" s="326">
        <v>719551</v>
      </c>
      <c r="FM11" s="327">
        <v>1398039</v>
      </c>
      <c r="FN11" s="328">
        <v>2117590</v>
      </c>
      <c r="FO11" s="326">
        <v>0</v>
      </c>
      <c r="FP11" s="327">
        <v>2312842</v>
      </c>
      <c r="FQ11" s="327">
        <v>5089803</v>
      </c>
      <c r="FR11" s="327">
        <v>3381332</v>
      </c>
      <c r="FS11" s="327">
        <v>3347722</v>
      </c>
      <c r="FT11" s="327">
        <v>2631450</v>
      </c>
      <c r="FU11" s="328">
        <v>16763149</v>
      </c>
      <c r="FV11" s="330">
        <v>18880739</v>
      </c>
      <c r="FW11" s="333">
        <v>432726</v>
      </c>
      <c r="FX11" s="327">
        <v>950897</v>
      </c>
      <c r="FY11" s="331">
        <v>1383623</v>
      </c>
      <c r="FZ11" s="332">
        <v>0</v>
      </c>
      <c r="GA11" s="327">
        <v>2077811</v>
      </c>
      <c r="GB11" s="327">
        <v>4424376</v>
      </c>
      <c r="GC11" s="327">
        <v>3166922</v>
      </c>
      <c r="GD11" s="327">
        <v>2930025</v>
      </c>
      <c r="GE11" s="327">
        <v>2496354</v>
      </c>
      <c r="GF11" s="328">
        <v>15095488</v>
      </c>
      <c r="GG11" s="334">
        <v>16479111</v>
      </c>
      <c r="GH11" s="333">
        <v>60725</v>
      </c>
      <c r="GI11" s="327">
        <v>36312</v>
      </c>
      <c r="GJ11" s="331">
        <v>97037</v>
      </c>
      <c r="GK11" s="332">
        <v>0</v>
      </c>
      <c r="GL11" s="327">
        <v>138004</v>
      </c>
      <c r="GM11" s="327">
        <v>283227</v>
      </c>
      <c r="GN11" s="327">
        <v>54390</v>
      </c>
      <c r="GO11" s="327">
        <v>260197</v>
      </c>
      <c r="GP11" s="327">
        <v>74266</v>
      </c>
      <c r="GQ11" s="328">
        <v>810084</v>
      </c>
      <c r="GR11" s="330">
        <v>907121</v>
      </c>
      <c r="GS11" s="326">
        <v>226100</v>
      </c>
      <c r="GT11" s="327">
        <v>410830</v>
      </c>
      <c r="GU11" s="328">
        <v>636930</v>
      </c>
      <c r="GV11" s="326">
        <v>0</v>
      </c>
      <c r="GW11" s="327">
        <v>97027</v>
      </c>
      <c r="GX11" s="327">
        <v>382200</v>
      </c>
      <c r="GY11" s="327">
        <v>160020</v>
      </c>
      <c r="GZ11" s="327">
        <v>157500</v>
      </c>
      <c r="HA11" s="327">
        <v>60830</v>
      </c>
      <c r="HB11" s="331">
        <v>857577</v>
      </c>
      <c r="HC11" s="330">
        <v>1494507</v>
      </c>
      <c r="HD11" s="326">
        <v>1930116</v>
      </c>
      <c r="HE11" s="327">
        <v>1541676</v>
      </c>
      <c r="HF11" s="331">
        <v>3471792</v>
      </c>
      <c r="HG11" s="332">
        <v>0</v>
      </c>
      <c r="HH11" s="327">
        <v>22121344</v>
      </c>
      <c r="HI11" s="327">
        <v>19046069</v>
      </c>
      <c r="HJ11" s="327">
        <v>16351308</v>
      </c>
      <c r="HK11" s="327">
        <v>20834548</v>
      </c>
      <c r="HL11" s="327">
        <v>15596265</v>
      </c>
      <c r="HM11" s="328">
        <v>93949534</v>
      </c>
      <c r="HN11" s="329">
        <v>97421326</v>
      </c>
      <c r="HO11" s="333">
        <v>0</v>
      </c>
      <c r="HP11" s="327">
        <v>0</v>
      </c>
      <c r="HQ11" s="328">
        <v>0</v>
      </c>
      <c r="HR11" s="326">
        <v>0</v>
      </c>
      <c r="HS11" s="327">
        <v>0</v>
      </c>
      <c r="HT11" s="327">
        <v>0</v>
      </c>
      <c r="HU11" s="327">
        <v>0</v>
      </c>
      <c r="HV11" s="327">
        <v>0</v>
      </c>
      <c r="HW11" s="327">
        <v>0</v>
      </c>
      <c r="HX11" s="331">
        <v>0</v>
      </c>
      <c r="HY11" s="330">
        <v>0</v>
      </c>
      <c r="HZ11" s="335">
        <v>40936</v>
      </c>
      <c r="IA11" s="336">
        <v>630696</v>
      </c>
      <c r="IB11" s="337">
        <v>671632</v>
      </c>
      <c r="IC11" s="338">
        <v>0</v>
      </c>
      <c r="ID11" s="336">
        <v>11357053</v>
      </c>
      <c r="IE11" s="339">
        <v>12799047</v>
      </c>
      <c r="IF11" s="337">
        <v>16465622</v>
      </c>
      <c r="IG11" s="336">
        <v>10579158</v>
      </c>
      <c r="IH11" s="337">
        <v>13259592</v>
      </c>
      <c r="II11" s="340">
        <v>64460472</v>
      </c>
      <c r="IJ11" s="341">
        <v>65132104</v>
      </c>
      <c r="IK11" s="342">
        <v>0</v>
      </c>
      <c r="IL11" s="343">
        <v>0</v>
      </c>
      <c r="IM11" s="344">
        <v>0</v>
      </c>
      <c r="IN11" s="404">
        <v>0</v>
      </c>
      <c r="IO11" s="345">
        <v>244928</v>
      </c>
      <c r="IP11" s="345">
        <v>694582</v>
      </c>
      <c r="IQ11" s="345">
        <v>1036114</v>
      </c>
      <c r="IR11" s="345">
        <v>1556625</v>
      </c>
      <c r="IS11" s="345">
        <v>1382729</v>
      </c>
      <c r="IT11" s="346">
        <v>4914978</v>
      </c>
      <c r="IU11" s="347">
        <v>4914978</v>
      </c>
      <c r="IV11" s="348">
        <v>0</v>
      </c>
      <c r="IW11" s="345">
        <v>0</v>
      </c>
      <c r="IX11" s="349">
        <v>0</v>
      </c>
      <c r="IY11" s="404">
        <v>0</v>
      </c>
      <c r="IZ11" s="345">
        <v>76955</v>
      </c>
      <c r="JA11" s="345">
        <v>99154</v>
      </c>
      <c r="JB11" s="345">
        <v>331160</v>
      </c>
      <c r="JC11" s="345">
        <v>102868</v>
      </c>
      <c r="JD11" s="345">
        <v>458228</v>
      </c>
      <c r="JE11" s="349">
        <v>1068365</v>
      </c>
      <c r="JF11" s="350">
        <v>1068365</v>
      </c>
      <c r="JG11" s="348">
        <v>0</v>
      </c>
      <c r="JH11" s="345">
        <v>0</v>
      </c>
      <c r="JI11" s="346">
        <v>0</v>
      </c>
      <c r="JJ11" s="351">
        <v>0</v>
      </c>
      <c r="JK11" s="345">
        <v>4960204</v>
      </c>
      <c r="JL11" s="345">
        <v>3137357</v>
      </c>
      <c r="JM11" s="345">
        <v>2546341</v>
      </c>
      <c r="JN11" s="345">
        <v>1522208</v>
      </c>
      <c r="JO11" s="345">
        <v>1075577</v>
      </c>
      <c r="JP11" s="349">
        <v>13241687</v>
      </c>
      <c r="JQ11" s="347">
        <v>13241687</v>
      </c>
      <c r="JR11" s="348">
        <v>0</v>
      </c>
      <c r="JS11" s="345">
        <v>0</v>
      </c>
      <c r="JT11" s="346">
        <v>0</v>
      </c>
      <c r="JU11" s="351">
        <v>0</v>
      </c>
      <c r="JV11" s="345">
        <v>663475</v>
      </c>
      <c r="JW11" s="345">
        <v>1768207</v>
      </c>
      <c r="JX11" s="345">
        <v>1991224</v>
      </c>
      <c r="JY11" s="345">
        <v>280335</v>
      </c>
      <c r="JZ11" s="345">
        <v>610174</v>
      </c>
      <c r="KA11" s="349">
        <v>5313415</v>
      </c>
      <c r="KB11" s="347">
        <v>5313415</v>
      </c>
      <c r="KC11" s="352">
        <v>40936</v>
      </c>
      <c r="KD11" s="353">
        <v>630696</v>
      </c>
      <c r="KE11" s="349">
        <v>671632</v>
      </c>
      <c r="KF11" s="351">
        <v>0</v>
      </c>
      <c r="KG11" s="345">
        <v>981329</v>
      </c>
      <c r="KH11" s="345">
        <v>873299</v>
      </c>
      <c r="KI11" s="345">
        <v>2549337</v>
      </c>
      <c r="KJ11" s="345">
        <v>414644</v>
      </c>
      <c r="KK11" s="345">
        <v>560612</v>
      </c>
      <c r="KL11" s="349">
        <v>5379221</v>
      </c>
      <c r="KM11" s="354">
        <v>6050853</v>
      </c>
      <c r="KN11" s="342">
        <v>0</v>
      </c>
      <c r="KO11" s="343">
        <v>0</v>
      </c>
      <c r="KP11" s="344">
        <v>0</v>
      </c>
      <c r="KQ11" s="404">
        <v>0</v>
      </c>
      <c r="KR11" s="345">
        <v>3679190</v>
      </c>
      <c r="KS11" s="345">
        <v>5242709</v>
      </c>
      <c r="KT11" s="345">
        <v>5704435</v>
      </c>
      <c r="KU11" s="345">
        <v>3506915</v>
      </c>
      <c r="KV11" s="345">
        <v>5396579</v>
      </c>
      <c r="KW11" s="349">
        <v>23529828</v>
      </c>
      <c r="KX11" s="347">
        <v>23529828</v>
      </c>
      <c r="KY11" s="348">
        <v>0</v>
      </c>
      <c r="KZ11" s="345">
        <v>0</v>
      </c>
      <c r="LA11" s="349">
        <v>0</v>
      </c>
      <c r="LB11" s="404">
        <v>0</v>
      </c>
      <c r="LC11" s="345">
        <v>0</v>
      </c>
      <c r="LD11" s="345">
        <v>0</v>
      </c>
      <c r="LE11" s="345">
        <v>0</v>
      </c>
      <c r="LF11" s="345">
        <v>0</v>
      </c>
      <c r="LG11" s="345">
        <v>0</v>
      </c>
      <c r="LH11" s="349">
        <v>0</v>
      </c>
      <c r="LI11" s="350">
        <v>0</v>
      </c>
      <c r="LJ11" s="348">
        <v>0</v>
      </c>
      <c r="LK11" s="345">
        <v>0</v>
      </c>
      <c r="LL11" s="349">
        <v>0</v>
      </c>
      <c r="LM11" s="404">
        <v>0</v>
      </c>
      <c r="LN11" s="345">
        <v>0</v>
      </c>
      <c r="LO11" s="345">
        <v>228571</v>
      </c>
      <c r="LP11" s="345">
        <v>745227</v>
      </c>
      <c r="LQ11" s="345">
        <v>1551426</v>
      </c>
      <c r="LR11" s="345">
        <v>875864</v>
      </c>
      <c r="LS11" s="349">
        <v>3401088</v>
      </c>
      <c r="LT11" s="347">
        <v>3401088</v>
      </c>
      <c r="LU11" s="348">
        <v>0</v>
      </c>
      <c r="LV11" s="345">
        <v>0</v>
      </c>
      <c r="LW11" s="349">
        <v>0</v>
      </c>
      <c r="LX11" s="404">
        <v>0</v>
      </c>
      <c r="LY11" s="345">
        <v>750972</v>
      </c>
      <c r="LZ11" s="345">
        <v>755168</v>
      </c>
      <c r="MA11" s="345">
        <v>1561784</v>
      </c>
      <c r="MB11" s="345">
        <v>1644137</v>
      </c>
      <c r="MC11" s="345">
        <v>2899829</v>
      </c>
      <c r="MD11" s="349">
        <v>7611890</v>
      </c>
      <c r="ME11" s="350">
        <v>7611890</v>
      </c>
      <c r="MF11" s="348">
        <v>0</v>
      </c>
      <c r="MG11" s="345">
        <v>0</v>
      </c>
      <c r="MH11" s="349">
        <v>0</v>
      </c>
      <c r="MI11" s="404">
        <v>0</v>
      </c>
      <c r="MJ11" s="345">
        <v>1471303</v>
      </c>
      <c r="MK11" s="345">
        <v>5528879</v>
      </c>
      <c r="ML11" s="345">
        <v>13088663</v>
      </c>
      <c r="MM11" s="345">
        <v>23939243</v>
      </c>
      <c r="MN11" s="345">
        <v>14491849</v>
      </c>
      <c r="MO11" s="349">
        <v>58519937</v>
      </c>
      <c r="MP11" s="354">
        <v>58519937</v>
      </c>
      <c r="MQ11" s="348">
        <v>0</v>
      </c>
      <c r="MR11" s="345">
        <v>0</v>
      </c>
      <c r="MS11" s="349">
        <v>0</v>
      </c>
      <c r="MT11" s="404">
        <v>0</v>
      </c>
      <c r="MU11" s="345">
        <v>329063</v>
      </c>
      <c r="MV11" s="345">
        <v>1022245</v>
      </c>
      <c r="MW11" s="345">
        <v>7588019</v>
      </c>
      <c r="MX11" s="345">
        <v>11352129</v>
      </c>
      <c r="MY11" s="345">
        <v>10520693</v>
      </c>
      <c r="MZ11" s="349">
        <v>30812149</v>
      </c>
      <c r="NA11" s="354">
        <v>30812149</v>
      </c>
      <c r="NB11" s="348">
        <v>0</v>
      </c>
      <c r="NC11" s="345">
        <v>0</v>
      </c>
      <c r="ND11" s="349">
        <v>0</v>
      </c>
      <c r="NE11" s="404">
        <v>0</v>
      </c>
      <c r="NF11" s="345">
        <v>1142240</v>
      </c>
      <c r="NG11" s="345">
        <v>4248744</v>
      </c>
      <c r="NH11" s="345">
        <v>5500644</v>
      </c>
      <c r="NI11" s="345">
        <v>12279562</v>
      </c>
      <c r="NJ11" s="345">
        <v>3644209</v>
      </c>
      <c r="NK11" s="349">
        <v>26815399</v>
      </c>
      <c r="NL11" s="347">
        <v>26815399</v>
      </c>
      <c r="NM11" s="348">
        <v>0</v>
      </c>
      <c r="NN11" s="345">
        <v>0</v>
      </c>
      <c r="NO11" s="349">
        <v>0</v>
      </c>
      <c r="NP11" s="404">
        <v>0</v>
      </c>
      <c r="NQ11" s="345">
        <v>0</v>
      </c>
      <c r="NR11" s="345">
        <v>0</v>
      </c>
      <c r="NS11" s="345">
        <v>0</v>
      </c>
      <c r="NT11" s="345">
        <v>0</v>
      </c>
      <c r="NU11" s="345">
        <v>0</v>
      </c>
      <c r="NV11" s="349">
        <v>0</v>
      </c>
      <c r="NW11" s="350">
        <v>0</v>
      </c>
      <c r="NX11" s="348">
        <v>0</v>
      </c>
      <c r="NY11" s="345">
        <v>0</v>
      </c>
      <c r="NZ11" s="349">
        <v>0</v>
      </c>
      <c r="OA11" s="404">
        <v>0</v>
      </c>
      <c r="OB11" s="345">
        <v>0</v>
      </c>
      <c r="OC11" s="345">
        <v>257890</v>
      </c>
      <c r="OD11" s="345">
        <v>0</v>
      </c>
      <c r="OE11" s="345">
        <v>307552</v>
      </c>
      <c r="OF11" s="345">
        <v>326947</v>
      </c>
      <c r="OG11" s="349">
        <v>892389</v>
      </c>
      <c r="OH11" s="350">
        <v>892389</v>
      </c>
      <c r="OI11" s="348">
        <v>4415462</v>
      </c>
      <c r="OJ11" s="345">
        <v>7115015</v>
      </c>
      <c r="OK11" s="346">
        <v>11530477</v>
      </c>
      <c r="OL11" s="351">
        <v>0</v>
      </c>
      <c r="OM11" s="345">
        <v>72792819</v>
      </c>
      <c r="ON11" s="345">
        <v>79684022</v>
      </c>
      <c r="OO11" s="345">
        <v>78673881</v>
      </c>
      <c r="OP11" s="345">
        <v>88270925</v>
      </c>
      <c r="OQ11" s="345">
        <v>69995118</v>
      </c>
      <c r="OR11" s="349">
        <v>389416765</v>
      </c>
      <c r="OS11" s="354">
        <v>400947242</v>
      </c>
    </row>
    <row r="12" spans="2:409" s="70" customFormat="1" ht="21" customHeight="1" x14ac:dyDescent="0.2">
      <c r="B12" s="106" t="s">
        <v>14</v>
      </c>
      <c r="C12" s="326">
        <v>1055463</v>
      </c>
      <c r="D12" s="327">
        <v>2436606</v>
      </c>
      <c r="E12" s="328">
        <v>3492069</v>
      </c>
      <c r="F12" s="329">
        <v>0</v>
      </c>
      <c r="G12" s="327">
        <v>13410274</v>
      </c>
      <c r="H12" s="327">
        <v>25017009</v>
      </c>
      <c r="I12" s="327">
        <v>20372958</v>
      </c>
      <c r="J12" s="327">
        <v>17547308</v>
      </c>
      <c r="K12" s="327">
        <v>15221333</v>
      </c>
      <c r="L12" s="331">
        <v>91568882</v>
      </c>
      <c r="M12" s="330">
        <v>95060951</v>
      </c>
      <c r="N12" s="326">
        <v>204648</v>
      </c>
      <c r="O12" s="327">
        <v>773199</v>
      </c>
      <c r="P12" s="328">
        <v>977847</v>
      </c>
      <c r="Q12" s="326">
        <v>0</v>
      </c>
      <c r="R12" s="327">
        <v>3651667</v>
      </c>
      <c r="S12" s="327">
        <v>8620584</v>
      </c>
      <c r="T12" s="327">
        <v>6691788</v>
      </c>
      <c r="U12" s="327">
        <v>5393301</v>
      </c>
      <c r="V12" s="327">
        <v>8090916</v>
      </c>
      <c r="W12" s="328">
        <v>32448256</v>
      </c>
      <c r="X12" s="330">
        <v>33426103</v>
      </c>
      <c r="Y12" s="326">
        <v>0</v>
      </c>
      <c r="Z12" s="327">
        <v>0</v>
      </c>
      <c r="AA12" s="328">
        <v>0</v>
      </c>
      <c r="AB12" s="326">
        <v>0</v>
      </c>
      <c r="AC12" s="327">
        <v>1443769</v>
      </c>
      <c r="AD12" s="327">
        <v>4531447</v>
      </c>
      <c r="AE12" s="327">
        <v>3360056</v>
      </c>
      <c r="AF12" s="327">
        <v>2448223</v>
      </c>
      <c r="AG12" s="327">
        <v>4820642</v>
      </c>
      <c r="AH12" s="328">
        <v>16604137</v>
      </c>
      <c r="AI12" s="330">
        <v>16604137</v>
      </c>
      <c r="AJ12" s="326">
        <v>0</v>
      </c>
      <c r="AK12" s="327">
        <v>0</v>
      </c>
      <c r="AL12" s="328">
        <v>0</v>
      </c>
      <c r="AM12" s="326">
        <v>0</v>
      </c>
      <c r="AN12" s="327">
        <v>0</v>
      </c>
      <c r="AO12" s="327">
        <v>94583</v>
      </c>
      <c r="AP12" s="327">
        <v>213443</v>
      </c>
      <c r="AQ12" s="327">
        <v>590219</v>
      </c>
      <c r="AR12" s="327">
        <v>698675</v>
      </c>
      <c r="AS12" s="328">
        <v>1596920</v>
      </c>
      <c r="AT12" s="330">
        <v>1596920</v>
      </c>
      <c r="AU12" s="326">
        <v>90415</v>
      </c>
      <c r="AV12" s="327">
        <v>479588</v>
      </c>
      <c r="AW12" s="328">
        <v>570003</v>
      </c>
      <c r="AX12" s="326">
        <v>0</v>
      </c>
      <c r="AY12" s="327">
        <v>1399645</v>
      </c>
      <c r="AZ12" s="327">
        <v>2512295</v>
      </c>
      <c r="BA12" s="327">
        <v>1828239</v>
      </c>
      <c r="BB12" s="327">
        <v>1298956</v>
      </c>
      <c r="BC12" s="327">
        <v>1661830</v>
      </c>
      <c r="BD12" s="328">
        <v>8700965</v>
      </c>
      <c r="BE12" s="330">
        <v>9270968</v>
      </c>
      <c r="BF12" s="326">
        <v>0</v>
      </c>
      <c r="BG12" s="327">
        <v>56500</v>
      </c>
      <c r="BH12" s="331">
        <v>56500</v>
      </c>
      <c r="BI12" s="332">
        <v>0</v>
      </c>
      <c r="BJ12" s="327">
        <v>80043</v>
      </c>
      <c r="BK12" s="327">
        <v>264518</v>
      </c>
      <c r="BL12" s="327">
        <v>104026</v>
      </c>
      <c r="BM12" s="327">
        <v>72585</v>
      </c>
      <c r="BN12" s="327">
        <v>14616</v>
      </c>
      <c r="BO12" s="328">
        <v>535788</v>
      </c>
      <c r="BP12" s="330">
        <v>592288</v>
      </c>
      <c r="BQ12" s="326">
        <v>114233</v>
      </c>
      <c r="BR12" s="327">
        <v>237111</v>
      </c>
      <c r="BS12" s="328">
        <v>351344</v>
      </c>
      <c r="BT12" s="326">
        <v>0</v>
      </c>
      <c r="BU12" s="327">
        <v>728210</v>
      </c>
      <c r="BV12" s="327">
        <v>1217741</v>
      </c>
      <c r="BW12" s="327">
        <v>1186024</v>
      </c>
      <c r="BX12" s="327">
        <v>983318</v>
      </c>
      <c r="BY12" s="327">
        <v>895153</v>
      </c>
      <c r="BZ12" s="328">
        <v>5010446</v>
      </c>
      <c r="CA12" s="330">
        <v>5361790</v>
      </c>
      <c r="CB12" s="326">
        <v>127511</v>
      </c>
      <c r="CC12" s="327">
        <v>337770</v>
      </c>
      <c r="CD12" s="328">
        <v>465281</v>
      </c>
      <c r="CE12" s="326">
        <v>0</v>
      </c>
      <c r="CF12" s="327">
        <v>4144216</v>
      </c>
      <c r="CG12" s="327">
        <v>7274844</v>
      </c>
      <c r="CH12" s="327">
        <v>5557277</v>
      </c>
      <c r="CI12" s="327">
        <v>2713987</v>
      </c>
      <c r="CJ12" s="327">
        <v>2002223</v>
      </c>
      <c r="CK12" s="328">
        <v>21692547</v>
      </c>
      <c r="CL12" s="330">
        <v>22157828</v>
      </c>
      <c r="CM12" s="326">
        <v>0</v>
      </c>
      <c r="CN12" s="327">
        <v>0</v>
      </c>
      <c r="CO12" s="328">
        <v>0</v>
      </c>
      <c r="CP12" s="332">
        <v>0</v>
      </c>
      <c r="CQ12" s="327">
        <v>3852130</v>
      </c>
      <c r="CR12" s="327">
        <v>6249896</v>
      </c>
      <c r="CS12" s="327">
        <v>4677920</v>
      </c>
      <c r="CT12" s="327">
        <v>2084811</v>
      </c>
      <c r="CU12" s="327">
        <v>1887483</v>
      </c>
      <c r="CV12" s="328">
        <v>18752240</v>
      </c>
      <c r="CW12" s="330">
        <v>18752240</v>
      </c>
      <c r="CX12" s="326">
        <v>127511</v>
      </c>
      <c r="CY12" s="327">
        <v>337770</v>
      </c>
      <c r="CZ12" s="328">
        <v>465281</v>
      </c>
      <c r="DA12" s="326">
        <v>0</v>
      </c>
      <c r="DB12" s="327">
        <v>292086</v>
      </c>
      <c r="DC12" s="327">
        <v>1024948</v>
      </c>
      <c r="DD12" s="327">
        <v>879357</v>
      </c>
      <c r="DE12" s="327">
        <v>629176</v>
      </c>
      <c r="DF12" s="327">
        <v>114740</v>
      </c>
      <c r="DG12" s="328">
        <v>2940307</v>
      </c>
      <c r="DH12" s="330">
        <v>3405588</v>
      </c>
      <c r="DI12" s="326">
        <v>0</v>
      </c>
      <c r="DJ12" s="327">
        <v>0</v>
      </c>
      <c r="DK12" s="331">
        <v>0</v>
      </c>
      <c r="DL12" s="332">
        <v>0</v>
      </c>
      <c r="DM12" s="327">
        <v>670073</v>
      </c>
      <c r="DN12" s="327">
        <v>890714</v>
      </c>
      <c r="DO12" s="327">
        <v>1122212</v>
      </c>
      <c r="DP12" s="327">
        <v>2144673</v>
      </c>
      <c r="DQ12" s="327">
        <v>905316</v>
      </c>
      <c r="DR12" s="328">
        <v>5732988</v>
      </c>
      <c r="DS12" s="330">
        <v>5732988</v>
      </c>
      <c r="DT12" s="326">
        <v>0</v>
      </c>
      <c r="DU12" s="327">
        <v>0</v>
      </c>
      <c r="DV12" s="328">
        <v>0</v>
      </c>
      <c r="DW12" s="326">
        <v>0</v>
      </c>
      <c r="DX12" s="327">
        <v>599621</v>
      </c>
      <c r="DY12" s="327">
        <v>890714</v>
      </c>
      <c r="DZ12" s="327">
        <v>1122212</v>
      </c>
      <c r="EA12" s="327">
        <v>2144673</v>
      </c>
      <c r="EB12" s="327">
        <v>905316</v>
      </c>
      <c r="EC12" s="328">
        <v>5662536</v>
      </c>
      <c r="ED12" s="330">
        <v>5662536</v>
      </c>
      <c r="EE12" s="326">
        <v>0</v>
      </c>
      <c r="EF12" s="331">
        <v>0</v>
      </c>
      <c r="EG12" s="328">
        <v>0</v>
      </c>
      <c r="EH12" s="326">
        <v>0</v>
      </c>
      <c r="EI12" s="327">
        <v>70452</v>
      </c>
      <c r="EJ12" s="327">
        <v>0</v>
      </c>
      <c r="EK12" s="327">
        <v>0</v>
      </c>
      <c r="EL12" s="327">
        <v>0</v>
      </c>
      <c r="EM12" s="327">
        <v>0</v>
      </c>
      <c r="EN12" s="331">
        <v>70452</v>
      </c>
      <c r="EO12" s="330">
        <v>70452</v>
      </c>
      <c r="EP12" s="326">
        <v>0</v>
      </c>
      <c r="EQ12" s="327">
        <v>0</v>
      </c>
      <c r="ER12" s="331">
        <v>0</v>
      </c>
      <c r="ES12" s="332">
        <v>0</v>
      </c>
      <c r="ET12" s="327">
        <v>0</v>
      </c>
      <c r="EU12" s="327">
        <v>0</v>
      </c>
      <c r="EV12" s="327">
        <v>0</v>
      </c>
      <c r="EW12" s="327">
        <v>0</v>
      </c>
      <c r="EX12" s="327">
        <v>0</v>
      </c>
      <c r="EY12" s="328">
        <v>0</v>
      </c>
      <c r="EZ12" s="330">
        <v>0</v>
      </c>
      <c r="FA12" s="326">
        <v>0</v>
      </c>
      <c r="FB12" s="327">
        <v>0</v>
      </c>
      <c r="FC12" s="331">
        <v>0</v>
      </c>
      <c r="FD12" s="404">
        <v>0</v>
      </c>
      <c r="FE12" s="327">
        <v>0</v>
      </c>
      <c r="FF12" s="327">
        <v>0</v>
      </c>
      <c r="FG12" s="327">
        <v>0</v>
      </c>
      <c r="FH12" s="327">
        <v>0</v>
      </c>
      <c r="FI12" s="327">
        <v>0</v>
      </c>
      <c r="FJ12" s="328">
        <v>0</v>
      </c>
      <c r="FK12" s="330">
        <v>0</v>
      </c>
      <c r="FL12" s="326">
        <v>290115</v>
      </c>
      <c r="FM12" s="327">
        <v>728735</v>
      </c>
      <c r="FN12" s="328">
        <v>1018850</v>
      </c>
      <c r="FO12" s="326">
        <v>0</v>
      </c>
      <c r="FP12" s="327">
        <v>728658</v>
      </c>
      <c r="FQ12" s="327">
        <v>2788232</v>
      </c>
      <c r="FR12" s="327">
        <v>1635277</v>
      </c>
      <c r="FS12" s="327">
        <v>1316266</v>
      </c>
      <c r="FT12" s="327">
        <v>1243200</v>
      </c>
      <c r="FU12" s="328">
        <v>7711633</v>
      </c>
      <c r="FV12" s="330">
        <v>8730483</v>
      </c>
      <c r="FW12" s="333">
        <v>223202</v>
      </c>
      <c r="FX12" s="327">
        <v>656775</v>
      </c>
      <c r="FY12" s="331">
        <v>879977</v>
      </c>
      <c r="FZ12" s="332">
        <v>0</v>
      </c>
      <c r="GA12" s="327">
        <v>529277</v>
      </c>
      <c r="GB12" s="327">
        <v>2497826</v>
      </c>
      <c r="GC12" s="327">
        <v>1615873</v>
      </c>
      <c r="GD12" s="327">
        <v>1083516</v>
      </c>
      <c r="GE12" s="327">
        <v>1071147</v>
      </c>
      <c r="GF12" s="328">
        <v>6797639</v>
      </c>
      <c r="GG12" s="334">
        <v>7677616</v>
      </c>
      <c r="GH12" s="333">
        <v>23870</v>
      </c>
      <c r="GI12" s="327">
        <v>71960</v>
      </c>
      <c r="GJ12" s="331">
        <v>95830</v>
      </c>
      <c r="GK12" s="332">
        <v>0</v>
      </c>
      <c r="GL12" s="327">
        <v>71960</v>
      </c>
      <c r="GM12" s="327">
        <v>60820</v>
      </c>
      <c r="GN12" s="327">
        <v>19404</v>
      </c>
      <c r="GO12" s="327">
        <v>113750</v>
      </c>
      <c r="GP12" s="327">
        <v>36050</v>
      </c>
      <c r="GQ12" s="328">
        <v>301984</v>
      </c>
      <c r="GR12" s="330">
        <v>397814</v>
      </c>
      <c r="GS12" s="326">
        <v>43043</v>
      </c>
      <c r="GT12" s="327">
        <v>0</v>
      </c>
      <c r="GU12" s="328">
        <v>43043</v>
      </c>
      <c r="GV12" s="326">
        <v>0</v>
      </c>
      <c r="GW12" s="327">
        <v>127421</v>
      </c>
      <c r="GX12" s="327">
        <v>229586</v>
      </c>
      <c r="GY12" s="327">
        <v>0</v>
      </c>
      <c r="GZ12" s="327">
        <v>119000</v>
      </c>
      <c r="HA12" s="327">
        <v>136003</v>
      </c>
      <c r="HB12" s="331">
        <v>612010</v>
      </c>
      <c r="HC12" s="330">
        <v>655053</v>
      </c>
      <c r="HD12" s="326">
        <v>433189</v>
      </c>
      <c r="HE12" s="327">
        <v>596902</v>
      </c>
      <c r="HF12" s="331">
        <v>1030091</v>
      </c>
      <c r="HG12" s="332">
        <v>0</v>
      </c>
      <c r="HH12" s="327">
        <v>4215660</v>
      </c>
      <c r="HI12" s="327">
        <v>5442635</v>
      </c>
      <c r="HJ12" s="327">
        <v>5366404</v>
      </c>
      <c r="HK12" s="327">
        <v>5979081</v>
      </c>
      <c r="HL12" s="327">
        <v>2979678</v>
      </c>
      <c r="HM12" s="328">
        <v>23983458</v>
      </c>
      <c r="HN12" s="329">
        <v>25013549</v>
      </c>
      <c r="HO12" s="333">
        <v>0</v>
      </c>
      <c r="HP12" s="327">
        <v>0</v>
      </c>
      <c r="HQ12" s="328">
        <v>0</v>
      </c>
      <c r="HR12" s="326">
        <v>0</v>
      </c>
      <c r="HS12" s="327">
        <v>0</v>
      </c>
      <c r="HT12" s="327">
        <v>0</v>
      </c>
      <c r="HU12" s="327">
        <v>0</v>
      </c>
      <c r="HV12" s="327">
        <v>0</v>
      </c>
      <c r="HW12" s="327">
        <v>0</v>
      </c>
      <c r="HX12" s="331">
        <v>0</v>
      </c>
      <c r="HY12" s="330">
        <v>0</v>
      </c>
      <c r="HZ12" s="335">
        <v>69611</v>
      </c>
      <c r="IA12" s="336">
        <v>0</v>
      </c>
      <c r="IB12" s="337">
        <v>69611</v>
      </c>
      <c r="IC12" s="355">
        <v>0</v>
      </c>
      <c r="ID12" s="356">
        <v>3272498</v>
      </c>
      <c r="IE12" s="357">
        <v>5731489</v>
      </c>
      <c r="IF12" s="358">
        <v>6494947</v>
      </c>
      <c r="IG12" s="356">
        <v>4556779</v>
      </c>
      <c r="IH12" s="358">
        <v>2671693</v>
      </c>
      <c r="II12" s="359">
        <v>22727406</v>
      </c>
      <c r="IJ12" s="341">
        <v>22797017</v>
      </c>
      <c r="IK12" s="342">
        <v>0</v>
      </c>
      <c r="IL12" s="343">
        <v>0</v>
      </c>
      <c r="IM12" s="344">
        <v>0</v>
      </c>
      <c r="IN12" s="404">
        <v>0</v>
      </c>
      <c r="IO12" s="345">
        <v>187252</v>
      </c>
      <c r="IP12" s="345">
        <v>499509</v>
      </c>
      <c r="IQ12" s="345">
        <v>0</v>
      </c>
      <c r="IR12" s="345">
        <v>195201</v>
      </c>
      <c r="IS12" s="345">
        <v>324082</v>
      </c>
      <c r="IT12" s="346">
        <v>1206044</v>
      </c>
      <c r="IU12" s="347">
        <v>1206044</v>
      </c>
      <c r="IV12" s="348">
        <v>0</v>
      </c>
      <c r="IW12" s="345">
        <v>0</v>
      </c>
      <c r="IX12" s="349">
        <v>0</v>
      </c>
      <c r="IY12" s="404">
        <v>0</v>
      </c>
      <c r="IZ12" s="345">
        <v>0</v>
      </c>
      <c r="JA12" s="345">
        <v>0</v>
      </c>
      <c r="JB12" s="345">
        <v>0</v>
      </c>
      <c r="JC12" s="345">
        <v>0</v>
      </c>
      <c r="JD12" s="345">
        <v>0</v>
      </c>
      <c r="JE12" s="349">
        <v>0</v>
      </c>
      <c r="JF12" s="350">
        <v>0</v>
      </c>
      <c r="JG12" s="348">
        <v>0</v>
      </c>
      <c r="JH12" s="345">
        <v>0</v>
      </c>
      <c r="JI12" s="346">
        <v>0</v>
      </c>
      <c r="JJ12" s="351">
        <v>0</v>
      </c>
      <c r="JK12" s="345">
        <v>1605614</v>
      </c>
      <c r="JL12" s="345">
        <v>2446459</v>
      </c>
      <c r="JM12" s="345">
        <v>1254592</v>
      </c>
      <c r="JN12" s="345">
        <v>756541</v>
      </c>
      <c r="JO12" s="345">
        <v>79829</v>
      </c>
      <c r="JP12" s="349">
        <v>6143035</v>
      </c>
      <c r="JQ12" s="347">
        <v>6143035</v>
      </c>
      <c r="JR12" s="348">
        <v>0</v>
      </c>
      <c r="JS12" s="345">
        <v>0</v>
      </c>
      <c r="JT12" s="346">
        <v>0</v>
      </c>
      <c r="JU12" s="351">
        <v>0</v>
      </c>
      <c r="JV12" s="345">
        <v>0</v>
      </c>
      <c r="JW12" s="345">
        <v>94670</v>
      </c>
      <c r="JX12" s="345">
        <v>0</v>
      </c>
      <c r="JY12" s="345">
        <v>12901</v>
      </c>
      <c r="JZ12" s="345">
        <v>0</v>
      </c>
      <c r="KA12" s="349">
        <v>107571</v>
      </c>
      <c r="KB12" s="347">
        <v>107571</v>
      </c>
      <c r="KC12" s="352">
        <v>69611</v>
      </c>
      <c r="KD12" s="353">
        <v>0</v>
      </c>
      <c r="KE12" s="349">
        <v>69611</v>
      </c>
      <c r="KF12" s="351">
        <v>0</v>
      </c>
      <c r="KG12" s="345">
        <v>415750</v>
      </c>
      <c r="KH12" s="345">
        <v>899868</v>
      </c>
      <c r="KI12" s="345">
        <v>1685235</v>
      </c>
      <c r="KJ12" s="345">
        <v>827226</v>
      </c>
      <c r="KK12" s="345">
        <v>518629</v>
      </c>
      <c r="KL12" s="349">
        <v>4346708</v>
      </c>
      <c r="KM12" s="354">
        <v>4416319</v>
      </c>
      <c r="KN12" s="342">
        <v>0</v>
      </c>
      <c r="KO12" s="343">
        <v>0</v>
      </c>
      <c r="KP12" s="344">
        <v>0</v>
      </c>
      <c r="KQ12" s="404">
        <v>0</v>
      </c>
      <c r="KR12" s="345">
        <v>1063882</v>
      </c>
      <c r="KS12" s="345">
        <v>1397580</v>
      </c>
      <c r="KT12" s="345">
        <v>3239911</v>
      </c>
      <c r="KU12" s="345">
        <v>1511030</v>
      </c>
      <c r="KV12" s="345">
        <v>1433414</v>
      </c>
      <c r="KW12" s="349">
        <v>8645817</v>
      </c>
      <c r="KX12" s="347">
        <v>8645817</v>
      </c>
      <c r="KY12" s="348">
        <v>0</v>
      </c>
      <c r="KZ12" s="345">
        <v>0</v>
      </c>
      <c r="LA12" s="349">
        <v>0</v>
      </c>
      <c r="LB12" s="404">
        <v>0</v>
      </c>
      <c r="LC12" s="345">
        <v>0</v>
      </c>
      <c r="LD12" s="345">
        <v>0</v>
      </c>
      <c r="LE12" s="345">
        <v>0</v>
      </c>
      <c r="LF12" s="345">
        <v>0</v>
      </c>
      <c r="LG12" s="345">
        <v>0</v>
      </c>
      <c r="LH12" s="349">
        <v>0</v>
      </c>
      <c r="LI12" s="350">
        <v>0</v>
      </c>
      <c r="LJ12" s="348">
        <v>0</v>
      </c>
      <c r="LK12" s="345">
        <v>0</v>
      </c>
      <c r="LL12" s="349">
        <v>0</v>
      </c>
      <c r="LM12" s="404">
        <v>0</v>
      </c>
      <c r="LN12" s="345">
        <v>0</v>
      </c>
      <c r="LO12" s="345">
        <v>0</v>
      </c>
      <c r="LP12" s="345">
        <v>0</v>
      </c>
      <c r="LQ12" s="345">
        <v>725102</v>
      </c>
      <c r="LR12" s="345">
        <v>0</v>
      </c>
      <c r="LS12" s="349">
        <v>725102</v>
      </c>
      <c r="LT12" s="347">
        <v>725102</v>
      </c>
      <c r="LU12" s="348">
        <v>0</v>
      </c>
      <c r="LV12" s="345">
        <v>0</v>
      </c>
      <c r="LW12" s="349">
        <v>0</v>
      </c>
      <c r="LX12" s="404">
        <v>0</v>
      </c>
      <c r="LY12" s="345">
        <v>0</v>
      </c>
      <c r="LZ12" s="345">
        <v>393403</v>
      </c>
      <c r="MA12" s="345">
        <v>315209</v>
      </c>
      <c r="MB12" s="345">
        <v>528778</v>
      </c>
      <c r="MC12" s="345">
        <v>315739</v>
      </c>
      <c r="MD12" s="349">
        <v>1553129</v>
      </c>
      <c r="ME12" s="350">
        <v>1553129</v>
      </c>
      <c r="MF12" s="348">
        <v>0</v>
      </c>
      <c r="MG12" s="345">
        <v>0</v>
      </c>
      <c r="MH12" s="349">
        <v>0</v>
      </c>
      <c r="MI12" s="404">
        <v>0</v>
      </c>
      <c r="MJ12" s="345">
        <v>-19781</v>
      </c>
      <c r="MK12" s="345">
        <v>2475931</v>
      </c>
      <c r="ML12" s="345">
        <v>7462308</v>
      </c>
      <c r="MM12" s="345">
        <v>14254073</v>
      </c>
      <c r="MN12" s="345">
        <v>7412203</v>
      </c>
      <c r="MO12" s="349">
        <v>31584734</v>
      </c>
      <c r="MP12" s="354">
        <v>31584734</v>
      </c>
      <c r="MQ12" s="348">
        <v>0</v>
      </c>
      <c r="MR12" s="345">
        <v>0</v>
      </c>
      <c r="MS12" s="349">
        <v>0</v>
      </c>
      <c r="MT12" s="404">
        <v>0</v>
      </c>
      <c r="MU12" s="345">
        <v>0</v>
      </c>
      <c r="MV12" s="345">
        <v>0</v>
      </c>
      <c r="MW12" s="345">
        <v>4999604</v>
      </c>
      <c r="MX12" s="345">
        <v>9975515</v>
      </c>
      <c r="MY12" s="345">
        <v>5626138</v>
      </c>
      <c r="MZ12" s="349">
        <v>20601257</v>
      </c>
      <c r="NA12" s="354">
        <v>20601257</v>
      </c>
      <c r="NB12" s="348">
        <v>0</v>
      </c>
      <c r="NC12" s="345">
        <v>0</v>
      </c>
      <c r="ND12" s="349">
        <v>0</v>
      </c>
      <c r="NE12" s="404">
        <v>0</v>
      </c>
      <c r="NF12" s="345">
        <v>-19781</v>
      </c>
      <c r="NG12" s="345">
        <v>2475931</v>
      </c>
      <c r="NH12" s="345">
        <v>1965983</v>
      </c>
      <c r="NI12" s="345">
        <v>3972505</v>
      </c>
      <c r="NJ12" s="345">
        <v>749237</v>
      </c>
      <c r="NK12" s="349">
        <v>9143875</v>
      </c>
      <c r="NL12" s="347">
        <v>9143875</v>
      </c>
      <c r="NM12" s="348">
        <v>0</v>
      </c>
      <c r="NN12" s="345">
        <v>0</v>
      </c>
      <c r="NO12" s="349">
        <v>0</v>
      </c>
      <c r="NP12" s="404">
        <v>0</v>
      </c>
      <c r="NQ12" s="345">
        <v>0</v>
      </c>
      <c r="NR12" s="345">
        <v>0</v>
      </c>
      <c r="NS12" s="345">
        <v>0</v>
      </c>
      <c r="NT12" s="345">
        <v>0</v>
      </c>
      <c r="NU12" s="345">
        <v>0</v>
      </c>
      <c r="NV12" s="349">
        <v>0</v>
      </c>
      <c r="NW12" s="350">
        <v>0</v>
      </c>
      <c r="NX12" s="348">
        <v>0</v>
      </c>
      <c r="NY12" s="345">
        <v>0</v>
      </c>
      <c r="NZ12" s="349">
        <v>0</v>
      </c>
      <c r="OA12" s="404">
        <v>0</v>
      </c>
      <c r="OB12" s="345">
        <v>0</v>
      </c>
      <c r="OC12" s="345">
        <v>0</v>
      </c>
      <c r="OD12" s="345">
        <v>496721</v>
      </c>
      <c r="OE12" s="345">
        <v>306053</v>
      </c>
      <c r="OF12" s="345">
        <v>1036828</v>
      </c>
      <c r="OG12" s="349">
        <v>1839602</v>
      </c>
      <c r="OH12" s="350">
        <v>1839602</v>
      </c>
      <c r="OI12" s="348">
        <v>1125074</v>
      </c>
      <c r="OJ12" s="345">
        <v>2436606</v>
      </c>
      <c r="OK12" s="346">
        <v>3561680</v>
      </c>
      <c r="OL12" s="351">
        <v>0</v>
      </c>
      <c r="OM12" s="345">
        <v>16662991</v>
      </c>
      <c r="ON12" s="345">
        <v>33224429</v>
      </c>
      <c r="OO12" s="345">
        <v>34330213</v>
      </c>
      <c r="OP12" s="345">
        <v>36358160</v>
      </c>
      <c r="OQ12" s="345">
        <v>25305229</v>
      </c>
      <c r="OR12" s="349">
        <v>145881022</v>
      </c>
      <c r="OS12" s="354">
        <v>149442702</v>
      </c>
    </row>
    <row r="13" spans="2:409" s="70" customFormat="1" ht="21" customHeight="1" x14ac:dyDescent="0.2">
      <c r="B13" s="106" t="s">
        <v>7</v>
      </c>
      <c r="C13" s="326">
        <v>1447470</v>
      </c>
      <c r="D13" s="327">
        <v>776992</v>
      </c>
      <c r="E13" s="328">
        <v>2224462</v>
      </c>
      <c r="F13" s="329">
        <v>0</v>
      </c>
      <c r="G13" s="327">
        <v>13734171</v>
      </c>
      <c r="H13" s="327">
        <v>11324568</v>
      </c>
      <c r="I13" s="327">
        <v>8159988</v>
      </c>
      <c r="J13" s="327">
        <v>12419872</v>
      </c>
      <c r="K13" s="327">
        <v>5986704</v>
      </c>
      <c r="L13" s="329">
        <v>51625303</v>
      </c>
      <c r="M13" s="330">
        <v>53849765</v>
      </c>
      <c r="N13" s="326">
        <v>265983</v>
      </c>
      <c r="O13" s="327">
        <v>190786</v>
      </c>
      <c r="P13" s="328">
        <v>456769</v>
      </c>
      <c r="Q13" s="326">
        <v>0</v>
      </c>
      <c r="R13" s="327">
        <v>3848244</v>
      </c>
      <c r="S13" s="327">
        <v>3065072</v>
      </c>
      <c r="T13" s="327">
        <v>3313842</v>
      </c>
      <c r="U13" s="327">
        <v>5057800</v>
      </c>
      <c r="V13" s="327">
        <v>2540721</v>
      </c>
      <c r="W13" s="328">
        <v>17825679</v>
      </c>
      <c r="X13" s="330">
        <v>18282448</v>
      </c>
      <c r="Y13" s="326">
        <v>0</v>
      </c>
      <c r="Z13" s="327">
        <v>0</v>
      </c>
      <c r="AA13" s="328">
        <v>0</v>
      </c>
      <c r="AB13" s="326">
        <v>0</v>
      </c>
      <c r="AC13" s="327">
        <v>1786760</v>
      </c>
      <c r="AD13" s="327">
        <v>1385411</v>
      </c>
      <c r="AE13" s="327">
        <v>1864134</v>
      </c>
      <c r="AF13" s="327">
        <v>2819822</v>
      </c>
      <c r="AG13" s="327">
        <v>666054</v>
      </c>
      <c r="AH13" s="328">
        <v>8522181</v>
      </c>
      <c r="AI13" s="330">
        <v>8522181</v>
      </c>
      <c r="AJ13" s="326">
        <v>0</v>
      </c>
      <c r="AK13" s="327">
        <v>0</v>
      </c>
      <c r="AL13" s="328">
        <v>0</v>
      </c>
      <c r="AM13" s="326">
        <v>0</v>
      </c>
      <c r="AN13" s="327">
        <v>76582</v>
      </c>
      <c r="AO13" s="327">
        <v>0</v>
      </c>
      <c r="AP13" s="327">
        <v>22679</v>
      </c>
      <c r="AQ13" s="327">
        <v>426847</v>
      </c>
      <c r="AR13" s="327">
        <v>675070</v>
      </c>
      <c r="AS13" s="328">
        <v>1201178</v>
      </c>
      <c r="AT13" s="330">
        <v>1201178</v>
      </c>
      <c r="AU13" s="326">
        <v>0</v>
      </c>
      <c r="AV13" s="327">
        <v>87326</v>
      </c>
      <c r="AW13" s="328">
        <v>87326</v>
      </c>
      <c r="AX13" s="326">
        <v>0</v>
      </c>
      <c r="AY13" s="327">
        <v>1017697</v>
      </c>
      <c r="AZ13" s="327">
        <v>919122</v>
      </c>
      <c r="BA13" s="327">
        <v>883489</v>
      </c>
      <c r="BB13" s="327">
        <v>951768</v>
      </c>
      <c r="BC13" s="327">
        <v>743375</v>
      </c>
      <c r="BD13" s="328">
        <v>4515451</v>
      </c>
      <c r="BE13" s="330">
        <v>4602777</v>
      </c>
      <c r="BF13" s="326">
        <v>22684</v>
      </c>
      <c r="BG13" s="327">
        <v>0</v>
      </c>
      <c r="BH13" s="331">
        <v>22684</v>
      </c>
      <c r="BI13" s="332">
        <v>0</v>
      </c>
      <c r="BJ13" s="327">
        <v>142087</v>
      </c>
      <c r="BK13" s="327">
        <v>194554</v>
      </c>
      <c r="BL13" s="327">
        <v>129315</v>
      </c>
      <c r="BM13" s="327">
        <v>240780</v>
      </c>
      <c r="BN13" s="327">
        <v>127516</v>
      </c>
      <c r="BO13" s="328">
        <v>834252</v>
      </c>
      <c r="BP13" s="330">
        <v>856936</v>
      </c>
      <c r="BQ13" s="326">
        <v>243299</v>
      </c>
      <c r="BR13" s="327">
        <v>103460</v>
      </c>
      <c r="BS13" s="328">
        <v>346759</v>
      </c>
      <c r="BT13" s="326">
        <v>0</v>
      </c>
      <c r="BU13" s="327">
        <v>825118</v>
      </c>
      <c r="BV13" s="327">
        <v>565985</v>
      </c>
      <c r="BW13" s="327">
        <v>414225</v>
      </c>
      <c r="BX13" s="327">
        <v>618583</v>
      </c>
      <c r="BY13" s="327">
        <v>328706</v>
      </c>
      <c r="BZ13" s="328">
        <v>2752617</v>
      </c>
      <c r="CA13" s="330">
        <v>3099376</v>
      </c>
      <c r="CB13" s="326">
        <v>19729</v>
      </c>
      <c r="CC13" s="327">
        <v>104852</v>
      </c>
      <c r="CD13" s="328">
        <v>124581</v>
      </c>
      <c r="CE13" s="326">
        <v>0</v>
      </c>
      <c r="CF13" s="327">
        <v>3901665</v>
      </c>
      <c r="CG13" s="327">
        <v>2877056</v>
      </c>
      <c r="CH13" s="327">
        <v>1528271</v>
      </c>
      <c r="CI13" s="327">
        <v>1703744</v>
      </c>
      <c r="CJ13" s="327">
        <v>187084</v>
      </c>
      <c r="CK13" s="328">
        <v>10197820</v>
      </c>
      <c r="CL13" s="330">
        <v>10322401</v>
      </c>
      <c r="CM13" s="326">
        <v>0</v>
      </c>
      <c r="CN13" s="327">
        <v>0</v>
      </c>
      <c r="CO13" s="328">
        <v>0</v>
      </c>
      <c r="CP13" s="332">
        <v>0</v>
      </c>
      <c r="CQ13" s="327">
        <v>3015547</v>
      </c>
      <c r="CR13" s="327">
        <v>2008804</v>
      </c>
      <c r="CS13" s="327">
        <v>1127087</v>
      </c>
      <c r="CT13" s="327">
        <v>1043230</v>
      </c>
      <c r="CU13" s="327">
        <v>167221</v>
      </c>
      <c r="CV13" s="328">
        <v>7361889</v>
      </c>
      <c r="CW13" s="330">
        <v>7361889</v>
      </c>
      <c r="CX13" s="326">
        <v>19729</v>
      </c>
      <c r="CY13" s="327">
        <v>104852</v>
      </c>
      <c r="CZ13" s="328">
        <v>124581</v>
      </c>
      <c r="DA13" s="326">
        <v>0</v>
      </c>
      <c r="DB13" s="327">
        <v>886118</v>
      </c>
      <c r="DC13" s="327">
        <v>868252</v>
      </c>
      <c r="DD13" s="327">
        <v>401184</v>
      </c>
      <c r="DE13" s="327">
        <v>660514</v>
      </c>
      <c r="DF13" s="327">
        <v>19863</v>
      </c>
      <c r="DG13" s="328">
        <v>2835931</v>
      </c>
      <c r="DH13" s="330">
        <v>2960512</v>
      </c>
      <c r="DI13" s="326">
        <v>0</v>
      </c>
      <c r="DJ13" s="327">
        <v>0</v>
      </c>
      <c r="DK13" s="331">
        <v>0</v>
      </c>
      <c r="DL13" s="332">
        <v>0</v>
      </c>
      <c r="DM13" s="327">
        <v>551782</v>
      </c>
      <c r="DN13" s="327">
        <v>484140</v>
      </c>
      <c r="DO13" s="327">
        <v>253076</v>
      </c>
      <c r="DP13" s="327">
        <v>950636</v>
      </c>
      <c r="DQ13" s="327">
        <v>181563</v>
      </c>
      <c r="DR13" s="328">
        <v>2421197</v>
      </c>
      <c r="DS13" s="330">
        <v>2421197</v>
      </c>
      <c r="DT13" s="326">
        <v>0</v>
      </c>
      <c r="DU13" s="327">
        <v>0</v>
      </c>
      <c r="DV13" s="328">
        <v>0</v>
      </c>
      <c r="DW13" s="326">
        <v>0</v>
      </c>
      <c r="DX13" s="327">
        <v>551782</v>
      </c>
      <c r="DY13" s="327">
        <v>466854</v>
      </c>
      <c r="DZ13" s="327">
        <v>253076</v>
      </c>
      <c r="EA13" s="327">
        <v>924703</v>
      </c>
      <c r="EB13" s="327">
        <v>181563</v>
      </c>
      <c r="EC13" s="328">
        <v>2377978</v>
      </c>
      <c r="ED13" s="330">
        <v>2377978</v>
      </c>
      <c r="EE13" s="326">
        <v>0</v>
      </c>
      <c r="EF13" s="331">
        <v>0</v>
      </c>
      <c r="EG13" s="328">
        <v>0</v>
      </c>
      <c r="EH13" s="326">
        <v>0</v>
      </c>
      <c r="EI13" s="327">
        <v>0</v>
      </c>
      <c r="EJ13" s="327">
        <v>17286</v>
      </c>
      <c r="EK13" s="327">
        <v>0</v>
      </c>
      <c r="EL13" s="327">
        <v>25933</v>
      </c>
      <c r="EM13" s="327">
        <v>0</v>
      </c>
      <c r="EN13" s="331">
        <v>43219</v>
      </c>
      <c r="EO13" s="330">
        <v>43219</v>
      </c>
      <c r="EP13" s="326">
        <v>0</v>
      </c>
      <c r="EQ13" s="327">
        <v>0</v>
      </c>
      <c r="ER13" s="331">
        <v>0</v>
      </c>
      <c r="ES13" s="332">
        <v>0</v>
      </c>
      <c r="ET13" s="327">
        <v>0</v>
      </c>
      <c r="EU13" s="327">
        <v>0</v>
      </c>
      <c r="EV13" s="327">
        <v>0</v>
      </c>
      <c r="EW13" s="327">
        <v>0</v>
      </c>
      <c r="EX13" s="327">
        <v>0</v>
      </c>
      <c r="EY13" s="328">
        <v>0</v>
      </c>
      <c r="EZ13" s="330">
        <v>0</v>
      </c>
      <c r="FA13" s="326">
        <v>0</v>
      </c>
      <c r="FB13" s="327">
        <v>0</v>
      </c>
      <c r="FC13" s="331">
        <v>0</v>
      </c>
      <c r="FD13" s="404">
        <v>0</v>
      </c>
      <c r="FE13" s="327">
        <v>0</v>
      </c>
      <c r="FF13" s="327">
        <v>0</v>
      </c>
      <c r="FG13" s="327">
        <v>0</v>
      </c>
      <c r="FH13" s="327">
        <v>0</v>
      </c>
      <c r="FI13" s="327">
        <v>0</v>
      </c>
      <c r="FJ13" s="328">
        <v>0</v>
      </c>
      <c r="FK13" s="330">
        <v>0</v>
      </c>
      <c r="FL13" s="326">
        <v>151592</v>
      </c>
      <c r="FM13" s="327">
        <v>70847</v>
      </c>
      <c r="FN13" s="328">
        <v>222439</v>
      </c>
      <c r="FO13" s="326">
        <v>0</v>
      </c>
      <c r="FP13" s="327">
        <v>1015651</v>
      </c>
      <c r="FQ13" s="327">
        <v>1056013</v>
      </c>
      <c r="FR13" s="327">
        <v>830102</v>
      </c>
      <c r="FS13" s="327">
        <v>818755</v>
      </c>
      <c r="FT13" s="327">
        <v>245028</v>
      </c>
      <c r="FU13" s="328">
        <v>3965549</v>
      </c>
      <c r="FV13" s="330">
        <v>4187988</v>
      </c>
      <c r="FW13" s="333">
        <v>86464</v>
      </c>
      <c r="FX13" s="327">
        <v>57043</v>
      </c>
      <c r="FY13" s="331">
        <v>143507</v>
      </c>
      <c r="FZ13" s="332">
        <v>0</v>
      </c>
      <c r="GA13" s="327">
        <v>486955</v>
      </c>
      <c r="GB13" s="327">
        <v>1056013</v>
      </c>
      <c r="GC13" s="327">
        <v>690102</v>
      </c>
      <c r="GD13" s="327">
        <v>800275</v>
      </c>
      <c r="GE13" s="327">
        <v>245028</v>
      </c>
      <c r="GF13" s="328">
        <v>3278373</v>
      </c>
      <c r="GG13" s="334">
        <v>3421880</v>
      </c>
      <c r="GH13" s="333">
        <v>31528</v>
      </c>
      <c r="GI13" s="327">
        <v>13804</v>
      </c>
      <c r="GJ13" s="331">
        <v>45332</v>
      </c>
      <c r="GK13" s="332">
        <v>0</v>
      </c>
      <c r="GL13" s="327">
        <v>80696</v>
      </c>
      <c r="GM13" s="327">
        <v>0</v>
      </c>
      <c r="GN13" s="327">
        <v>0</v>
      </c>
      <c r="GO13" s="327">
        <v>18480</v>
      </c>
      <c r="GP13" s="327">
        <v>0</v>
      </c>
      <c r="GQ13" s="328">
        <v>99176</v>
      </c>
      <c r="GR13" s="330">
        <v>144508</v>
      </c>
      <c r="GS13" s="326">
        <v>33600</v>
      </c>
      <c r="GT13" s="327">
        <v>0</v>
      </c>
      <c r="GU13" s="328">
        <v>33600</v>
      </c>
      <c r="GV13" s="326">
        <v>0</v>
      </c>
      <c r="GW13" s="327">
        <v>448000</v>
      </c>
      <c r="GX13" s="327">
        <v>0</v>
      </c>
      <c r="GY13" s="327">
        <v>140000</v>
      </c>
      <c r="GZ13" s="327">
        <v>0</v>
      </c>
      <c r="HA13" s="327">
        <v>0</v>
      </c>
      <c r="HB13" s="331">
        <v>588000</v>
      </c>
      <c r="HC13" s="330">
        <v>621600</v>
      </c>
      <c r="HD13" s="326">
        <v>1010166</v>
      </c>
      <c r="HE13" s="327">
        <v>410507</v>
      </c>
      <c r="HF13" s="331">
        <v>1420673</v>
      </c>
      <c r="HG13" s="332">
        <v>0</v>
      </c>
      <c r="HH13" s="327">
        <v>4416829</v>
      </c>
      <c r="HI13" s="327">
        <v>3842287</v>
      </c>
      <c r="HJ13" s="327">
        <v>2234697</v>
      </c>
      <c r="HK13" s="327">
        <v>3888937</v>
      </c>
      <c r="HL13" s="327">
        <v>2832308</v>
      </c>
      <c r="HM13" s="328">
        <v>17215058</v>
      </c>
      <c r="HN13" s="329">
        <v>18635731</v>
      </c>
      <c r="HO13" s="333">
        <v>0</v>
      </c>
      <c r="HP13" s="327">
        <v>0</v>
      </c>
      <c r="HQ13" s="328">
        <v>0</v>
      </c>
      <c r="HR13" s="326">
        <v>0</v>
      </c>
      <c r="HS13" s="327">
        <v>0</v>
      </c>
      <c r="HT13" s="327">
        <v>0</v>
      </c>
      <c r="HU13" s="327">
        <v>0</v>
      </c>
      <c r="HV13" s="327">
        <v>0</v>
      </c>
      <c r="HW13" s="327">
        <v>0</v>
      </c>
      <c r="HX13" s="331">
        <v>0</v>
      </c>
      <c r="HY13" s="330">
        <v>0</v>
      </c>
      <c r="HZ13" s="335">
        <v>0</v>
      </c>
      <c r="IA13" s="336">
        <v>0</v>
      </c>
      <c r="IB13" s="337">
        <v>0</v>
      </c>
      <c r="IC13" s="338">
        <v>0</v>
      </c>
      <c r="ID13" s="336">
        <v>2603761</v>
      </c>
      <c r="IE13" s="339">
        <v>2597550</v>
      </c>
      <c r="IF13" s="337">
        <v>2041010</v>
      </c>
      <c r="IG13" s="336">
        <v>1817112</v>
      </c>
      <c r="IH13" s="337">
        <v>1051962</v>
      </c>
      <c r="II13" s="340">
        <v>10111395</v>
      </c>
      <c r="IJ13" s="341">
        <v>10111395</v>
      </c>
      <c r="IK13" s="342">
        <v>0</v>
      </c>
      <c r="IL13" s="343">
        <v>0</v>
      </c>
      <c r="IM13" s="344">
        <v>0</v>
      </c>
      <c r="IN13" s="404">
        <v>0</v>
      </c>
      <c r="IO13" s="345">
        <v>0</v>
      </c>
      <c r="IP13" s="345">
        <v>125633</v>
      </c>
      <c r="IQ13" s="345">
        <v>0</v>
      </c>
      <c r="IR13" s="345">
        <v>0</v>
      </c>
      <c r="IS13" s="345">
        <v>287068</v>
      </c>
      <c r="IT13" s="346">
        <v>412701</v>
      </c>
      <c r="IU13" s="347">
        <v>412701</v>
      </c>
      <c r="IV13" s="348">
        <v>0</v>
      </c>
      <c r="IW13" s="345">
        <v>0</v>
      </c>
      <c r="IX13" s="349">
        <v>0</v>
      </c>
      <c r="IY13" s="404">
        <v>0</v>
      </c>
      <c r="IZ13" s="345">
        <v>0</v>
      </c>
      <c r="JA13" s="345">
        <v>0</v>
      </c>
      <c r="JB13" s="345">
        <v>0</v>
      </c>
      <c r="JC13" s="345">
        <v>0</v>
      </c>
      <c r="JD13" s="345">
        <v>0</v>
      </c>
      <c r="JE13" s="349">
        <v>0</v>
      </c>
      <c r="JF13" s="350">
        <v>0</v>
      </c>
      <c r="JG13" s="348">
        <v>0</v>
      </c>
      <c r="JH13" s="345">
        <v>0</v>
      </c>
      <c r="JI13" s="346">
        <v>0</v>
      </c>
      <c r="JJ13" s="351">
        <v>0</v>
      </c>
      <c r="JK13" s="345">
        <v>1618911</v>
      </c>
      <c r="JL13" s="345">
        <v>911564</v>
      </c>
      <c r="JM13" s="345">
        <v>536037</v>
      </c>
      <c r="JN13" s="345">
        <v>320635</v>
      </c>
      <c r="JO13" s="345">
        <v>21425</v>
      </c>
      <c r="JP13" s="349">
        <v>3408572</v>
      </c>
      <c r="JQ13" s="347">
        <v>3408572</v>
      </c>
      <c r="JR13" s="348">
        <v>0</v>
      </c>
      <c r="JS13" s="345">
        <v>0</v>
      </c>
      <c r="JT13" s="346">
        <v>0</v>
      </c>
      <c r="JU13" s="351">
        <v>0</v>
      </c>
      <c r="JV13" s="345">
        <v>122502</v>
      </c>
      <c r="JW13" s="345">
        <v>354504</v>
      </c>
      <c r="JX13" s="345">
        <v>460343</v>
      </c>
      <c r="JY13" s="345">
        <v>61203</v>
      </c>
      <c r="JZ13" s="345">
        <v>0</v>
      </c>
      <c r="KA13" s="349">
        <v>998552</v>
      </c>
      <c r="KB13" s="347">
        <v>998552</v>
      </c>
      <c r="KC13" s="352">
        <v>0</v>
      </c>
      <c r="KD13" s="353">
        <v>0</v>
      </c>
      <c r="KE13" s="349">
        <v>0</v>
      </c>
      <c r="KF13" s="351">
        <v>0</v>
      </c>
      <c r="KG13" s="345">
        <v>309431</v>
      </c>
      <c r="KH13" s="345">
        <v>133949</v>
      </c>
      <c r="KI13" s="345">
        <v>189198</v>
      </c>
      <c r="KJ13" s="345">
        <v>235157</v>
      </c>
      <c r="KK13" s="345">
        <v>0</v>
      </c>
      <c r="KL13" s="349">
        <v>867735</v>
      </c>
      <c r="KM13" s="354">
        <v>867735</v>
      </c>
      <c r="KN13" s="342">
        <v>0</v>
      </c>
      <c r="KO13" s="343">
        <v>0</v>
      </c>
      <c r="KP13" s="344">
        <v>0</v>
      </c>
      <c r="KQ13" s="404">
        <v>0</v>
      </c>
      <c r="KR13" s="345">
        <v>429258</v>
      </c>
      <c r="KS13" s="345">
        <v>1071900</v>
      </c>
      <c r="KT13" s="345">
        <v>855432</v>
      </c>
      <c r="KU13" s="345">
        <v>1200117</v>
      </c>
      <c r="KV13" s="345">
        <v>475591</v>
      </c>
      <c r="KW13" s="349">
        <v>4032298</v>
      </c>
      <c r="KX13" s="347">
        <v>4032298</v>
      </c>
      <c r="KY13" s="348">
        <v>0</v>
      </c>
      <c r="KZ13" s="345">
        <v>0</v>
      </c>
      <c r="LA13" s="349">
        <v>0</v>
      </c>
      <c r="LB13" s="404">
        <v>0</v>
      </c>
      <c r="LC13" s="345">
        <v>0</v>
      </c>
      <c r="LD13" s="345">
        <v>0</v>
      </c>
      <c r="LE13" s="345">
        <v>0</v>
      </c>
      <c r="LF13" s="345">
        <v>0</v>
      </c>
      <c r="LG13" s="345">
        <v>0</v>
      </c>
      <c r="LH13" s="349">
        <v>0</v>
      </c>
      <c r="LI13" s="350">
        <v>0</v>
      </c>
      <c r="LJ13" s="348">
        <v>0</v>
      </c>
      <c r="LK13" s="345">
        <v>0</v>
      </c>
      <c r="LL13" s="349">
        <v>0</v>
      </c>
      <c r="LM13" s="404">
        <v>0</v>
      </c>
      <c r="LN13" s="345">
        <v>0</v>
      </c>
      <c r="LO13" s="345">
        <v>0</v>
      </c>
      <c r="LP13" s="345">
        <v>0</v>
      </c>
      <c r="LQ13" s="345">
        <v>0</v>
      </c>
      <c r="LR13" s="345">
        <v>0</v>
      </c>
      <c r="LS13" s="349">
        <v>0</v>
      </c>
      <c r="LT13" s="347">
        <v>0</v>
      </c>
      <c r="LU13" s="348">
        <v>0</v>
      </c>
      <c r="LV13" s="345">
        <v>0</v>
      </c>
      <c r="LW13" s="349">
        <v>0</v>
      </c>
      <c r="LX13" s="404">
        <v>0</v>
      </c>
      <c r="LY13" s="345">
        <v>123659</v>
      </c>
      <c r="LZ13" s="345">
        <v>0</v>
      </c>
      <c r="MA13" s="345">
        <v>0</v>
      </c>
      <c r="MB13" s="345">
        <v>0</v>
      </c>
      <c r="MC13" s="345">
        <v>267878</v>
      </c>
      <c r="MD13" s="349">
        <v>391537</v>
      </c>
      <c r="ME13" s="350">
        <v>391537</v>
      </c>
      <c r="MF13" s="348">
        <v>0</v>
      </c>
      <c r="MG13" s="345">
        <v>0</v>
      </c>
      <c r="MH13" s="349">
        <v>0</v>
      </c>
      <c r="MI13" s="404">
        <v>0</v>
      </c>
      <c r="MJ13" s="345">
        <v>495399</v>
      </c>
      <c r="MK13" s="345">
        <v>540185</v>
      </c>
      <c r="ML13" s="345">
        <v>3304782</v>
      </c>
      <c r="MM13" s="345">
        <v>4769813</v>
      </c>
      <c r="MN13" s="345">
        <v>2790578</v>
      </c>
      <c r="MO13" s="349">
        <v>11900757</v>
      </c>
      <c r="MP13" s="354">
        <v>11900757</v>
      </c>
      <c r="MQ13" s="348">
        <v>0</v>
      </c>
      <c r="MR13" s="345">
        <v>0</v>
      </c>
      <c r="MS13" s="349">
        <v>0</v>
      </c>
      <c r="MT13" s="404">
        <v>0</v>
      </c>
      <c r="MU13" s="345">
        <v>0</v>
      </c>
      <c r="MV13" s="345">
        <v>0</v>
      </c>
      <c r="MW13" s="345">
        <v>1759254</v>
      </c>
      <c r="MX13" s="345">
        <v>3340719</v>
      </c>
      <c r="MY13" s="345">
        <v>2494197</v>
      </c>
      <c r="MZ13" s="349">
        <v>7594170</v>
      </c>
      <c r="NA13" s="354">
        <v>7594170</v>
      </c>
      <c r="NB13" s="348">
        <v>0</v>
      </c>
      <c r="NC13" s="345">
        <v>0</v>
      </c>
      <c r="ND13" s="349">
        <v>0</v>
      </c>
      <c r="NE13" s="404">
        <v>0</v>
      </c>
      <c r="NF13" s="345">
        <v>495399</v>
      </c>
      <c r="NG13" s="345">
        <v>540185</v>
      </c>
      <c r="NH13" s="345">
        <v>1545528</v>
      </c>
      <c r="NI13" s="345">
        <v>1429094</v>
      </c>
      <c r="NJ13" s="345">
        <v>296381</v>
      </c>
      <c r="NK13" s="349">
        <v>4306587</v>
      </c>
      <c r="NL13" s="347">
        <v>4306587</v>
      </c>
      <c r="NM13" s="348">
        <v>0</v>
      </c>
      <c r="NN13" s="345">
        <v>0</v>
      </c>
      <c r="NO13" s="349">
        <v>0</v>
      </c>
      <c r="NP13" s="404">
        <v>0</v>
      </c>
      <c r="NQ13" s="345">
        <v>0</v>
      </c>
      <c r="NR13" s="345">
        <v>0</v>
      </c>
      <c r="NS13" s="345">
        <v>0</v>
      </c>
      <c r="NT13" s="345">
        <v>0</v>
      </c>
      <c r="NU13" s="345">
        <v>0</v>
      </c>
      <c r="NV13" s="349">
        <v>0</v>
      </c>
      <c r="NW13" s="350">
        <v>0</v>
      </c>
      <c r="NX13" s="348">
        <v>0</v>
      </c>
      <c r="NY13" s="345">
        <v>0</v>
      </c>
      <c r="NZ13" s="349">
        <v>0</v>
      </c>
      <c r="OA13" s="404">
        <v>0</v>
      </c>
      <c r="OB13" s="345">
        <v>0</v>
      </c>
      <c r="OC13" s="345">
        <v>0</v>
      </c>
      <c r="OD13" s="345">
        <v>0</v>
      </c>
      <c r="OE13" s="345">
        <v>0</v>
      </c>
      <c r="OF13" s="345">
        <v>0</v>
      </c>
      <c r="OG13" s="349">
        <v>0</v>
      </c>
      <c r="OH13" s="350">
        <v>0</v>
      </c>
      <c r="OI13" s="348">
        <v>1447470</v>
      </c>
      <c r="OJ13" s="345">
        <v>776992</v>
      </c>
      <c r="OK13" s="346">
        <v>2224462</v>
      </c>
      <c r="OL13" s="351">
        <v>0</v>
      </c>
      <c r="OM13" s="345">
        <v>16833331</v>
      </c>
      <c r="ON13" s="345">
        <v>14462303</v>
      </c>
      <c r="OO13" s="345">
        <v>13505780</v>
      </c>
      <c r="OP13" s="345">
        <v>19006797</v>
      </c>
      <c r="OQ13" s="345">
        <v>9829244</v>
      </c>
      <c r="OR13" s="349">
        <v>73637455</v>
      </c>
      <c r="OS13" s="354">
        <v>75861917</v>
      </c>
    </row>
    <row r="14" spans="2:409" s="70" customFormat="1" ht="21" customHeight="1" x14ac:dyDescent="0.2">
      <c r="B14" s="106" t="s">
        <v>8</v>
      </c>
      <c r="C14" s="326">
        <v>608850</v>
      </c>
      <c r="D14" s="327">
        <v>630209</v>
      </c>
      <c r="E14" s="328">
        <v>1239059</v>
      </c>
      <c r="F14" s="329">
        <v>0</v>
      </c>
      <c r="G14" s="327">
        <v>6894192</v>
      </c>
      <c r="H14" s="327">
        <v>7378714</v>
      </c>
      <c r="I14" s="327">
        <v>6473434</v>
      </c>
      <c r="J14" s="327">
        <v>6580140</v>
      </c>
      <c r="K14" s="327">
        <v>5181892</v>
      </c>
      <c r="L14" s="329">
        <v>32508372</v>
      </c>
      <c r="M14" s="330">
        <v>33747431</v>
      </c>
      <c r="N14" s="326">
        <v>128910</v>
      </c>
      <c r="O14" s="327">
        <v>240975</v>
      </c>
      <c r="P14" s="328">
        <v>369885</v>
      </c>
      <c r="Q14" s="326">
        <v>0</v>
      </c>
      <c r="R14" s="327">
        <v>1987313</v>
      </c>
      <c r="S14" s="327">
        <v>2278086</v>
      </c>
      <c r="T14" s="327">
        <v>1784426</v>
      </c>
      <c r="U14" s="327">
        <v>2329907</v>
      </c>
      <c r="V14" s="327">
        <v>2601171</v>
      </c>
      <c r="W14" s="328">
        <v>10980903</v>
      </c>
      <c r="X14" s="330">
        <v>11350788</v>
      </c>
      <c r="Y14" s="326">
        <v>0</v>
      </c>
      <c r="Z14" s="327">
        <v>0</v>
      </c>
      <c r="AA14" s="328">
        <v>0</v>
      </c>
      <c r="AB14" s="326">
        <v>0</v>
      </c>
      <c r="AC14" s="327">
        <v>760870</v>
      </c>
      <c r="AD14" s="327">
        <v>992978</v>
      </c>
      <c r="AE14" s="327">
        <v>1002345</v>
      </c>
      <c r="AF14" s="327">
        <v>1193415</v>
      </c>
      <c r="AG14" s="327">
        <v>1684211</v>
      </c>
      <c r="AH14" s="328">
        <v>5633819</v>
      </c>
      <c r="AI14" s="330">
        <v>5633819</v>
      </c>
      <c r="AJ14" s="326">
        <v>0</v>
      </c>
      <c r="AK14" s="327">
        <v>0</v>
      </c>
      <c r="AL14" s="328">
        <v>0</v>
      </c>
      <c r="AM14" s="326">
        <v>0</v>
      </c>
      <c r="AN14" s="327">
        <v>0</v>
      </c>
      <c r="AO14" s="327">
        <v>0</v>
      </c>
      <c r="AP14" s="327">
        <v>0</v>
      </c>
      <c r="AQ14" s="327">
        <v>10792</v>
      </c>
      <c r="AR14" s="327">
        <v>192596</v>
      </c>
      <c r="AS14" s="328">
        <v>203388</v>
      </c>
      <c r="AT14" s="330">
        <v>203388</v>
      </c>
      <c r="AU14" s="326">
        <v>75682</v>
      </c>
      <c r="AV14" s="327">
        <v>142895</v>
      </c>
      <c r="AW14" s="328">
        <v>218577</v>
      </c>
      <c r="AX14" s="326">
        <v>0</v>
      </c>
      <c r="AY14" s="327">
        <v>673075</v>
      </c>
      <c r="AZ14" s="327">
        <v>750233</v>
      </c>
      <c r="BA14" s="327">
        <v>461979</v>
      </c>
      <c r="BB14" s="327">
        <v>746192</v>
      </c>
      <c r="BC14" s="327">
        <v>397216</v>
      </c>
      <c r="BD14" s="328">
        <v>3028695</v>
      </c>
      <c r="BE14" s="330">
        <v>3247272</v>
      </c>
      <c r="BF14" s="326">
        <v>0</v>
      </c>
      <c r="BG14" s="327">
        <v>76072</v>
      </c>
      <c r="BH14" s="331">
        <v>76072</v>
      </c>
      <c r="BI14" s="332">
        <v>0</v>
      </c>
      <c r="BJ14" s="327">
        <v>261692</v>
      </c>
      <c r="BK14" s="327">
        <v>242829</v>
      </c>
      <c r="BL14" s="327">
        <v>104432</v>
      </c>
      <c r="BM14" s="327">
        <v>19834</v>
      </c>
      <c r="BN14" s="327">
        <v>40764</v>
      </c>
      <c r="BO14" s="328">
        <v>669551</v>
      </c>
      <c r="BP14" s="330">
        <v>745623</v>
      </c>
      <c r="BQ14" s="326">
        <v>53228</v>
      </c>
      <c r="BR14" s="327">
        <v>22008</v>
      </c>
      <c r="BS14" s="328">
        <v>75236</v>
      </c>
      <c r="BT14" s="326">
        <v>0</v>
      </c>
      <c r="BU14" s="327">
        <v>291676</v>
      </c>
      <c r="BV14" s="327">
        <v>292046</v>
      </c>
      <c r="BW14" s="327">
        <v>215670</v>
      </c>
      <c r="BX14" s="327">
        <v>359674</v>
      </c>
      <c r="BY14" s="327">
        <v>286384</v>
      </c>
      <c r="BZ14" s="328">
        <v>1445450</v>
      </c>
      <c r="CA14" s="330">
        <v>1520686</v>
      </c>
      <c r="CB14" s="326">
        <v>73218</v>
      </c>
      <c r="CC14" s="327">
        <v>100454</v>
      </c>
      <c r="CD14" s="328">
        <v>173672</v>
      </c>
      <c r="CE14" s="326">
        <v>0</v>
      </c>
      <c r="CF14" s="327">
        <v>2027185</v>
      </c>
      <c r="CG14" s="327">
        <v>1997771</v>
      </c>
      <c r="CH14" s="327">
        <v>1854394</v>
      </c>
      <c r="CI14" s="327">
        <v>1056568</v>
      </c>
      <c r="CJ14" s="327">
        <v>610965</v>
      </c>
      <c r="CK14" s="328">
        <v>7546883</v>
      </c>
      <c r="CL14" s="330">
        <v>7720555</v>
      </c>
      <c r="CM14" s="326">
        <v>0</v>
      </c>
      <c r="CN14" s="327">
        <v>0</v>
      </c>
      <c r="CO14" s="328">
        <v>0</v>
      </c>
      <c r="CP14" s="332">
        <v>0</v>
      </c>
      <c r="CQ14" s="327">
        <v>1386910</v>
      </c>
      <c r="CR14" s="327">
        <v>1654117</v>
      </c>
      <c r="CS14" s="327">
        <v>1043232</v>
      </c>
      <c r="CT14" s="327">
        <v>444432</v>
      </c>
      <c r="CU14" s="327">
        <v>431881</v>
      </c>
      <c r="CV14" s="328">
        <v>4960572</v>
      </c>
      <c r="CW14" s="330">
        <v>4960572</v>
      </c>
      <c r="CX14" s="326">
        <v>73218</v>
      </c>
      <c r="CY14" s="327">
        <v>100454</v>
      </c>
      <c r="CZ14" s="328">
        <v>173672</v>
      </c>
      <c r="DA14" s="326">
        <v>0</v>
      </c>
      <c r="DB14" s="327">
        <v>640275</v>
      </c>
      <c r="DC14" s="327">
        <v>343654</v>
      </c>
      <c r="DD14" s="327">
        <v>811162</v>
      </c>
      <c r="DE14" s="327">
        <v>612136</v>
      </c>
      <c r="DF14" s="327">
        <v>179084</v>
      </c>
      <c r="DG14" s="328">
        <v>2586311</v>
      </c>
      <c r="DH14" s="330">
        <v>2759983</v>
      </c>
      <c r="DI14" s="326">
        <v>0</v>
      </c>
      <c r="DJ14" s="327">
        <v>0</v>
      </c>
      <c r="DK14" s="331">
        <v>0</v>
      </c>
      <c r="DL14" s="332">
        <v>0</v>
      </c>
      <c r="DM14" s="327">
        <v>302285</v>
      </c>
      <c r="DN14" s="327">
        <v>622427</v>
      </c>
      <c r="DO14" s="327">
        <v>1241186</v>
      </c>
      <c r="DP14" s="327">
        <v>389084</v>
      </c>
      <c r="DQ14" s="327">
        <v>651189</v>
      </c>
      <c r="DR14" s="328">
        <v>3206171</v>
      </c>
      <c r="DS14" s="330">
        <v>3206171</v>
      </c>
      <c r="DT14" s="326">
        <v>0</v>
      </c>
      <c r="DU14" s="327">
        <v>0</v>
      </c>
      <c r="DV14" s="328">
        <v>0</v>
      </c>
      <c r="DW14" s="326">
        <v>0</v>
      </c>
      <c r="DX14" s="327">
        <v>302285</v>
      </c>
      <c r="DY14" s="327">
        <v>622427</v>
      </c>
      <c r="DZ14" s="327">
        <v>1241186</v>
      </c>
      <c r="EA14" s="327">
        <v>136111</v>
      </c>
      <c r="EB14" s="327">
        <v>567711</v>
      </c>
      <c r="EC14" s="328">
        <v>2869720</v>
      </c>
      <c r="ED14" s="330">
        <v>2869720</v>
      </c>
      <c r="EE14" s="326">
        <v>0</v>
      </c>
      <c r="EF14" s="331">
        <v>0</v>
      </c>
      <c r="EG14" s="328">
        <v>0</v>
      </c>
      <c r="EH14" s="326">
        <v>0</v>
      </c>
      <c r="EI14" s="327">
        <v>0</v>
      </c>
      <c r="EJ14" s="327">
        <v>0</v>
      </c>
      <c r="EK14" s="327">
        <v>0</v>
      </c>
      <c r="EL14" s="327">
        <v>252973</v>
      </c>
      <c r="EM14" s="327">
        <v>83478</v>
      </c>
      <c r="EN14" s="331">
        <v>336451</v>
      </c>
      <c r="EO14" s="330">
        <v>336451</v>
      </c>
      <c r="EP14" s="326">
        <v>0</v>
      </c>
      <c r="EQ14" s="327">
        <v>0</v>
      </c>
      <c r="ER14" s="331">
        <v>0</v>
      </c>
      <c r="ES14" s="332">
        <v>0</v>
      </c>
      <c r="ET14" s="327">
        <v>0</v>
      </c>
      <c r="EU14" s="327">
        <v>0</v>
      </c>
      <c r="EV14" s="327">
        <v>0</v>
      </c>
      <c r="EW14" s="327">
        <v>0</v>
      </c>
      <c r="EX14" s="327">
        <v>0</v>
      </c>
      <c r="EY14" s="328">
        <v>0</v>
      </c>
      <c r="EZ14" s="330">
        <v>0</v>
      </c>
      <c r="FA14" s="326">
        <v>0</v>
      </c>
      <c r="FB14" s="327">
        <v>0</v>
      </c>
      <c r="FC14" s="331">
        <v>0</v>
      </c>
      <c r="FD14" s="404">
        <v>0</v>
      </c>
      <c r="FE14" s="327">
        <v>0</v>
      </c>
      <c r="FF14" s="327">
        <v>0</v>
      </c>
      <c r="FG14" s="327">
        <v>0</v>
      </c>
      <c r="FH14" s="327">
        <v>0</v>
      </c>
      <c r="FI14" s="327">
        <v>0</v>
      </c>
      <c r="FJ14" s="328">
        <v>0</v>
      </c>
      <c r="FK14" s="330">
        <v>0</v>
      </c>
      <c r="FL14" s="326">
        <v>156261</v>
      </c>
      <c r="FM14" s="327">
        <v>115283</v>
      </c>
      <c r="FN14" s="328">
        <v>271544</v>
      </c>
      <c r="FO14" s="326">
        <v>0</v>
      </c>
      <c r="FP14" s="327">
        <v>277326</v>
      </c>
      <c r="FQ14" s="327">
        <v>785308</v>
      </c>
      <c r="FR14" s="327">
        <v>459739</v>
      </c>
      <c r="FS14" s="327">
        <v>516747</v>
      </c>
      <c r="FT14" s="327">
        <v>273984</v>
      </c>
      <c r="FU14" s="328">
        <v>2313104</v>
      </c>
      <c r="FV14" s="330">
        <v>2584648</v>
      </c>
      <c r="FW14" s="333">
        <v>106512</v>
      </c>
      <c r="FX14" s="327">
        <v>100499</v>
      </c>
      <c r="FY14" s="331">
        <v>207011</v>
      </c>
      <c r="FZ14" s="332">
        <v>0</v>
      </c>
      <c r="GA14" s="327">
        <v>277326</v>
      </c>
      <c r="GB14" s="327">
        <v>610757</v>
      </c>
      <c r="GC14" s="327">
        <v>459739</v>
      </c>
      <c r="GD14" s="327">
        <v>498694</v>
      </c>
      <c r="GE14" s="327">
        <v>252833</v>
      </c>
      <c r="GF14" s="328">
        <v>2099349</v>
      </c>
      <c r="GG14" s="334">
        <v>2306360</v>
      </c>
      <c r="GH14" s="333">
        <v>26103</v>
      </c>
      <c r="GI14" s="327">
        <v>14784</v>
      </c>
      <c r="GJ14" s="331">
        <v>40887</v>
      </c>
      <c r="GK14" s="332">
        <v>0</v>
      </c>
      <c r="GL14" s="327">
        <v>0</v>
      </c>
      <c r="GM14" s="327">
        <v>12320</v>
      </c>
      <c r="GN14" s="327">
        <v>0</v>
      </c>
      <c r="GO14" s="327">
        <v>18053</v>
      </c>
      <c r="GP14" s="327">
        <v>9240</v>
      </c>
      <c r="GQ14" s="328">
        <v>39613</v>
      </c>
      <c r="GR14" s="330">
        <v>80500</v>
      </c>
      <c r="GS14" s="326">
        <v>23646</v>
      </c>
      <c r="GT14" s="327">
        <v>0</v>
      </c>
      <c r="GU14" s="328">
        <v>23646</v>
      </c>
      <c r="GV14" s="326">
        <v>0</v>
      </c>
      <c r="GW14" s="327">
        <v>0</v>
      </c>
      <c r="GX14" s="327">
        <v>162231</v>
      </c>
      <c r="GY14" s="327">
        <v>0</v>
      </c>
      <c r="GZ14" s="327">
        <v>0</v>
      </c>
      <c r="HA14" s="327">
        <v>11911</v>
      </c>
      <c r="HB14" s="331">
        <v>174142</v>
      </c>
      <c r="HC14" s="330">
        <v>197788</v>
      </c>
      <c r="HD14" s="326">
        <v>250461</v>
      </c>
      <c r="HE14" s="327">
        <v>173497</v>
      </c>
      <c r="HF14" s="331">
        <v>423958</v>
      </c>
      <c r="HG14" s="332">
        <v>0</v>
      </c>
      <c r="HH14" s="327">
        <v>2300083</v>
      </c>
      <c r="HI14" s="327">
        <v>1695122</v>
      </c>
      <c r="HJ14" s="327">
        <v>1133689</v>
      </c>
      <c r="HK14" s="327">
        <v>2287834</v>
      </c>
      <c r="HL14" s="327">
        <v>1044583</v>
      </c>
      <c r="HM14" s="328">
        <v>8461311</v>
      </c>
      <c r="HN14" s="329">
        <v>8885269</v>
      </c>
      <c r="HO14" s="333">
        <v>0</v>
      </c>
      <c r="HP14" s="327">
        <v>0</v>
      </c>
      <c r="HQ14" s="328">
        <v>0</v>
      </c>
      <c r="HR14" s="326">
        <v>0</v>
      </c>
      <c r="HS14" s="327">
        <v>0</v>
      </c>
      <c r="HT14" s="327">
        <v>0</v>
      </c>
      <c r="HU14" s="327">
        <v>0</v>
      </c>
      <c r="HV14" s="327">
        <v>0</v>
      </c>
      <c r="HW14" s="327">
        <v>0</v>
      </c>
      <c r="HX14" s="331">
        <v>0</v>
      </c>
      <c r="HY14" s="330">
        <v>0</v>
      </c>
      <c r="HZ14" s="335">
        <v>0</v>
      </c>
      <c r="IA14" s="336">
        <v>66117</v>
      </c>
      <c r="IB14" s="337">
        <v>66117</v>
      </c>
      <c r="IC14" s="355">
        <v>0</v>
      </c>
      <c r="ID14" s="356">
        <v>1246954</v>
      </c>
      <c r="IE14" s="357">
        <v>2465022</v>
      </c>
      <c r="IF14" s="358">
        <v>1231938</v>
      </c>
      <c r="IG14" s="356">
        <v>1941905</v>
      </c>
      <c r="IH14" s="358">
        <v>256666</v>
      </c>
      <c r="II14" s="359">
        <v>7142485</v>
      </c>
      <c r="IJ14" s="341">
        <v>7208602</v>
      </c>
      <c r="IK14" s="342">
        <v>0</v>
      </c>
      <c r="IL14" s="343">
        <v>0</v>
      </c>
      <c r="IM14" s="344">
        <v>0</v>
      </c>
      <c r="IN14" s="404">
        <v>0</v>
      </c>
      <c r="IO14" s="345">
        <v>0</v>
      </c>
      <c r="IP14" s="345">
        <v>0</v>
      </c>
      <c r="IQ14" s="345">
        <v>0</v>
      </c>
      <c r="IR14" s="345">
        <v>0</v>
      </c>
      <c r="IS14" s="345">
        <v>0</v>
      </c>
      <c r="IT14" s="346">
        <v>0</v>
      </c>
      <c r="IU14" s="347">
        <v>0</v>
      </c>
      <c r="IV14" s="348">
        <v>0</v>
      </c>
      <c r="IW14" s="345">
        <v>0</v>
      </c>
      <c r="IX14" s="349">
        <v>0</v>
      </c>
      <c r="IY14" s="404">
        <v>0</v>
      </c>
      <c r="IZ14" s="345">
        <v>0</v>
      </c>
      <c r="JA14" s="345">
        <v>0</v>
      </c>
      <c r="JB14" s="345">
        <v>0</v>
      </c>
      <c r="JC14" s="345">
        <v>0</v>
      </c>
      <c r="JD14" s="345">
        <v>0</v>
      </c>
      <c r="JE14" s="349">
        <v>0</v>
      </c>
      <c r="JF14" s="350">
        <v>0</v>
      </c>
      <c r="JG14" s="348">
        <v>0</v>
      </c>
      <c r="JH14" s="345">
        <v>0</v>
      </c>
      <c r="JI14" s="346">
        <v>0</v>
      </c>
      <c r="JJ14" s="351">
        <v>0</v>
      </c>
      <c r="JK14" s="345">
        <v>1131542</v>
      </c>
      <c r="JL14" s="345">
        <v>888271</v>
      </c>
      <c r="JM14" s="345">
        <v>295763</v>
      </c>
      <c r="JN14" s="345">
        <v>151331</v>
      </c>
      <c r="JO14" s="345">
        <v>47378</v>
      </c>
      <c r="JP14" s="349">
        <v>2514285</v>
      </c>
      <c r="JQ14" s="347">
        <v>2514285</v>
      </c>
      <c r="JR14" s="348">
        <v>0</v>
      </c>
      <c r="JS14" s="345">
        <v>0</v>
      </c>
      <c r="JT14" s="346">
        <v>0</v>
      </c>
      <c r="JU14" s="351">
        <v>0</v>
      </c>
      <c r="JV14" s="345">
        <v>0</v>
      </c>
      <c r="JW14" s="345">
        <v>0</v>
      </c>
      <c r="JX14" s="345">
        <v>0</v>
      </c>
      <c r="JY14" s="345">
        <v>0</v>
      </c>
      <c r="JZ14" s="345">
        <v>0</v>
      </c>
      <c r="KA14" s="349">
        <v>0</v>
      </c>
      <c r="KB14" s="347">
        <v>0</v>
      </c>
      <c r="KC14" s="352">
        <v>0</v>
      </c>
      <c r="KD14" s="353">
        <v>66117</v>
      </c>
      <c r="KE14" s="349">
        <v>66117</v>
      </c>
      <c r="KF14" s="351">
        <v>0</v>
      </c>
      <c r="KG14" s="345">
        <v>0</v>
      </c>
      <c r="KH14" s="345">
        <v>371788</v>
      </c>
      <c r="KI14" s="345">
        <v>469779</v>
      </c>
      <c r="KJ14" s="345">
        <v>231881</v>
      </c>
      <c r="KK14" s="345">
        <v>0</v>
      </c>
      <c r="KL14" s="349">
        <v>1073448</v>
      </c>
      <c r="KM14" s="354">
        <v>1139565</v>
      </c>
      <c r="KN14" s="342">
        <v>0</v>
      </c>
      <c r="KO14" s="343">
        <v>0</v>
      </c>
      <c r="KP14" s="344">
        <v>0</v>
      </c>
      <c r="KQ14" s="404">
        <v>0</v>
      </c>
      <c r="KR14" s="345">
        <v>0</v>
      </c>
      <c r="KS14" s="345">
        <v>894285</v>
      </c>
      <c r="KT14" s="345">
        <v>466396</v>
      </c>
      <c r="KU14" s="345">
        <v>473001</v>
      </c>
      <c r="KV14" s="345">
        <v>0</v>
      </c>
      <c r="KW14" s="349">
        <v>1833682</v>
      </c>
      <c r="KX14" s="347">
        <v>1833682</v>
      </c>
      <c r="KY14" s="348">
        <v>0</v>
      </c>
      <c r="KZ14" s="345">
        <v>0</v>
      </c>
      <c r="LA14" s="349">
        <v>0</v>
      </c>
      <c r="LB14" s="404">
        <v>0</v>
      </c>
      <c r="LC14" s="345">
        <v>0</v>
      </c>
      <c r="LD14" s="345">
        <v>0</v>
      </c>
      <c r="LE14" s="345">
        <v>0</v>
      </c>
      <c r="LF14" s="345">
        <v>309049</v>
      </c>
      <c r="LG14" s="345">
        <v>209288</v>
      </c>
      <c r="LH14" s="349">
        <v>518337</v>
      </c>
      <c r="LI14" s="350">
        <v>518337</v>
      </c>
      <c r="LJ14" s="348">
        <v>0</v>
      </c>
      <c r="LK14" s="345">
        <v>0</v>
      </c>
      <c r="LL14" s="349">
        <v>0</v>
      </c>
      <c r="LM14" s="404">
        <v>0</v>
      </c>
      <c r="LN14" s="345">
        <v>0</v>
      </c>
      <c r="LO14" s="345">
        <v>0</v>
      </c>
      <c r="LP14" s="345">
        <v>0</v>
      </c>
      <c r="LQ14" s="345">
        <v>522186</v>
      </c>
      <c r="LR14" s="345">
        <v>0</v>
      </c>
      <c r="LS14" s="349">
        <v>522186</v>
      </c>
      <c r="LT14" s="347">
        <v>522186</v>
      </c>
      <c r="LU14" s="348">
        <v>0</v>
      </c>
      <c r="LV14" s="345">
        <v>0</v>
      </c>
      <c r="LW14" s="349">
        <v>0</v>
      </c>
      <c r="LX14" s="404">
        <v>0</v>
      </c>
      <c r="LY14" s="345">
        <v>115412</v>
      </c>
      <c r="LZ14" s="345">
        <v>310678</v>
      </c>
      <c r="MA14" s="345">
        <v>0</v>
      </c>
      <c r="MB14" s="345">
        <v>254457</v>
      </c>
      <c r="MC14" s="345">
        <v>0</v>
      </c>
      <c r="MD14" s="349">
        <v>680547</v>
      </c>
      <c r="ME14" s="350">
        <v>680547</v>
      </c>
      <c r="MF14" s="348">
        <v>0</v>
      </c>
      <c r="MG14" s="345">
        <v>0</v>
      </c>
      <c r="MH14" s="349">
        <v>0</v>
      </c>
      <c r="MI14" s="404">
        <v>0</v>
      </c>
      <c r="MJ14" s="345">
        <v>452973</v>
      </c>
      <c r="MK14" s="345">
        <v>744372</v>
      </c>
      <c r="ML14" s="345">
        <v>2821616</v>
      </c>
      <c r="MM14" s="345">
        <v>3525262</v>
      </c>
      <c r="MN14" s="345">
        <v>2133790</v>
      </c>
      <c r="MO14" s="349">
        <v>9678013</v>
      </c>
      <c r="MP14" s="354">
        <v>9678013</v>
      </c>
      <c r="MQ14" s="348">
        <v>0</v>
      </c>
      <c r="MR14" s="345">
        <v>0</v>
      </c>
      <c r="MS14" s="349">
        <v>0</v>
      </c>
      <c r="MT14" s="404">
        <v>0</v>
      </c>
      <c r="MU14" s="345">
        <v>0</v>
      </c>
      <c r="MV14" s="345">
        <v>217196</v>
      </c>
      <c r="MW14" s="345">
        <v>1731567</v>
      </c>
      <c r="MX14" s="345">
        <v>1713832</v>
      </c>
      <c r="MY14" s="345">
        <v>1488264</v>
      </c>
      <c r="MZ14" s="349">
        <v>5150859</v>
      </c>
      <c r="NA14" s="354">
        <v>5150859</v>
      </c>
      <c r="NB14" s="348">
        <v>0</v>
      </c>
      <c r="NC14" s="345">
        <v>0</v>
      </c>
      <c r="ND14" s="349">
        <v>0</v>
      </c>
      <c r="NE14" s="404">
        <v>0</v>
      </c>
      <c r="NF14" s="345">
        <v>452973</v>
      </c>
      <c r="NG14" s="345">
        <v>527176</v>
      </c>
      <c r="NH14" s="345">
        <v>1090049</v>
      </c>
      <c r="NI14" s="345">
        <v>1811430</v>
      </c>
      <c r="NJ14" s="345">
        <v>634107</v>
      </c>
      <c r="NK14" s="349">
        <v>4515735</v>
      </c>
      <c r="NL14" s="347">
        <v>4515735</v>
      </c>
      <c r="NM14" s="348">
        <v>0</v>
      </c>
      <c r="NN14" s="345">
        <v>0</v>
      </c>
      <c r="NO14" s="349">
        <v>0</v>
      </c>
      <c r="NP14" s="404">
        <v>0</v>
      </c>
      <c r="NQ14" s="345">
        <v>0</v>
      </c>
      <c r="NR14" s="345">
        <v>0</v>
      </c>
      <c r="NS14" s="345">
        <v>0</v>
      </c>
      <c r="NT14" s="345">
        <v>0</v>
      </c>
      <c r="NU14" s="345">
        <v>0</v>
      </c>
      <c r="NV14" s="349">
        <v>0</v>
      </c>
      <c r="NW14" s="350">
        <v>0</v>
      </c>
      <c r="NX14" s="348">
        <v>0</v>
      </c>
      <c r="NY14" s="345">
        <v>0</v>
      </c>
      <c r="NZ14" s="349">
        <v>0</v>
      </c>
      <c r="OA14" s="404">
        <v>0</v>
      </c>
      <c r="OB14" s="345">
        <v>0</v>
      </c>
      <c r="OC14" s="345">
        <v>0</v>
      </c>
      <c r="OD14" s="345">
        <v>0</v>
      </c>
      <c r="OE14" s="345">
        <v>0</v>
      </c>
      <c r="OF14" s="345">
        <v>11419</v>
      </c>
      <c r="OG14" s="349">
        <v>11419</v>
      </c>
      <c r="OH14" s="350">
        <v>11419</v>
      </c>
      <c r="OI14" s="348">
        <v>608850</v>
      </c>
      <c r="OJ14" s="345">
        <v>696326</v>
      </c>
      <c r="OK14" s="346">
        <v>1305176</v>
      </c>
      <c r="OL14" s="351">
        <v>0</v>
      </c>
      <c r="OM14" s="345">
        <v>8594119</v>
      </c>
      <c r="ON14" s="345">
        <v>10588108</v>
      </c>
      <c r="OO14" s="345">
        <v>10526988</v>
      </c>
      <c r="OP14" s="345">
        <v>12047307</v>
      </c>
      <c r="OQ14" s="345">
        <v>7572348</v>
      </c>
      <c r="OR14" s="349">
        <v>49328870</v>
      </c>
      <c r="OS14" s="354">
        <v>50634046</v>
      </c>
    </row>
    <row r="15" spans="2:409" s="70" customFormat="1" ht="21" customHeight="1" x14ac:dyDescent="0.2">
      <c r="B15" s="106" t="s">
        <v>9</v>
      </c>
      <c r="C15" s="326">
        <v>2070061</v>
      </c>
      <c r="D15" s="327">
        <v>2167840</v>
      </c>
      <c r="E15" s="328">
        <v>4237901</v>
      </c>
      <c r="F15" s="332">
        <v>0</v>
      </c>
      <c r="G15" s="327">
        <v>13610315</v>
      </c>
      <c r="H15" s="327">
        <v>13514272</v>
      </c>
      <c r="I15" s="327">
        <v>16001371</v>
      </c>
      <c r="J15" s="327">
        <v>14525913</v>
      </c>
      <c r="K15" s="327">
        <v>9845739</v>
      </c>
      <c r="L15" s="329">
        <v>67497610</v>
      </c>
      <c r="M15" s="330">
        <v>71735511</v>
      </c>
      <c r="N15" s="326">
        <v>560816</v>
      </c>
      <c r="O15" s="327">
        <v>561594</v>
      </c>
      <c r="P15" s="328">
        <v>1122410</v>
      </c>
      <c r="Q15" s="326">
        <v>0</v>
      </c>
      <c r="R15" s="327">
        <v>4459092</v>
      </c>
      <c r="S15" s="327">
        <v>4344353</v>
      </c>
      <c r="T15" s="327">
        <v>5574535</v>
      </c>
      <c r="U15" s="327">
        <v>6013588</v>
      </c>
      <c r="V15" s="327">
        <v>4887856</v>
      </c>
      <c r="W15" s="328">
        <v>25279424</v>
      </c>
      <c r="X15" s="330">
        <v>26401834</v>
      </c>
      <c r="Y15" s="326">
        <v>0</v>
      </c>
      <c r="Z15" s="327">
        <v>0</v>
      </c>
      <c r="AA15" s="328">
        <v>0</v>
      </c>
      <c r="AB15" s="326">
        <v>0</v>
      </c>
      <c r="AC15" s="327">
        <v>1955771</v>
      </c>
      <c r="AD15" s="327">
        <v>1398634</v>
      </c>
      <c r="AE15" s="327">
        <v>3470718</v>
      </c>
      <c r="AF15" s="327">
        <v>3421388</v>
      </c>
      <c r="AG15" s="327">
        <v>2939887</v>
      </c>
      <c r="AH15" s="328">
        <v>13186398</v>
      </c>
      <c r="AI15" s="330">
        <v>13186398</v>
      </c>
      <c r="AJ15" s="326">
        <v>0</v>
      </c>
      <c r="AK15" s="327">
        <v>0</v>
      </c>
      <c r="AL15" s="328">
        <v>0</v>
      </c>
      <c r="AM15" s="326">
        <v>0</v>
      </c>
      <c r="AN15" s="327">
        <v>32138</v>
      </c>
      <c r="AO15" s="327">
        <v>24812</v>
      </c>
      <c r="AP15" s="327">
        <v>53564</v>
      </c>
      <c r="AQ15" s="327">
        <v>328501</v>
      </c>
      <c r="AR15" s="327">
        <v>495223</v>
      </c>
      <c r="AS15" s="328">
        <v>934238</v>
      </c>
      <c r="AT15" s="330">
        <v>934238</v>
      </c>
      <c r="AU15" s="326">
        <v>319541</v>
      </c>
      <c r="AV15" s="327">
        <v>448472</v>
      </c>
      <c r="AW15" s="328">
        <v>768013</v>
      </c>
      <c r="AX15" s="326">
        <v>0</v>
      </c>
      <c r="AY15" s="327">
        <v>1723089</v>
      </c>
      <c r="AZ15" s="327">
        <v>1702075</v>
      </c>
      <c r="BA15" s="327">
        <v>1122059</v>
      </c>
      <c r="BB15" s="327">
        <v>1111000</v>
      </c>
      <c r="BC15" s="327">
        <v>900349</v>
      </c>
      <c r="BD15" s="328">
        <v>6558572</v>
      </c>
      <c r="BE15" s="330">
        <v>7326585</v>
      </c>
      <c r="BF15" s="326">
        <v>9218</v>
      </c>
      <c r="BG15" s="327">
        <v>20771</v>
      </c>
      <c r="BH15" s="331">
        <v>29989</v>
      </c>
      <c r="BI15" s="332">
        <v>0</v>
      </c>
      <c r="BJ15" s="327">
        <v>66763</v>
      </c>
      <c r="BK15" s="327">
        <v>268078</v>
      </c>
      <c r="BL15" s="327">
        <v>124006</v>
      </c>
      <c r="BM15" s="327">
        <v>191326</v>
      </c>
      <c r="BN15" s="327">
        <v>101695</v>
      </c>
      <c r="BO15" s="328">
        <v>751868</v>
      </c>
      <c r="BP15" s="330">
        <v>781857</v>
      </c>
      <c r="BQ15" s="326">
        <v>232057</v>
      </c>
      <c r="BR15" s="327">
        <v>92351</v>
      </c>
      <c r="BS15" s="328">
        <v>324408</v>
      </c>
      <c r="BT15" s="326">
        <v>0</v>
      </c>
      <c r="BU15" s="327">
        <v>681331</v>
      </c>
      <c r="BV15" s="327">
        <v>950754</v>
      </c>
      <c r="BW15" s="327">
        <v>804188</v>
      </c>
      <c r="BX15" s="327">
        <v>961373</v>
      </c>
      <c r="BY15" s="327">
        <v>450702</v>
      </c>
      <c r="BZ15" s="328">
        <v>3848348</v>
      </c>
      <c r="CA15" s="330">
        <v>4172756</v>
      </c>
      <c r="CB15" s="326">
        <v>135187</v>
      </c>
      <c r="CC15" s="327">
        <v>485749</v>
      </c>
      <c r="CD15" s="328">
        <v>620936</v>
      </c>
      <c r="CE15" s="326">
        <v>0</v>
      </c>
      <c r="CF15" s="327">
        <v>3169400</v>
      </c>
      <c r="CG15" s="327">
        <v>2181381</v>
      </c>
      <c r="CH15" s="327">
        <v>2072059</v>
      </c>
      <c r="CI15" s="327">
        <v>1313708</v>
      </c>
      <c r="CJ15" s="327">
        <v>604294</v>
      </c>
      <c r="CK15" s="328">
        <v>9340842</v>
      </c>
      <c r="CL15" s="330">
        <v>9961778</v>
      </c>
      <c r="CM15" s="326">
        <v>0</v>
      </c>
      <c r="CN15" s="327">
        <v>0</v>
      </c>
      <c r="CO15" s="328">
        <v>0</v>
      </c>
      <c r="CP15" s="332">
        <v>0</v>
      </c>
      <c r="CQ15" s="327">
        <v>2546266</v>
      </c>
      <c r="CR15" s="327">
        <v>1561357</v>
      </c>
      <c r="CS15" s="327">
        <v>1341789</v>
      </c>
      <c r="CT15" s="327">
        <v>855888</v>
      </c>
      <c r="CU15" s="327">
        <v>210580</v>
      </c>
      <c r="CV15" s="328">
        <v>6515880</v>
      </c>
      <c r="CW15" s="330">
        <v>6515880</v>
      </c>
      <c r="CX15" s="326">
        <v>135187</v>
      </c>
      <c r="CY15" s="327">
        <v>485749</v>
      </c>
      <c r="CZ15" s="328">
        <v>620936</v>
      </c>
      <c r="DA15" s="326">
        <v>0</v>
      </c>
      <c r="DB15" s="327">
        <v>623134</v>
      </c>
      <c r="DC15" s="327">
        <v>620024</v>
      </c>
      <c r="DD15" s="327">
        <v>730270</v>
      </c>
      <c r="DE15" s="327">
        <v>457820</v>
      </c>
      <c r="DF15" s="327">
        <v>393714</v>
      </c>
      <c r="DG15" s="328">
        <v>2824962</v>
      </c>
      <c r="DH15" s="330">
        <v>3445898</v>
      </c>
      <c r="DI15" s="326">
        <v>0</v>
      </c>
      <c r="DJ15" s="327">
        <v>0</v>
      </c>
      <c r="DK15" s="331">
        <v>0</v>
      </c>
      <c r="DL15" s="332">
        <v>0</v>
      </c>
      <c r="DM15" s="327">
        <v>505598</v>
      </c>
      <c r="DN15" s="327">
        <v>522991</v>
      </c>
      <c r="DO15" s="327">
        <v>1471379</v>
      </c>
      <c r="DP15" s="327">
        <v>1124428</v>
      </c>
      <c r="DQ15" s="327">
        <v>510312</v>
      </c>
      <c r="DR15" s="328">
        <v>4134708</v>
      </c>
      <c r="DS15" s="330">
        <v>4134708</v>
      </c>
      <c r="DT15" s="326">
        <v>0</v>
      </c>
      <c r="DU15" s="327">
        <v>0</v>
      </c>
      <c r="DV15" s="328">
        <v>0</v>
      </c>
      <c r="DW15" s="326">
        <v>0</v>
      </c>
      <c r="DX15" s="327">
        <v>505598</v>
      </c>
      <c r="DY15" s="327">
        <v>522991</v>
      </c>
      <c r="DZ15" s="327">
        <v>1174532</v>
      </c>
      <c r="EA15" s="327">
        <v>606450</v>
      </c>
      <c r="EB15" s="327">
        <v>510312</v>
      </c>
      <c r="EC15" s="328">
        <v>3319883</v>
      </c>
      <c r="ED15" s="330">
        <v>3319883</v>
      </c>
      <c r="EE15" s="326">
        <v>0</v>
      </c>
      <c r="EF15" s="331">
        <v>0</v>
      </c>
      <c r="EG15" s="328">
        <v>0</v>
      </c>
      <c r="EH15" s="326">
        <v>0</v>
      </c>
      <c r="EI15" s="327">
        <v>0</v>
      </c>
      <c r="EJ15" s="327">
        <v>0</v>
      </c>
      <c r="EK15" s="327">
        <v>296847</v>
      </c>
      <c r="EL15" s="327">
        <v>517978</v>
      </c>
      <c r="EM15" s="327">
        <v>0</v>
      </c>
      <c r="EN15" s="331">
        <v>814825</v>
      </c>
      <c r="EO15" s="330">
        <v>814825</v>
      </c>
      <c r="EP15" s="326">
        <v>0</v>
      </c>
      <c r="EQ15" s="327">
        <v>0</v>
      </c>
      <c r="ER15" s="331">
        <v>0</v>
      </c>
      <c r="ES15" s="332">
        <v>0</v>
      </c>
      <c r="ET15" s="327">
        <v>0</v>
      </c>
      <c r="EU15" s="327">
        <v>0</v>
      </c>
      <c r="EV15" s="327">
        <v>0</v>
      </c>
      <c r="EW15" s="327">
        <v>0</v>
      </c>
      <c r="EX15" s="327">
        <v>0</v>
      </c>
      <c r="EY15" s="328">
        <v>0</v>
      </c>
      <c r="EZ15" s="330">
        <v>0</v>
      </c>
      <c r="FA15" s="326">
        <v>0</v>
      </c>
      <c r="FB15" s="327">
        <v>0</v>
      </c>
      <c r="FC15" s="331">
        <v>0</v>
      </c>
      <c r="FD15" s="404">
        <v>0</v>
      </c>
      <c r="FE15" s="327">
        <v>0</v>
      </c>
      <c r="FF15" s="327">
        <v>0</v>
      </c>
      <c r="FG15" s="327">
        <v>0</v>
      </c>
      <c r="FH15" s="327">
        <v>0</v>
      </c>
      <c r="FI15" s="327">
        <v>0</v>
      </c>
      <c r="FJ15" s="328">
        <v>0</v>
      </c>
      <c r="FK15" s="330">
        <v>0</v>
      </c>
      <c r="FL15" s="326">
        <v>538118</v>
      </c>
      <c r="FM15" s="327">
        <v>692489</v>
      </c>
      <c r="FN15" s="328">
        <v>1230607</v>
      </c>
      <c r="FO15" s="326">
        <v>0</v>
      </c>
      <c r="FP15" s="327">
        <v>986334</v>
      </c>
      <c r="FQ15" s="327">
        <v>1300259</v>
      </c>
      <c r="FR15" s="327">
        <v>1291276</v>
      </c>
      <c r="FS15" s="327">
        <v>1074001</v>
      </c>
      <c r="FT15" s="327">
        <v>869043</v>
      </c>
      <c r="FU15" s="328">
        <v>5520913</v>
      </c>
      <c r="FV15" s="330">
        <v>6751520</v>
      </c>
      <c r="FW15" s="333">
        <v>94318</v>
      </c>
      <c r="FX15" s="327">
        <v>191583</v>
      </c>
      <c r="FY15" s="331">
        <v>285901</v>
      </c>
      <c r="FZ15" s="332">
        <v>0</v>
      </c>
      <c r="GA15" s="327">
        <v>758610</v>
      </c>
      <c r="GB15" s="327">
        <v>1092135</v>
      </c>
      <c r="GC15" s="327">
        <v>974841</v>
      </c>
      <c r="GD15" s="327">
        <v>934001</v>
      </c>
      <c r="GE15" s="327">
        <v>659043</v>
      </c>
      <c r="GF15" s="328">
        <v>4418630</v>
      </c>
      <c r="GG15" s="334">
        <v>4704531</v>
      </c>
      <c r="GH15" s="333">
        <v>15400</v>
      </c>
      <c r="GI15" s="327">
        <v>33341</v>
      </c>
      <c r="GJ15" s="331">
        <v>48741</v>
      </c>
      <c r="GK15" s="332">
        <v>0</v>
      </c>
      <c r="GL15" s="327">
        <v>65128</v>
      </c>
      <c r="GM15" s="327">
        <v>11424</v>
      </c>
      <c r="GN15" s="327">
        <v>67445</v>
      </c>
      <c r="GO15" s="327">
        <v>0</v>
      </c>
      <c r="GP15" s="327">
        <v>70000</v>
      </c>
      <c r="GQ15" s="328">
        <v>213997</v>
      </c>
      <c r="GR15" s="330">
        <v>262738</v>
      </c>
      <c r="GS15" s="326">
        <v>428400</v>
      </c>
      <c r="GT15" s="327">
        <v>467565</v>
      </c>
      <c r="GU15" s="328">
        <v>895965</v>
      </c>
      <c r="GV15" s="326">
        <v>0</v>
      </c>
      <c r="GW15" s="327">
        <v>162596</v>
      </c>
      <c r="GX15" s="327">
        <v>196700</v>
      </c>
      <c r="GY15" s="327">
        <v>248990</v>
      </c>
      <c r="GZ15" s="327">
        <v>140000</v>
      </c>
      <c r="HA15" s="327">
        <v>140000</v>
      </c>
      <c r="HB15" s="331">
        <v>888286</v>
      </c>
      <c r="HC15" s="330">
        <v>1784251</v>
      </c>
      <c r="HD15" s="326">
        <v>835940</v>
      </c>
      <c r="HE15" s="327">
        <v>428008</v>
      </c>
      <c r="HF15" s="331">
        <v>1263948</v>
      </c>
      <c r="HG15" s="332">
        <v>0</v>
      </c>
      <c r="HH15" s="327">
        <v>4489891</v>
      </c>
      <c r="HI15" s="327">
        <v>5165288</v>
      </c>
      <c r="HJ15" s="327">
        <v>5592122</v>
      </c>
      <c r="HK15" s="327">
        <v>5000188</v>
      </c>
      <c r="HL15" s="327">
        <v>2974234</v>
      </c>
      <c r="HM15" s="328">
        <v>23221723</v>
      </c>
      <c r="HN15" s="329">
        <v>24485671</v>
      </c>
      <c r="HO15" s="333">
        <v>0</v>
      </c>
      <c r="HP15" s="327">
        <v>0</v>
      </c>
      <c r="HQ15" s="328">
        <v>0</v>
      </c>
      <c r="HR15" s="326">
        <v>0</v>
      </c>
      <c r="HS15" s="327">
        <v>0</v>
      </c>
      <c r="HT15" s="327">
        <v>0</v>
      </c>
      <c r="HU15" s="327">
        <v>0</v>
      </c>
      <c r="HV15" s="327">
        <v>0</v>
      </c>
      <c r="HW15" s="327">
        <v>0</v>
      </c>
      <c r="HX15" s="331">
        <v>0</v>
      </c>
      <c r="HY15" s="330">
        <v>0</v>
      </c>
      <c r="HZ15" s="360">
        <v>0</v>
      </c>
      <c r="IA15" s="361">
        <v>67523</v>
      </c>
      <c r="IB15" s="362">
        <v>67523</v>
      </c>
      <c r="IC15" s="338">
        <v>0</v>
      </c>
      <c r="ID15" s="336">
        <v>1879181</v>
      </c>
      <c r="IE15" s="339">
        <v>2551337</v>
      </c>
      <c r="IF15" s="337">
        <v>3309037</v>
      </c>
      <c r="IG15" s="336">
        <v>1959214</v>
      </c>
      <c r="IH15" s="337">
        <v>1851451</v>
      </c>
      <c r="II15" s="340">
        <v>11550220</v>
      </c>
      <c r="IJ15" s="363">
        <v>11617743</v>
      </c>
      <c r="IK15" s="342">
        <v>0</v>
      </c>
      <c r="IL15" s="343">
        <v>0</v>
      </c>
      <c r="IM15" s="344">
        <v>0</v>
      </c>
      <c r="IN15" s="404">
        <v>0</v>
      </c>
      <c r="IO15" s="345">
        <v>0</v>
      </c>
      <c r="IP15" s="345">
        <v>111321</v>
      </c>
      <c r="IQ15" s="345">
        <v>0</v>
      </c>
      <c r="IR15" s="345">
        <v>198626</v>
      </c>
      <c r="IS15" s="345">
        <v>255502</v>
      </c>
      <c r="IT15" s="346">
        <v>565449</v>
      </c>
      <c r="IU15" s="347">
        <v>565449</v>
      </c>
      <c r="IV15" s="348">
        <v>0</v>
      </c>
      <c r="IW15" s="345">
        <v>0</v>
      </c>
      <c r="IX15" s="349">
        <v>0</v>
      </c>
      <c r="IY15" s="404">
        <v>0</v>
      </c>
      <c r="IZ15" s="345">
        <v>0</v>
      </c>
      <c r="JA15" s="345">
        <v>0</v>
      </c>
      <c r="JB15" s="345">
        <v>0</v>
      </c>
      <c r="JC15" s="345">
        <v>0</v>
      </c>
      <c r="JD15" s="345">
        <v>0</v>
      </c>
      <c r="JE15" s="349">
        <v>0</v>
      </c>
      <c r="JF15" s="350">
        <v>0</v>
      </c>
      <c r="JG15" s="348">
        <v>0</v>
      </c>
      <c r="JH15" s="345">
        <v>0</v>
      </c>
      <c r="JI15" s="346">
        <v>0</v>
      </c>
      <c r="JJ15" s="351">
        <v>0</v>
      </c>
      <c r="JK15" s="345">
        <v>1318048</v>
      </c>
      <c r="JL15" s="345">
        <v>1328348</v>
      </c>
      <c r="JM15" s="345">
        <v>1307640</v>
      </c>
      <c r="JN15" s="345">
        <v>809912</v>
      </c>
      <c r="JO15" s="345">
        <v>308231</v>
      </c>
      <c r="JP15" s="349">
        <v>5072179</v>
      </c>
      <c r="JQ15" s="347">
        <v>5072179</v>
      </c>
      <c r="JR15" s="348">
        <v>0</v>
      </c>
      <c r="JS15" s="345">
        <v>0</v>
      </c>
      <c r="JT15" s="346">
        <v>0</v>
      </c>
      <c r="JU15" s="351">
        <v>0</v>
      </c>
      <c r="JV15" s="345">
        <v>0</v>
      </c>
      <c r="JW15" s="345">
        <v>91115</v>
      </c>
      <c r="JX15" s="345">
        <v>144629</v>
      </c>
      <c r="JY15" s="345">
        <v>0</v>
      </c>
      <c r="JZ15" s="345">
        <v>0</v>
      </c>
      <c r="KA15" s="349">
        <v>235744</v>
      </c>
      <c r="KB15" s="347">
        <v>235744</v>
      </c>
      <c r="KC15" s="352">
        <v>0</v>
      </c>
      <c r="KD15" s="353">
        <v>67523</v>
      </c>
      <c r="KE15" s="349">
        <v>67523</v>
      </c>
      <c r="KF15" s="351">
        <v>0</v>
      </c>
      <c r="KG15" s="345">
        <v>428148</v>
      </c>
      <c r="KH15" s="345">
        <v>0</v>
      </c>
      <c r="KI15" s="345">
        <v>383157</v>
      </c>
      <c r="KJ15" s="345">
        <v>0</v>
      </c>
      <c r="KK15" s="345">
        <v>238702</v>
      </c>
      <c r="KL15" s="349">
        <v>1050007</v>
      </c>
      <c r="KM15" s="354">
        <v>1117530</v>
      </c>
      <c r="KN15" s="342">
        <v>0</v>
      </c>
      <c r="KO15" s="343">
        <v>0</v>
      </c>
      <c r="KP15" s="344">
        <v>0</v>
      </c>
      <c r="KQ15" s="404">
        <v>0</v>
      </c>
      <c r="KR15" s="345">
        <v>0</v>
      </c>
      <c r="KS15" s="345">
        <v>674003</v>
      </c>
      <c r="KT15" s="345">
        <v>1292730</v>
      </c>
      <c r="KU15" s="345">
        <v>950676</v>
      </c>
      <c r="KV15" s="345">
        <v>248898</v>
      </c>
      <c r="KW15" s="349">
        <v>3166307</v>
      </c>
      <c r="KX15" s="347">
        <v>3166307</v>
      </c>
      <c r="KY15" s="348">
        <v>0</v>
      </c>
      <c r="KZ15" s="345">
        <v>0</v>
      </c>
      <c r="LA15" s="349">
        <v>0</v>
      </c>
      <c r="LB15" s="404">
        <v>0</v>
      </c>
      <c r="LC15" s="345">
        <v>0</v>
      </c>
      <c r="LD15" s="345">
        <v>162416</v>
      </c>
      <c r="LE15" s="345">
        <v>180881</v>
      </c>
      <c r="LF15" s="345">
        <v>0</v>
      </c>
      <c r="LG15" s="345">
        <v>215981</v>
      </c>
      <c r="LH15" s="349">
        <v>559278</v>
      </c>
      <c r="LI15" s="350">
        <v>559278</v>
      </c>
      <c r="LJ15" s="348">
        <v>0</v>
      </c>
      <c r="LK15" s="345">
        <v>0</v>
      </c>
      <c r="LL15" s="349">
        <v>0</v>
      </c>
      <c r="LM15" s="404">
        <v>0</v>
      </c>
      <c r="LN15" s="345">
        <v>0</v>
      </c>
      <c r="LO15" s="345">
        <v>0</v>
      </c>
      <c r="LP15" s="345">
        <v>0</v>
      </c>
      <c r="LQ15" s="345">
        <v>0</v>
      </c>
      <c r="LR15" s="345">
        <v>0</v>
      </c>
      <c r="LS15" s="349">
        <v>0</v>
      </c>
      <c r="LT15" s="347">
        <v>0</v>
      </c>
      <c r="LU15" s="348">
        <v>0</v>
      </c>
      <c r="LV15" s="345">
        <v>0</v>
      </c>
      <c r="LW15" s="349">
        <v>0</v>
      </c>
      <c r="LX15" s="404">
        <v>0</v>
      </c>
      <c r="LY15" s="345">
        <v>132985</v>
      </c>
      <c r="LZ15" s="345">
        <v>184134</v>
      </c>
      <c r="MA15" s="345">
        <v>0</v>
      </c>
      <c r="MB15" s="345">
        <v>0</v>
      </c>
      <c r="MC15" s="345">
        <v>584137</v>
      </c>
      <c r="MD15" s="349">
        <v>901256</v>
      </c>
      <c r="ME15" s="350">
        <v>901256</v>
      </c>
      <c r="MF15" s="348">
        <v>0</v>
      </c>
      <c r="MG15" s="345">
        <v>0</v>
      </c>
      <c r="MH15" s="349">
        <v>0</v>
      </c>
      <c r="MI15" s="404">
        <v>0</v>
      </c>
      <c r="MJ15" s="345">
        <v>550824</v>
      </c>
      <c r="MK15" s="345">
        <v>574864</v>
      </c>
      <c r="ML15" s="345">
        <v>4982341</v>
      </c>
      <c r="MM15" s="345">
        <v>5032794</v>
      </c>
      <c r="MN15" s="345">
        <v>4763570</v>
      </c>
      <c r="MO15" s="349">
        <v>15904393</v>
      </c>
      <c r="MP15" s="354">
        <v>15904393</v>
      </c>
      <c r="MQ15" s="348">
        <v>0</v>
      </c>
      <c r="MR15" s="345">
        <v>0</v>
      </c>
      <c r="MS15" s="349">
        <v>0</v>
      </c>
      <c r="MT15" s="404">
        <v>0</v>
      </c>
      <c r="MU15" s="345">
        <v>0</v>
      </c>
      <c r="MV15" s="345">
        <v>0</v>
      </c>
      <c r="MW15" s="345">
        <v>2525580</v>
      </c>
      <c r="MX15" s="345">
        <v>4093887</v>
      </c>
      <c r="MY15" s="345">
        <v>3075279</v>
      </c>
      <c r="MZ15" s="349">
        <v>9694746</v>
      </c>
      <c r="NA15" s="354">
        <v>9694746</v>
      </c>
      <c r="NB15" s="348">
        <v>0</v>
      </c>
      <c r="NC15" s="345">
        <v>0</v>
      </c>
      <c r="ND15" s="349">
        <v>0</v>
      </c>
      <c r="NE15" s="404">
        <v>0</v>
      </c>
      <c r="NF15" s="345">
        <v>550824</v>
      </c>
      <c r="NG15" s="345">
        <v>574864</v>
      </c>
      <c r="NH15" s="345">
        <v>2456761</v>
      </c>
      <c r="NI15" s="345">
        <v>938907</v>
      </c>
      <c r="NJ15" s="345">
        <v>1688291</v>
      </c>
      <c r="NK15" s="349">
        <v>6209647</v>
      </c>
      <c r="NL15" s="347">
        <v>6209647</v>
      </c>
      <c r="NM15" s="348">
        <v>0</v>
      </c>
      <c r="NN15" s="345">
        <v>0</v>
      </c>
      <c r="NO15" s="349">
        <v>0</v>
      </c>
      <c r="NP15" s="404">
        <v>0</v>
      </c>
      <c r="NQ15" s="345">
        <v>0</v>
      </c>
      <c r="NR15" s="345">
        <v>0</v>
      </c>
      <c r="NS15" s="345">
        <v>0</v>
      </c>
      <c r="NT15" s="345">
        <v>0</v>
      </c>
      <c r="NU15" s="345">
        <v>0</v>
      </c>
      <c r="NV15" s="349">
        <v>0</v>
      </c>
      <c r="NW15" s="350">
        <v>0</v>
      </c>
      <c r="NX15" s="348">
        <v>0</v>
      </c>
      <c r="NY15" s="345">
        <v>0</v>
      </c>
      <c r="NZ15" s="349">
        <v>0</v>
      </c>
      <c r="OA15" s="404">
        <v>0</v>
      </c>
      <c r="OB15" s="345">
        <v>0</v>
      </c>
      <c r="OC15" s="345">
        <v>0</v>
      </c>
      <c r="OD15" s="345">
        <v>0</v>
      </c>
      <c r="OE15" s="345">
        <v>0</v>
      </c>
      <c r="OF15" s="345">
        <v>0</v>
      </c>
      <c r="OG15" s="349">
        <v>0</v>
      </c>
      <c r="OH15" s="350">
        <v>0</v>
      </c>
      <c r="OI15" s="348">
        <v>2070061</v>
      </c>
      <c r="OJ15" s="345">
        <v>2235363</v>
      </c>
      <c r="OK15" s="346">
        <v>4305424</v>
      </c>
      <c r="OL15" s="351">
        <v>0</v>
      </c>
      <c r="OM15" s="345">
        <v>16040320</v>
      </c>
      <c r="ON15" s="345">
        <v>16640473</v>
      </c>
      <c r="OO15" s="345">
        <v>24292749</v>
      </c>
      <c r="OP15" s="345">
        <v>21517921</v>
      </c>
      <c r="OQ15" s="345">
        <v>16460760</v>
      </c>
      <c r="OR15" s="349">
        <v>94952223</v>
      </c>
      <c r="OS15" s="354">
        <v>99257647</v>
      </c>
    </row>
    <row r="16" spans="2:409" s="70" customFormat="1" ht="21" customHeight="1" x14ac:dyDescent="0.2">
      <c r="B16" s="106" t="s">
        <v>10</v>
      </c>
      <c r="C16" s="326">
        <v>1603047</v>
      </c>
      <c r="D16" s="327">
        <v>2868388</v>
      </c>
      <c r="E16" s="328">
        <v>4471435</v>
      </c>
      <c r="F16" s="364">
        <v>0</v>
      </c>
      <c r="G16" s="327">
        <v>17309740</v>
      </c>
      <c r="H16" s="327">
        <v>17767066</v>
      </c>
      <c r="I16" s="327">
        <v>17639478</v>
      </c>
      <c r="J16" s="327">
        <v>15576916</v>
      </c>
      <c r="K16" s="327">
        <v>11829407</v>
      </c>
      <c r="L16" s="329">
        <v>80122607</v>
      </c>
      <c r="M16" s="330">
        <v>84594042</v>
      </c>
      <c r="N16" s="326">
        <v>560603</v>
      </c>
      <c r="O16" s="327">
        <v>1056886</v>
      </c>
      <c r="P16" s="328">
        <v>1617489</v>
      </c>
      <c r="Q16" s="326">
        <v>0</v>
      </c>
      <c r="R16" s="327">
        <v>6309227</v>
      </c>
      <c r="S16" s="327">
        <v>6970372</v>
      </c>
      <c r="T16" s="327">
        <v>7101872</v>
      </c>
      <c r="U16" s="327">
        <v>7159252</v>
      </c>
      <c r="V16" s="327">
        <v>4443275</v>
      </c>
      <c r="W16" s="328">
        <v>31983998</v>
      </c>
      <c r="X16" s="330">
        <v>33601487</v>
      </c>
      <c r="Y16" s="326">
        <v>0</v>
      </c>
      <c r="Z16" s="327">
        <v>0</v>
      </c>
      <c r="AA16" s="328">
        <v>0</v>
      </c>
      <c r="AB16" s="326">
        <v>0</v>
      </c>
      <c r="AC16" s="327">
        <v>2815863</v>
      </c>
      <c r="AD16" s="327">
        <v>3542278</v>
      </c>
      <c r="AE16" s="327">
        <v>4829508</v>
      </c>
      <c r="AF16" s="327">
        <v>4289390</v>
      </c>
      <c r="AG16" s="327">
        <v>2404691</v>
      </c>
      <c r="AH16" s="328">
        <v>17881730</v>
      </c>
      <c r="AI16" s="330">
        <v>17881730</v>
      </c>
      <c r="AJ16" s="326">
        <v>0</v>
      </c>
      <c r="AK16" s="327">
        <v>0</v>
      </c>
      <c r="AL16" s="328">
        <v>0</v>
      </c>
      <c r="AM16" s="326">
        <v>0</v>
      </c>
      <c r="AN16" s="327">
        <v>0</v>
      </c>
      <c r="AO16" s="327">
        <v>160961</v>
      </c>
      <c r="AP16" s="327">
        <v>224520</v>
      </c>
      <c r="AQ16" s="327">
        <v>391998</v>
      </c>
      <c r="AR16" s="327">
        <v>332407</v>
      </c>
      <c r="AS16" s="328">
        <v>1109886</v>
      </c>
      <c r="AT16" s="330">
        <v>1109886</v>
      </c>
      <c r="AU16" s="326">
        <v>374135</v>
      </c>
      <c r="AV16" s="327">
        <v>785848</v>
      </c>
      <c r="AW16" s="328">
        <v>1159983</v>
      </c>
      <c r="AX16" s="326">
        <v>0</v>
      </c>
      <c r="AY16" s="327">
        <v>2070554</v>
      </c>
      <c r="AZ16" s="327">
        <v>1914470</v>
      </c>
      <c r="BA16" s="327">
        <v>839595</v>
      </c>
      <c r="BB16" s="327">
        <v>1542842</v>
      </c>
      <c r="BC16" s="327">
        <v>755262</v>
      </c>
      <c r="BD16" s="328">
        <v>7122723</v>
      </c>
      <c r="BE16" s="330">
        <v>8282706</v>
      </c>
      <c r="BF16" s="326">
        <v>13610</v>
      </c>
      <c r="BG16" s="327">
        <v>74408</v>
      </c>
      <c r="BH16" s="331">
        <v>88018</v>
      </c>
      <c r="BI16" s="332">
        <v>0</v>
      </c>
      <c r="BJ16" s="327">
        <v>268818</v>
      </c>
      <c r="BK16" s="327">
        <v>197404</v>
      </c>
      <c r="BL16" s="327">
        <v>81872</v>
      </c>
      <c r="BM16" s="327">
        <v>18743</v>
      </c>
      <c r="BN16" s="327">
        <v>55874</v>
      </c>
      <c r="BO16" s="328">
        <v>622711</v>
      </c>
      <c r="BP16" s="330">
        <v>710729</v>
      </c>
      <c r="BQ16" s="326">
        <v>172858</v>
      </c>
      <c r="BR16" s="327">
        <v>196630</v>
      </c>
      <c r="BS16" s="328">
        <v>369488</v>
      </c>
      <c r="BT16" s="326">
        <v>0</v>
      </c>
      <c r="BU16" s="327">
        <v>1153992</v>
      </c>
      <c r="BV16" s="327">
        <v>1155259</v>
      </c>
      <c r="BW16" s="327">
        <v>1126377</v>
      </c>
      <c r="BX16" s="327">
        <v>916279</v>
      </c>
      <c r="BY16" s="327">
        <v>895041</v>
      </c>
      <c r="BZ16" s="328">
        <v>5246948</v>
      </c>
      <c r="CA16" s="330">
        <v>5616436</v>
      </c>
      <c r="CB16" s="326">
        <v>89728</v>
      </c>
      <c r="CC16" s="327">
        <v>172984</v>
      </c>
      <c r="CD16" s="328">
        <v>262712</v>
      </c>
      <c r="CE16" s="326">
        <v>0</v>
      </c>
      <c r="CF16" s="327">
        <v>4810804</v>
      </c>
      <c r="CG16" s="327">
        <v>3980891</v>
      </c>
      <c r="CH16" s="327">
        <v>3368907</v>
      </c>
      <c r="CI16" s="327">
        <v>1508247</v>
      </c>
      <c r="CJ16" s="327">
        <v>797416</v>
      </c>
      <c r="CK16" s="328">
        <v>14466265</v>
      </c>
      <c r="CL16" s="330">
        <v>14728977</v>
      </c>
      <c r="CM16" s="326">
        <v>0</v>
      </c>
      <c r="CN16" s="327">
        <v>0</v>
      </c>
      <c r="CO16" s="328">
        <v>0</v>
      </c>
      <c r="CP16" s="332">
        <v>0</v>
      </c>
      <c r="CQ16" s="327">
        <v>3915627</v>
      </c>
      <c r="CR16" s="327">
        <v>2946641</v>
      </c>
      <c r="CS16" s="327">
        <v>2400148</v>
      </c>
      <c r="CT16" s="327">
        <v>1267027</v>
      </c>
      <c r="CU16" s="327">
        <v>695568</v>
      </c>
      <c r="CV16" s="328">
        <v>11225011</v>
      </c>
      <c r="CW16" s="330">
        <v>11225011</v>
      </c>
      <c r="CX16" s="326">
        <v>89728</v>
      </c>
      <c r="CY16" s="327">
        <v>172984</v>
      </c>
      <c r="CZ16" s="328">
        <v>262712</v>
      </c>
      <c r="DA16" s="326">
        <v>0</v>
      </c>
      <c r="DB16" s="327">
        <v>895177</v>
      </c>
      <c r="DC16" s="327">
        <v>1034250</v>
      </c>
      <c r="DD16" s="327">
        <v>968759</v>
      </c>
      <c r="DE16" s="327">
        <v>241220</v>
      </c>
      <c r="DF16" s="327">
        <v>101848</v>
      </c>
      <c r="DG16" s="328">
        <v>3241254</v>
      </c>
      <c r="DH16" s="330">
        <v>3503966</v>
      </c>
      <c r="DI16" s="326">
        <v>0</v>
      </c>
      <c r="DJ16" s="327">
        <v>68292</v>
      </c>
      <c r="DK16" s="331">
        <v>68292</v>
      </c>
      <c r="DL16" s="332">
        <v>0</v>
      </c>
      <c r="DM16" s="327">
        <v>725614</v>
      </c>
      <c r="DN16" s="327">
        <v>605335</v>
      </c>
      <c r="DO16" s="327">
        <v>1061865</v>
      </c>
      <c r="DP16" s="327">
        <v>1171275</v>
      </c>
      <c r="DQ16" s="327">
        <v>301334</v>
      </c>
      <c r="DR16" s="328">
        <v>3865423</v>
      </c>
      <c r="DS16" s="330">
        <v>3933715</v>
      </c>
      <c r="DT16" s="326">
        <v>0</v>
      </c>
      <c r="DU16" s="327">
        <v>68292</v>
      </c>
      <c r="DV16" s="328">
        <v>68292</v>
      </c>
      <c r="DW16" s="326">
        <v>0</v>
      </c>
      <c r="DX16" s="327">
        <v>725614</v>
      </c>
      <c r="DY16" s="327">
        <v>581630</v>
      </c>
      <c r="DZ16" s="327">
        <v>935540</v>
      </c>
      <c r="EA16" s="327">
        <v>1162708</v>
      </c>
      <c r="EB16" s="327">
        <v>251585</v>
      </c>
      <c r="EC16" s="328">
        <v>3657077</v>
      </c>
      <c r="ED16" s="330">
        <v>3725369</v>
      </c>
      <c r="EE16" s="326">
        <v>0</v>
      </c>
      <c r="EF16" s="331">
        <v>0</v>
      </c>
      <c r="EG16" s="328">
        <v>0</v>
      </c>
      <c r="EH16" s="326">
        <v>0</v>
      </c>
      <c r="EI16" s="327">
        <v>0</v>
      </c>
      <c r="EJ16" s="327">
        <v>23705</v>
      </c>
      <c r="EK16" s="327">
        <v>126325</v>
      </c>
      <c r="EL16" s="327">
        <v>8567</v>
      </c>
      <c r="EM16" s="327">
        <v>49749</v>
      </c>
      <c r="EN16" s="331">
        <v>208346</v>
      </c>
      <c r="EO16" s="330">
        <v>208346</v>
      </c>
      <c r="EP16" s="326">
        <v>0</v>
      </c>
      <c r="EQ16" s="327">
        <v>0</v>
      </c>
      <c r="ER16" s="331">
        <v>0</v>
      </c>
      <c r="ES16" s="332">
        <v>0</v>
      </c>
      <c r="ET16" s="327">
        <v>0</v>
      </c>
      <c r="EU16" s="327">
        <v>0</v>
      </c>
      <c r="EV16" s="327">
        <v>0</v>
      </c>
      <c r="EW16" s="327">
        <v>0</v>
      </c>
      <c r="EX16" s="327">
        <v>0</v>
      </c>
      <c r="EY16" s="328">
        <v>0</v>
      </c>
      <c r="EZ16" s="330">
        <v>0</v>
      </c>
      <c r="FA16" s="326">
        <v>0</v>
      </c>
      <c r="FB16" s="327">
        <v>0</v>
      </c>
      <c r="FC16" s="331">
        <v>0</v>
      </c>
      <c r="FD16" s="404">
        <v>0</v>
      </c>
      <c r="FE16" s="327">
        <v>0</v>
      </c>
      <c r="FF16" s="327">
        <v>0</v>
      </c>
      <c r="FG16" s="327">
        <v>0</v>
      </c>
      <c r="FH16" s="327">
        <v>0</v>
      </c>
      <c r="FI16" s="327">
        <v>0</v>
      </c>
      <c r="FJ16" s="328">
        <v>0</v>
      </c>
      <c r="FK16" s="330">
        <v>0</v>
      </c>
      <c r="FL16" s="326">
        <v>595644</v>
      </c>
      <c r="FM16" s="327">
        <v>790748</v>
      </c>
      <c r="FN16" s="328">
        <v>1386392</v>
      </c>
      <c r="FO16" s="326">
        <v>0</v>
      </c>
      <c r="FP16" s="327">
        <v>826049</v>
      </c>
      <c r="FQ16" s="327">
        <v>1505196</v>
      </c>
      <c r="FR16" s="327">
        <v>1251691</v>
      </c>
      <c r="FS16" s="327">
        <v>725236</v>
      </c>
      <c r="FT16" s="327">
        <v>450408</v>
      </c>
      <c r="FU16" s="328">
        <v>4758580</v>
      </c>
      <c r="FV16" s="330">
        <v>6144972</v>
      </c>
      <c r="FW16" s="333">
        <v>234374</v>
      </c>
      <c r="FX16" s="327">
        <v>541303</v>
      </c>
      <c r="FY16" s="331">
        <v>775677</v>
      </c>
      <c r="FZ16" s="332">
        <v>0</v>
      </c>
      <c r="GA16" s="327">
        <v>709527</v>
      </c>
      <c r="GB16" s="327">
        <v>1347486</v>
      </c>
      <c r="GC16" s="327">
        <v>1134854</v>
      </c>
      <c r="GD16" s="327">
        <v>710514</v>
      </c>
      <c r="GE16" s="327">
        <v>450408</v>
      </c>
      <c r="GF16" s="328">
        <v>4352789</v>
      </c>
      <c r="GG16" s="334">
        <v>5128466</v>
      </c>
      <c r="GH16" s="333">
        <v>0</v>
      </c>
      <c r="GI16" s="327">
        <v>37345</v>
      </c>
      <c r="GJ16" s="331">
        <v>37345</v>
      </c>
      <c r="GK16" s="332">
        <v>0</v>
      </c>
      <c r="GL16" s="327">
        <v>75922</v>
      </c>
      <c r="GM16" s="327">
        <v>-40040</v>
      </c>
      <c r="GN16" s="327">
        <v>75537</v>
      </c>
      <c r="GO16" s="327">
        <v>14722</v>
      </c>
      <c r="GP16" s="327">
        <v>0</v>
      </c>
      <c r="GQ16" s="328">
        <v>126141</v>
      </c>
      <c r="GR16" s="330">
        <v>163486</v>
      </c>
      <c r="GS16" s="326">
        <v>361270</v>
      </c>
      <c r="GT16" s="327">
        <v>212100</v>
      </c>
      <c r="GU16" s="328">
        <v>573370</v>
      </c>
      <c r="GV16" s="326">
        <v>0</v>
      </c>
      <c r="GW16" s="327">
        <v>40600</v>
      </c>
      <c r="GX16" s="327">
        <v>197750</v>
      </c>
      <c r="GY16" s="327">
        <v>41300</v>
      </c>
      <c r="GZ16" s="327">
        <v>0</v>
      </c>
      <c r="HA16" s="327">
        <v>0</v>
      </c>
      <c r="HB16" s="331">
        <v>279650</v>
      </c>
      <c r="HC16" s="330">
        <v>853020</v>
      </c>
      <c r="HD16" s="326">
        <v>357072</v>
      </c>
      <c r="HE16" s="327">
        <v>779478</v>
      </c>
      <c r="HF16" s="331">
        <v>1136550</v>
      </c>
      <c r="HG16" s="332">
        <v>0</v>
      </c>
      <c r="HH16" s="327">
        <v>4638046</v>
      </c>
      <c r="HI16" s="327">
        <v>4705272</v>
      </c>
      <c r="HJ16" s="327">
        <v>4855143</v>
      </c>
      <c r="HK16" s="327">
        <v>5012906</v>
      </c>
      <c r="HL16" s="327">
        <v>5836974</v>
      </c>
      <c r="HM16" s="328">
        <v>25048341</v>
      </c>
      <c r="HN16" s="329">
        <v>26184891</v>
      </c>
      <c r="HO16" s="333">
        <v>0</v>
      </c>
      <c r="HP16" s="327">
        <v>0</v>
      </c>
      <c r="HQ16" s="328">
        <v>0</v>
      </c>
      <c r="HR16" s="326">
        <v>0</v>
      </c>
      <c r="HS16" s="327">
        <v>0</v>
      </c>
      <c r="HT16" s="327">
        <v>0</v>
      </c>
      <c r="HU16" s="327">
        <v>0</v>
      </c>
      <c r="HV16" s="327">
        <v>0</v>
      </c>
      <c r="HW16" s="327">
        <v>0</v>
      </c>
      <c r="HX16" s="331">
        <v>0</v>
      </c>
      <c r="HY16" s="330">
        <v>0</v>
      </c>
      <c r="HZ16" s="358">
        <v>42756</v>
      </c>
      <c r="IA16" s="356">
        <v>72873</v>
      </c>
      <c r="IB16" s="358">
        <v>115629</v>
      </c>
      <c r="IC16" s="355">
        <v>0</v>
      </c>
      <c r="ID16" s="356">
        <v>3308563</v>
      </c>
      <c r="IE16" s="357">
        <v>2294359</v>
      </c>
      <c r="IF16" s="358">
        <v>3884798</v>
      </c>
      <c r="IG16" s="356">
        <v>3039611</v>
      </c>
      <c r="IH16" s="358">
        <v>4129574</v>
      </c>
      <c r="II16" s="359">
        <v>16656905</v>
      </c>
      <c r="IJ16" s="358">
        <v>16772534</v>
      </c>
      <c r="IK16" s="342">
        <v>0</v>
      </c>
      <c r="IL16" s="343">
        <v>0</v>
      </c>
      <c r="IM16" s="344">
        <v>0</v>
      </c>
      <c r="IN16" s="404">
        <v>0</v>
      </c>
      <c r="IO16" s="345">
        <v>0</v>
      </c>
      <c r="IP16" s="345">
        <v>0</v>
      </c>
      <c r="IQ16" s="345">
        <v>327193</v>
      </c>
      <c r="IR16" s="345">
        <v>0</v>
      </c>
      <c r="IS16" s="345">
        <v>254736</v>
      </c>
      <c r="IT16" s="346">
        <v>581929</v>
      </c>
      <c r="IU16" s="347">
        <v>581929</v>
      </c>
      <c r="IV16" s="348">
        <v>0</v>
      </c>
      <c r="IW16" s="345">
        <v>0</v>
      </c>
      <c r="IX16" s="349">
        <v>0</v>
      </c>
      <c r="IY16" s="404">
        <v>0</v>
      </c>
      <c r="IZ16" s="345">
        <v>3065</v>
      </c>
      <c r="JA16" s="345">
        <v>0</v>
      </c>
      <c r="JB16" s="345">
        <v>0</v>
      </c>
      <c r="JC16" s="345">
        <v>9188</v>
      </c>
      <c r="JD16" s="345">
        <v>3679</v>
      </c>
      <c r="JE16" s="349">
        <v>15932</v>
      </c>
      <c r="JF16" s="350">
        <v>15932</v>
      </c>
      <c r="JG16" s="348">
        <v>0</v>
      </c>
      <c r="JH16" s="345">
        <v>0</v>
      </c>
      <c r="JI16" s="346">
        <v>0</v>
      </c>
      <c r="JJ16" s="351">
        <v>0</v>
      </c>
      <c r="JK16" s="345">
        <v>1350485</v>
      </c>
      <c r="JL16" s="345">
        <v>700136</v>
      </c>
      <c r="JM16" s="345">
        <v>189617</v>
      </c>
      <c r="JN16" s="345">
        <v>410728</v>
      </c>
      <c r="JO16" s="345">
        <v>0</v>
      </c>
      <c r="JP16" s="349">
        <v>2650966</v>
      </c>
      <c r="JQ16" s="347">
        <v>2650966</v>
      </c>
      <c r="JR16" s="348">
        <v>0</v>
      </c>
      <c r="JS16" s="345">
        <v>0</v>
      </c>
      <c r="JT16" s="346">
        <v>0</v>
      </c>
      <c r="JU16" s="351">
        <v>0</v>
      </c>
      <c r="JV16" s="345">
        <v>142358</v>
      </c>
      <c r="JW16" s="345">
        <v>0</v>
      </c>
      <c r="JX16" s="345">
        <v>118473</v>
      </c>
      <c r="JY16" s="345">
        <v>310970</v>
      </c>
      <c r="JZ16" s="345">
        <v>0</v>
      </c>
      <c r="KA16" s="349">
        <v>571801</v>
      </c>
      <c r="KB16" s="347">
        <v>571801</v>
      </c>
      <c r="KC16" s="352">
        <v>42756</v>
      </c>
      <c r="KD16" s="353">
        <v>72873</v>
      </c>
      <c r="KE16" s="349">
        <v>115629</v>
      </c>
      <c r="KF16" s="351">
        <v>0</v>
      </c>
      <c r="KG16" s="345">
        <v>482668</v>
      </c>
      <c r="KH16" s="345">
        <v>135099</v>
      </c>
      <c r="KI16" s="345">
        <v>1002809</v>
      </c>
      <c r="KJ16" s="345">
        <v>239947</v>
      </c>
      <c r="KK16" s="345">
        <v>0</v>
      </c>
      <c r="KL16" s="349">
        <v>1860523</v>
      </c>
      <c r="KM16" s="354">
        <v>1976152</v>
      </c>
      <c r="KN16" s="342">
        <v>0</v>
      </c>
      <c r="KO16" s="343">
        <v>0</v>
      </c>
      <c r="KP16" s="344">
        <v>0</v>
      </c>
      <c r="KQ16" s="404">
        <v>0</v>
      </c>
      <c r="KR16" s="345">
        <v>811945</v>
      </c>
      <c r="KS16" s="345">
        <v>1140470</v>
      </c>
      <c r="KT16" s="345">
        <v>928370</v>
      </c>
      <c r="KU16" s="345">
        <v>1188149</v>
      </c>
      <c r="KV16" s="345">
        <v>2164979</v>
      </c>
      <c r="KW16" s="349">
        <v>6233913</v>
      </c>
      <c r="KX16" s="347">
        <v>6233913</v>
      </c>
      <c r="KY16" s="348">
        <v>0</v>
      </c>
      <c r="KZ16" s="345">
        <v>0</v>
      </c>
      <c r="LA16" s="349">
        <v>0</v>
      </c>
      <c r="LB16" s="404">
        <v>0</v>
      </c>
      <c r="LC16" s="345">
        <v>141273</v>
      </c>
      <c r="LD16" s="345">
        <v>318654</v>
      </c>
      <c r="LE16" s="345">
        <v>888109</v>
      </c>
      <c r="LF16" s="345">
        <v>388495</v>
      </c>
      <c r="LG16" s="345">
        <v>1141055</v>
      </c>
      <c r="LH16" s="349">
        <v>2877586</v>
      </c>
      <c r="LI16" s="350">
        <v>2877586</v>
      </c>
      <c r="LJ16" s="348">
        <v>0</v>
      </c>
      <c r="LK16" s="345">
        <v>0</v>
      </c>
      <c r="LL16" s="349">
        <v>0</v>
      </c>
      <c r="LM16" s="404">
        <v>0</v>
      </c>
      <c r="LN16" s="345">
        <v>0</v>
      </c>
      <c r="LO16" s="345">
        <v>0</v>
      </c>
      <c r="LP16" s="345">
        <v>0</v>
      </c>
      <c r="LQ16" s="345">
        <v>492134</v>
      </c>
      <c r="LR16" s="345">
        <v>0</v>
      </c>
      <c r="LS16" s="349">
        <v>492134</v>
      </c>
      <c r="LT16" s="347">
        <v>492134</v>
      </c>
      <c r="LU16" s="348">
        <v>0</v>
      </c>
      <c r="LV16" s="345">
        <v>0</v>
      </c>
      <c r="LW16" s="349">
        <v>0</v>
      </c>
      <c r="LX16" s="404">
        <v>0</v>
      </c>
      <c r="LY16" s="345">
        <v>376769</v>
      </c>
      <c r="LZ16" s="345">
        <v>0</v>
      </c>
      <c r="MA16" s="345">
        <v>430227</v>
      </c>
      <c r="MB16" s="345">
        <v>0</v>
      </c>
      <c r="MC16" s="345">
        <v>565125</v>
      </c>
      <c r="MD16" s="349">
        <v>1372121</v>
      </c>
      <c r="ME16" s="350">
        <v>1372121</v>
      </c>
      <c r="MF16" s="348">
        <v>0</v>
      </c>
      <c r="MG16" s="345">
        <v>0</v>
      </c>
      <c r="MH16" s="349">
        <v>0</v>
      </c>
      <c r="MI16" s="404">
        <v>0</v>
      </c>
      <c r="MJ16" s="345">
        <v>664186</v>
      </c>
      <c r="MK16" s="345">
        <v>1143071</v>
      </c>
      <c r="ML16" s="345">
        <v>5910080</v>
      </c>
      <c r="MM16" s="345">
        <v>8362318</v>
      </c>
      <c r="MN16" s="345">
        <v>5074218</v>
      </c>
      <c r="MO16" s="349">
        <v>21153873</v>
      </c>
      <c r="MP16" s="354">
        <v>21153873</v>
      </c>
      <c r="MQ16" s="348">
        <v>0</v>
      </c>
      <c r="MR16" s="345">
        <v>0</v>
      </c>
      <c r="MS16" s="349">
        <v>0</v>
      </c>
      <c r="MT16" s="404">
        <v>0</v>
      </c>
      <c r="MU16" s="345">
        <v>0</v>
      </c>
      <c r="MV16" s="345">
        <v>192838</v>
      </c>
      <c r="MW16" s="345">
        <v>3596876</v>
      </c>
      <c r="MX16" s="345">
        <v>4115576</v>
      </c>
      <c r="MY16" s="345">
        <v>4221484</v>
      </c>
      <c r="MZ16" s="349">
        <v>12126774</v>
      </c>
      <c r="NA16" s="354">
        <v>12126774</v>
      </c>
      <c r="NB16" s="348">
        <v>0</v>
      </c>
      <c r="NC16" s="345">
        <v>0</v>
      </c>
      <c r="ND16" s="349">
        <v>0</v>
      </c>
      <c r="NE16" s="404">
        <v>0</v>
      </c>
      <c r="NF16" s="345">
        <v>664186</v>
      </c>
      <c r="NG16" s="345">
        <v>950233</v>
      </c>
      <c r="NH16" s="345">
        <v>2019792</v>
      </c>
      <c r="NI16" s="345">
        <v>4246742</v>
      </c>
      <c r="NJ16" s="345">
        <v>524798</v>
      </c>
      <c r="NK16" s="349">
        <v>8405751</v>
      </c>
      <c r="NL16" s="347">
        <v>8405751</v>
      </c>
      <c r="NM16" s="348">
        <v>0</v>
      </c>
      <c r="NN16" s="345">
        <v>0</v>
      </c>
      <c r="NO16" s="349">
        <v>0</v>
      </c>
      <c r="NP16" s="404">
        <v>0</v>
      </c>
      <c r="NQ16" s="345">
        <v>0</v>
      </c>
      <c r="NR16" s="345">
        <v>0</v>
      </c>
      <c r="NS16" s="345">
        <v>0</v>
      </c>
      <c r="NT16" s="345">
        <v>0</v>
      </c>
      <c r="NU16" s="345">
        <v>0</v>
      </c>
      <c r="NV16" s="349">
        <v>0</v>
      </c>
      <c r="NW16" s="350">
        <v>0</v>
      </c>
      <c r="NX16" s="348">
        <v>0</v>
      </c>
      <c r="NY16" s="345">
        <v>0</v>
      </c>
      <c r="NZ16" s="349">
        <v>0</v>
      </c>
      <c r="OA16" s="404">
        <v>0</v>
      </c>
      <c r="OB16" s="345">
        <v>0</v>
      </c>
      <c r="OC16" s="345">
        <v>0</v>
      </c>
      <c r="OD16" s="345">
        <v>293412</v>
      </c>
      <c r="OE16" s="345">
        <v>0</v>
      </c>
      <c r="OF16" s="345">
        <v>327936</v>
      </c>
      <c r="OG16" s="349">
        <v>621348</v>
      </c>
      <c r="OH16" s="350">
        <v>621348</v>
      </c>
      <c r="OI16" s="348">
        <v>1645803</v>
      </c>
      <c r="OJ16" s="345">
        <v>2941261</v>
      </c>
      <c r="OK16" s="346">
        <v>4587064</v>
      </c>
      <c r="OL16" s="351">
        <v>0</v>
      </c>
      <c r="OM16" s="345">
        <v>21282489</v>
      </c>
      <c r="ON16" s="345">
        <v>21204496</v>
      </c>
      <c r="OO16" s="345">
        <v>27434356</v>
      </c>
      <c r="OP16" s="345">
        <v>26978845</v>
      </c>
      <c r="OQ16" s="345">
        <v>21033199</v>
      </c>
      <c r="OR16" s="349">
        <v>117933385</v>
      </c>
      <c r="OS16" s="354">
        <v>122520449</v>
      </c>
    </row>
    <row r="17" spans="2:409" s="70" customFormat="1" ht="21" customHeight="1" x14ac:dyDescent="0.2">
      <c r="B17" s="106" t="s">
        <v>11</v>
      </c>
      <c r="C17" s="326">
        <v>310586</v>
      </c>
      <c r="D17" s="327">
        <v>520108</v>
      </c>
      <c r="E17" s="365">
        <v>830694</v>
      </c>
      <c r="F17" s="332">
        <v>0</v>
      </c>
      <c r="G17" s="327">
        <v>6766374</v>
      </c>
      <c r="H17" s="327">
        <v>5601229</v>
      </c>
      <c r="I17" s="327">
        <v>4278093</v>
      </c>
      <c r="J17" s="327">
        <v>5984174</v>
      </c>
      <c r="K17" s="327">
        <v>3979079</v>
      </c>
      <c r="L17" s="329">
        <v>26608949</v>
      </c>
      <c r="M17" s="330">
        <v>27439643</v>
      </c>
      <c r="N17" s="326">
        <v>94847</v>
      </c>
      <c r="O17" s="327">
        <v>122241</v>
      </c>
      <c r="P17" s="328">
        <v>217088</v>
      </c>
      <c r="Q17" s="326">
        <v>0</v>
      </c>
      <c r="R17" s="327">
        <v>1648882</v>
      </c>
      <c r="S17" s="327">
        <v>1741077</v>
      </c>
      <c r="T17" s="327">
        <v>1136116</v>
      </c>
      <c r="U17" s="327">
        <v>1677769</v>
      </c>
      <c r="V17" s="327">
        <v>1157907</v>
      </c>
      <c r="W17" s="328">
        <v>7361751</v>
      </c>
      <c r="X17" s="330">
        <v>7578839</v>
      </c>
      <c r="Y17" s="326">
        <v>0</v>
      </c>
      <c r="Z17" s="327">
        <v>0</v>
      </c>
      <c r="AA17" s="328">
        <v>0</v>
      </c>
      <c r="AB17" s="326">
        <v>0</v>
      </c>
      <c r="AC17" s="327">
        <v>467973</v>
      </c>
      <c r="AD17" s="327">
        <v>462971</v>
      </c>
      <c r="AE17" s="327">
        <v>544494</v>
      </c>
      <c r="AF17" s="327">
        <v>587918</v>
      </c>
      <c r="AG17" s="327">
        <v>639053</v>
      </c>
      <c r="AH17" s="328">
        <v>2702409</v>
      </c>
      <c r="AI17" s="330">
        <v>2702409</v>
      </c>
      <c r="AJ17" s="326">
        <v>0</v>
      </c>
      <c r="AK17" s="327">
        <v>0</v>
      </c>
      <c r="AL17" s="328">
        <v>0</v>
      </c>
      <c r="AM17" s="326">
        <v>0</v>
      </c>
      <c r="AN17" s="327">
        <v>0</v>
      </c>
      <c r="AO17" s="327">
        <v>22387</v>
      </c>
      <c r="AP17" s="327">
        <v>51867</v>
      </c>
      <c r="AQ17" s="327">
        <v>211470</v>
      </c>
      <c r="AR17" s="327">
        <v>49492</v>
      </c>
      <c r="AS17" s="328">
        <v>335216</v>
      </c>
      <c r="AT17" s="330">
        <v>335216</v>
      </c>
      <c r="AU17" s="326">
        <v>52406</v>
      </c>
      <c r="AV17" s="327">
        <v>81900</v>
      </c>
      <c r="AW17" s="328">
        <v>134306</v>
      </c>
      <c r="AX17" s="326">
        <v>0</v>
      </c>
      <c r="AY17" s="327">
        <v>926763</v>
      </c>
      <c r="AZ17" s="327">
        <v>814499</v>
      </c>
      <c r="BA17" s="327">
        <v>305301</v>
      </c>
      <c r="BB17" s="327">
        <v>606192</v>
      </c>
      <c r="BC17" s="327">
        <v>271345</v>
      </c>
      <c r="BD17" s="328">
        <v>2924100</v>
      </c>
      <c r="BE17" s="330">
        <v>3058406</v>
      </c>
      <c r="BF17" s="326">
        <v>0</v>
      </c>
      <c r="BG17" s="327">
        <v>12985</v>
      </c>
      <c r="BH17" s="331">
        <v>12985</v>
      </c>
      <c r="BI17" s="332">
        <v>0</v>
      </c>
      <c r="BJ17" s="327">
        <v>22117</v>
      </c>
      <c r="BK17" s="327">
        <v>132912</v>
      </c>
      <c r="BL17" s="327">
        <v>56066</v>
      </c>
      <c r="BM17" s="327">
        <v>27308</v>
      </c>
      <c r="BN17" s="327">
        <v>47426</v>
      </c>
      <c r="BO17" s="328">
        <v>285829</v>
      </c>
      <c r="BP17" s="330">
        <v>298814</v>
      </c>
      <c r="BQ17" s="326">
        <v>42441</v>
      </c>
      <c r="BR17" s="327">
        <v>27356</v>
      </c>
      <c r="BS17" s="328">
        <v>69797</v>
      </c>
      <c r="BT17" s="326">
        <v>0</v>
      </c>
      <c r="BU17" s="327">
        <v>232029</v>
      </c>
      <c r="BV17" s="327">
        <v>308308</v>
      </c>
      <c r="BW17" s="327">
        <v>178388</v>
      </c>
      <c r="BX17" s="327">
        <v>244881</v>
      </c>
      <c r="BY17" s="327">
        <v>150591</v>
      </c>
      <c r="BZ17" s="328">
        <v>1114197</v>
      </c>
      <c r="CA17" s="330">
        <v>1183994</v>
      </c>
      <c r="CB17" s="326">
        <v>0</v>
      </c>
      <c r="CC17" s="327">
        <v>163280</v>
      </c>
      <c r="CD17" s="328">
        <v>163280</v>
      </c>
      <c r="CE17" s="326">
        <v>0</v>
      </c>
      <c r="CF17" s="327">
        <v>1329906</v>
      </c>
      <c r="CG17" s="327">
        <v>1262994</v>
      </c>
      <c r="CH17" s="327">
        <v>1382865</v>
      </c>
      <c r="CI17" s="327">
        <v>542866</v>
      </c>
      <c r="CJ17" s="327">
        <v>257614</v>
      </c>
      <c r="CK17" s="328">
        <v>4776245</v>
      </c>
      <c r="CL17" s="330">
        <v>4939525</v>
      </c>
      <c r="CM17" s="326">
        <v>0</v>
      </c>
      <c r="CN17" s="327">
        <v>0</v>
      </c>
      <c r="CO17" s="328">
        <v>0</v>
      </c>
      <c r="CP17" s="332">
        <v>0</v>
      </c>
      <c r="CQ17" s="327">
        <v>939966</v>
      </c>
      <c r="CR17" s="327">
        <v>876595</v>
      </c>
      <c r="CS17" s="327">
        <v>843751</v>
      </c>
      <c r="CT17" s="327">
        <v>449853</v>
      </c>
      <c r="CU17" s="327">
        <v>206097</v>
      </c>
      <c r="CV17" s="328">
        <v>3316262</v>
      </c>
      <c r="CW17" s="330">
        <v>3316262</v>
      </c>
      <c r="CX17" s="326">
        <v>0</v>
      </c>
      <c r="CY17" s="327">
        <v>163280</v>
      </c>
      <c r="CZ17" s="328">
        <v>163280</v>
      </c>
      <c r="DA17" s="326">
        <v>0</v>
      </c>
      <c r="DB17" s="327">
        <v>389940</v>
      </c>
      <c r="DC17" s="327">
        <v>386399</v>
      </c>
      <c r="DD17" s="327">
        <v>539114</v>
      </c>
      <c r="DE17" s="327">
        <v>93013</v>
      </c>
      <c r="DF17" s="327">
        <v>51517</v>
      </c>
      <c r="DG17" s="328">
        <v>1459983</v>
      </c>
      <c r="DH17" s="330">
        <v>1623263</v>
      </c>
      <c r="DI17" s="326">
        <v>0</v>
      </c>
      <c r="DJ17" s="327">
        <v>0</v>
      </c>
      <c r="DK17" s="331">
        <v>0</v>
      </c>
      <c r="DL17" s="332">
        <v>0</v>
      </c>
      <c r="DM17" s="327">
        <v>117240</v>
      </c>
      <c r="DN17" s="327">
        <v>161781</v>
      </c>
      <c r="DO17" s="327">
        <v>159273</v>
      </c>
      <c r="DP17" s="327">
        <v>127728</v>
      </c>
      <c r="DQ17" s="327">
        <v>390417</v>
      </c>
      <c r="DR17" s="328">
        <v>956439</v>
      </c>
      <c r="DS17" s="330">
        <v>956439</v>
      </c>
      <c r="DT17" s="326">
        <v>0</v>
      </c>
      <c r="DU17" s="327">
        <v>0</v>
      </c>
      <c r="DV17" s="328">
        <v>0</v>
      </c>
      <c r="DW17" s="326">
        <v>0</v>
      </c>
      <c r="DX17" s="327">
        <v>117240</v>
      </c>
      <c r="DY17" s="327">
        <v>161781</v>
      </c>
      <c r="DZ17" s="327">
        <v>16940</v>
      </c>
      <c r="EA17" s="327">
        <v>84587</v>
      </c>
      <c r="EB17" s="327">
        <v>177984</v>
      </c>
      <c r="EC17" s="328">
        <v>558532</v>
      </c>
      <c r="ED17" s="330">
        <v>558532</v>
      </c>
      <c r="EE17" s="326">
        <v>0</v>
      </c>
      <c r="EF17" s="331">
        <v>0</v>
      </c>
      <c r="EG17" s="328">
        <v>0</v>
      </c>
      <c r="EH17" s="326">
        <v>0</v>
      </c>
      <c r="EI17" s="327">
        <v>0</v>
      </c>
      <c r="EJ17" s="327">
        <v>0</v>
      </c>
      <c r="EK17" s="327">
        <v>142333</v>
      </c>
      <c r="EL17" s="327">
        <v>43141</v>
      </c>
      <c r="EM17" s="327">
        <v>212433</v>
      </c>
      <c r="EN17" s="331">
        <v>397907</v>
      </c>
      <c r="EO17" s="330">
        <v>397907</v>
      </c>
      <c r="EP17" s="326">
        <v>0</v>
      </c>
      <c r="EQ17" s="327">
        <v>0</v>
      </c>
      <c r="ER17" s="331">
        <v>0</v>
      </c>
      <c r="ES17" s="332">
        <v>0</v>
      </c>
      <c r="ET17" s="327">
        <v>0</v>
      </c>
      <c r="EU17" s="327">
        <v>0</v>
      </c>
      <c r="EV17" s="327">
        <v>0</v>
      </c>
      <c r="EW17" s="327">
        <v>0</v>
      </c>
      <c r="EX17" s="327">
        <v>0</v>
      </c>
      <c r="EY17" s="328">
        <v>0</v>
      </c>
      <c r="EZ17" s="330">
        <v>0</v>
      </c>
      <c r="FA17" s="326">
        <v>0</v>
      </c>
      <c r="FB17" s="327">
        <v>0</v>
      </c>
      <c r="FC17" s="331">
        <v>0</v>
      </c>
      <c r="FD17" s="404">
        <v>0</v>
      </c>
      <c r="FE17" s="327">
        <v>0</v>
      </c>
      <c r="FF17" s="327">
        <v>0</v>
      </c>
      <c r="FG17" s="327">
        <v>0</v>
      </c>
      <c r="FH17" s="327">
        <v>0</v>
      </c>
      <c r="FI17" s="327">
        <v>0</v>
      </c>
      <c r="FJ17" s="328">
        <v>0</v>
      </c>
      <c r="FK17" s="330">
        <v>0</v>
      </c>
      <c r="FL17" s="326">
        <v>69888</v>
      </c>
      <c r="FM17" s="327">
        <v>146706</v>
      </c>
      <c r="FN17" s="328">
        <v>216594</v>
      </c>
      <c r="FO17" s="326">
        <v>0</v>
      </c>
      <c r="FP17" s="327">
        <v>315665</v>
      </c>
      <c r="FQ17" s="327">
        <v>523796</v>
      </c>
      <c r="FR17" s="327">
        <v>407953</v>
      </c>
      <c r="FS17" s="327">
        <v>449134</v>
      </c>
      <c r="FT17" s="327">
        <v>245693</v>
      </c>
      <c r="FU17" s="328">
        <v>1942241</v>
      </c>
      <c r="FV17" s="330">
        <v>2158835</v>
      </c>
      <c r="FW17" s="333">
        <v>69888</v>
      </c>
      <c r="FX17" s="327">
        <v>124530</v>
      </c>
      <c r="FY17" s="331">
        <v>194418</v>
      </c>
      <c r="FZ17" s="332">
        <v>0</v>
      </c>
      <c r="GA17" s="327">
        <v>254065</v>
      </c>
      <c r="GB17" s="327">
        <v>523796</v>
      </c>
      <c r="GC17" s="327">
        <v>407953</v>
      </c>
      <c r="GD17" s="327">
        <v>405937</v>
      </c>
      <c r="GE17" s="327">
        <v>245693</v>
      </c>
      <c r="GF17" s="328">
        <v>1837444</v>
      </c>
      <c r="GG17" s="334">
        <v>2031862</v>
      </c>
      <c r="GH17" s="333">
        <v>0</v>
      </c>
      <c r="GI17" s="327">
        <v>22176</v>
      </c>
      <c r="GJ17" s="331">
        <v>22176</v>
      </c>
      <c r="GK17" s="332">
        <v>0</v>
      </c>
      <c r="GL17" s="327">
        <v>0</v>
      </c>
      <c r="GM17" s="327">
        <v>0</v>
      </c>
      <c r="GN17" s="327">
        <v>0</v>
      </c>
      <c r="GO17" s="327">
        <v>43197</v>
      </c>
      <c r="GP17" s="327">
        <v>0</v>
      </c>
      <c r="GQ17" s="328">
        <v>43197</v>
      </c>
      <c r="GR17" s="330">
        <v>65373</v>
      </c>
      <c r="GS17" s="326">
        <v>0</v>
      </c>
      <c r="GT17" s="327">
        <v>0</v>
      </c>
      <c r="GU17" s="328">
        <v>0</v>
      </c>
      <c r="GV17" s="326">
        <v>0</v>
      </c>
      <c r="GW17" s="327">
        <v>61600</v>
      </c>
      <c r="GX17" s="327">
        <v>0</v>
      </c>
      <c r="GY17" s="327">
        <v>0</v>
      </c>
      <c r="GZ17" s="327">
        <v>0</v>
      </c>
      <c r="HA17" s="327">
        <v>0</v>
      </c>
      <c r="HB17" s="331">
        <v>61600</v>
      </c>
      <c r="HC17" s="330">
        <v>61600</v>
      </c>
      <c r="HD17" s="326">
        <v>145851</v>
      </c>
      <c r="HE17" s="327">
        <v>87881</v>
      </c>
      <c r="HF17" s="331">
        <v>233732</v>
      </c>
      <c r="HG17" s="332">
        <v>0</v>
      </c>
      <c r="HH17" s="327">
        <v>3354681</v>
      </c>
      <c r="HI17" s="327">
        <v>1911581</v>
      </c>
      <c r="HJ17" s="327">
        <v>1191886</v>
      </c>
      <c r="HK17" s="327">
        <v>3186677</v>
      </c>
      <c r="HL17" s="327">
        <v>1927448</v>
      </c>
      <c r="HM17" s="328">
        <v>11572273</v>
      </c>
      <c r="HN17" s="329">
        <v>11806005</v>
      </c>
      <c r="HO17" s="333">
        <v>0</v>
      </c>
      <c r="HP17" s="327">
        <v>0</v>
      </c>
      <c r="HQ17" s="328">
        <v>0</v>
      </c>
      <c r="HR17" s="326">
        <v>0</v>
      </c>
      <c r="HS17" s="327">
        <v>0</v>
      </c>
      <c r="HT17" s="327">
        <v>0</v>
      </c>
      <c r="HU17" s="327">
        <v>0</v>
      </c>
      <c r="HV17" s="327">
        <v>0</v>
      </c>
      <c r="HW17" s="327">
        <v>0</v>
      </c>
      <c r="HX17" s="331">
        <v>0</v>
      </c>
      <c r="HY17" s="330">
        <v>0</v>
      </c>
      <c r="HZ17" s="335">
        <v>0</v>
      </c>
      <c r="IA17" s="336">
        <v>279355</v>
      </c>
      <c r="IB17" s="337">
        <v>279355</v>
      </c>
      <c r="IC17" s="338">
        <v>0</v>
      </c>
      <c r="ID17" s="336">
        <v>1509394</v>
      </c>
      <c r="IE17" s="339">
        <v>1723942</v>
      </c>
      <c r="IF17" s="337">
        <v>1345641</v>
      </c>
      <c r="IG17" s="336">
        <v>1103104</v>
      </c>
      <c r="IH17" s="337">
        <v>451817</v>
      </c>
      <c r="II17" s="340">
        <v>6133898</v>
      </c>
      <c r="IJ17" s="341">
        <v>6413253</v>
      </c>
      <c r="IK17" s="342">
        <v>0</v>
      </c>
      <c r="IL17" s="343">
        <v>0</v>
      </c>
      <c r="IM17" s="344">
        <v>0</v>
      </c>
      <c r="IN17" s="404">
        <v>0</v>
      </c>
      <c r="IO17" s="345">
        <v>0</v>
      </c>
      <c r="IP17" s="345">
        <v>214827</v>
      </c>
      <c r="IQ17" s="345">
        <v>0</v>
      </c>
      <c r="IR17" s="345">
        <v>0</v>
      </c>
      <c r="IS17" s="345">
        <v>146908</v>
      </c>
      <c r="IT17" s="346">
        <v>361735</v>
      </c>
      <c r="IU17" s="347">
        <v>361735</v>
      </c>
      <c r="IV17" s="348">
        <v>0</v>
      </c>
      <c r="IW17" s="345">
        <v>0</v>
      </c>
      <c r="IX17" s="349">
        <v>0</v>
      </c>
      <c r="IY17" s="404">
        <v>0</v>
      </c>
      <c r="IZ17" s="345">
        <v>0</v>
      </c>
      <c r="JA17" s="345">
        <v>0</v>
      </c>
      <c r="JB17" s="345">
        <v>0</v>
      </c>
      <c r="JC17" s="345">
        <v>14657</v>
      </c>
      <c r="JD17" s="345">
        <v>0</v>
      </c>
      <c r="JE17" s="349">
        <v>14657</v>
      </c>
      <c r="JF17" s="350">
        <v>14657</v>
      </c>
      <c r="JG17" s="348">
        <v>0</v>
      </c>
      <c r="JH17" s="345">
        <v>0</v>
      </c>
      <c r="JI17" s="346">
        <v>0</v>
      </c>
      <c r="JJ17" s="351">
        <v>0</v>
      </c>
      <c r="JK17" s="345">
        <v>1106626</v>
      </c>
      <c r="JL17" s="345">
        <v>432110</v>
      </c>
      <c r="JM17" s="345">
        <v>161615</v>
      </c>
      <c r="JN17" s="345">
        <v>381261</v>
      </c>
      <c r="JO17" s="345">
        <v>304909</v>
      </c>
      <c r="JP17" s="349">
        <v>2386521</v>
      </c>
      <c r="JQ17" s="347">
        <v>2386521</v>
      </c>
      <c r="JR17" s="348">
        <v>0</v>
      </c>
      <c r="JS17" s="345">
        <v>0</v>
      </c>
      <c r="JT17" s="346">
        <v>0</v>
      </c>
      <c r="JU17" s="351">
        <v>0</v>
      </c>
      <c r="JV17" s="345">
        <v>191986</v>
      </c>
      <c r="JW17" s="345">
        <v>0</v>
      </c>
      <c r="JX17" s="345">
        <v>0</v>
      </c>
      <c r="JY17" s="345">
        <v>0</v>
      </c>
      <c r="JZ17" s="345">
        <v>0</v>
      </c>
      <c r="KA17" s="349">
        <v>191986</v>
      </c>
      <c r="KB17" s="347">
        <v>191986</v>
      </c>
      <c r="KC17" s="352">
        <v>0</v>
      </c>
      <c r="KD17" s="353">
        <v>279355</v>
      </c>
      <c r="KE17" s="349">
        <v>279355</v>
      </c>
      <c r="KF17" s="351">
        <v>0</v>
      </c>
      <c r="KG17" s="345">
        <v>210782</v>
      </c>
      <c r="KH17" s="345">
        <v>455947</v>
      </c>
      <c r="KI17" s="345">
        <v>243585</v>
      </c>
      <c r="KJ17" s="345">
        <v>468842</v>
      </c>
      <c r="KK17" s="345">
        <v>0</v>
      </c>
      <c r="KL17" s="349">
        <v>1379156</v>
      </c>
      <c r="KM17" s="354">
        <v>1658511</v>
      </c>
      <c r="KN17" s="342">
        <v>0</v>
      </c>
      <c r="KO17" s="343">
        <v>0</v>
      </c>
      <c r="KP17" s="344">
        <v>0</v>
      </c>
      <c r="KQ17" s="404">
        <v>0</v>
      </c>
      <c r="KR17" s="345">
        <v>0</v>
      </c>
      <c r="KS17" s="345">
        <v>457333</v>
      </c>
      <c r="KT17" s="345">
        <v>940441</v>
      </c>
      <c r="KU17" s="345">
        <v>238344</v>
      </c>
      <c r="KV17" s="345">
        <v>0</v>
      </c>
      <c r="KW17" s="349">
        <v>1636118</v>
      </c>
      <c r="KX17" s="347">
        <v>1636118</v>
      </c>
      <c r="KY17" s="348">
        <v>0</v>
      </c>
      <c r="KZ17" s="345">
        <v>0</v>
      </c>
      <c r="LA17" s="349">
        <v>0</v>
      </c>
      <c r="LB17" s="404">
        <v>0</v>
      </c>
      <c r="LC17" s="345">
        <v>0</v>
      </c>
      <c r="LD17" s="345">
        <v>0</v>
      </c>
      <c r="LE17" s="345">
        <v>0</v>
      </c>
      <c r="LF17" s="345">
        <v>0</v>
      </c>
      <c r="LG17" s="345">
        <v>0</v>
      </c>
      <c r="LH17" s="349">
        <v>0</v>
      </c>
      <c r="LI17" s="350">
        <v>0</v>
      </c>
      <c r="LJ17" s="348">
        <v>0</v>
      </c>
      <c r="LK17" s="345">
        <v>0</v>
      </c>
      <c r="LL17" s="349">
        <v>0</v>
      </c>
      <c r="LM17" s="404">
        <v>0</v>
      </c>
      <c r="LN17" s="345">
        <v>0</v>
      </c>
      <c r="LO17" s="345">
        <v>0</v>
      </c>
      <c r="LP17" s="345">
        <v>0</v>
      </c>
      <c r="LQ17" s="345">
        <v>0</v>
      </c>
      <c r="LR17" s="345">
        <v>0</v>
      </c>
      <c r="LS17" s="349">
        <v>0</v>
      </c>
      <c r="LT17" s="347">
        <v>0</v>
      </c>
      <c r="LU17" s="348">
        <v>0</v>
      </c>
      <c r="LV17" s="345">
        <v>0</v>
      </c>
      <c r="LW17" s="349">
        <v>0</v>
      </c>
      <c r="LX17" s="404">
        <v>0</v>
      </c>
      <c r="LY17" s="345">
        <v>0</v>
      </c>
      <c r="LZ17" s="345">
        <v>163725</v>
      </c>
      <c r="MA17" s="345">
        <v>0</v>
      </c>
      <c r="MB17" s="345">
        <v>0</v>
      </c>
      <c r="MC17" s="345">
        <v>0</v>
      </c>
      <c r="MD17" s="349">
        <v>163725</v>
      </c>
      <c r="ME17" s="350">
        <v>163725</v>
      </c>
      <c r="MF17" s="348">
        <v>0</v>
      </c>
      <c r="MG17" s="345">
        <v>0</v>
      </c>
      <c r="MH17" s="349">
        <v>0</v>
      </c>
      <c r="MI17" s="404">
        <v>0</v>
      </c>
      <c r="MJ17" s="345">
        <v>205104</v>
      </c>
      <c r="MK17" s="345">
        <v>415750</v>
      </c>
      <c r="ML17" s="345">
        <v>3104246</v>
      </c>
      <c r="MM17" s="345">
        <v>2407429</v>
      </c>
      <c r="MN17" s="345">
        <v>1868386</v>
      </c>
      <c r="MO17" s="349">
        <v>8000915</v>
      </c>
      <c r="MP17" s="354">
        <v>8000915</v>
      </c>
      <c r="MQ17" s="348">
        <v>0</v>
      </c>
      <c r="MR17" s="345">
        <v>0</v>
      </c>
      <c r="MS17" s="349">
        <v>0</v>
      </c>
      <c r="MT17" s="404">
        <v>0</v>
      </c>
      <c r="MU17" s="345">
        <v>0</v>
      </c>
      <c r="MV17" s="345">
        <v>0</v>
      </c>
      <c r="MW17" s="345">
        <v>1779080</v>
      </c>
      <c r="MX17" s="345">
        <v>1904634</v>
      </c>
      <c r="MY17" s="345">
        <v>1195933</v>
      </c>
      <c r="MZ17" s="349">
        <v>4879647</v>
      </c>
      <c r="NA17" s="354">
        <v>4879647</v>
      </c>
      <c r="NB17" s="348">
        <v>0</v>
      </c>
      <c r="NC17" s="345">
        <v>0</v>
      </c>
      <c r="ND17" s="349">
        <v>0</v>
      </c>
      <c r="NE17" s="404">
        <v>0</v>
      </c>
      <c r="NF17" s="345">
        <v>205104</v>
      </c>
      <c r="NG17" s="345">
        <v>415750</v>
      </c>
      <c r="NH17" s="345">
        <v>1325166</v>
      </c>
      <c r="NI17" s="345">
        <v>502795</v>
      </c>
      <c r="NJ17" s="345">
        <v>0</v>
      </c>
      <c r="NK17" s="349">
        <v>2448815</v>
      </c>
      <c r="NL17" s="347">
        <v>2448815</v>
      </c>
      <c r="NM17" s="348">
        <v>0</v>
      </c>
      <c r="NN17" s="345">
        <v>0</v>
      </c>
      <c r="NO17" s="349">
        <v>0</v>
      </c>
      <c r="NP17" s="404">
        <v>0</v>
      </c>
      <c r="NQ17" s="345">
        <v>0</v>
      </c>
      <c r="NR17" s="345">
        <v>0</v>
      </c>
      <c r="NS17" s="345">
        <v>0</v>
      </c>
      <c r="NT17" s="345">
        <v>0</v>
      </c>
      <c r="NU17" s="345">
        <v>0</v>
      </c>
      <c r="NV17" s="349">
        <v>0</v>
      </c>
      <c r="NW17" s="350">
        <v>0</v>
      </c>
      <c r="NX17" s="348">
        <v>0</v>
      </c>
      <c r="NY17" s="345">
        <v>0</v>
      </c>
      <c r="NZ17" s="349">
        <v>0</v>
      </c>
      <c r="OA17" s="404">
        <v>0</v>
      </c>
      <c r="OB17" s="345">
        <v>0</v>
      </c>
      <c r="OC17" s="345">
        <v>0</v>
      </c>
      <c r="OD17" s="345">
        <v>0</v>
      </c>
      <c r="OE17" s="345">
        <v>0</v>
      </c>
      <c r="OF17" s="345">
        <v>672453</v>
      </c>
      <c r="OG17" s="349">
        <v>672453</v>
      </c>
      <c r="OH17" s="350">
        <v>672453</v>
      </c>
      <c r="OI17" s="348">
        <v>310586</v>
      </c>
      <c r="OJ17" s="345">
        <v>799463</v>
      </c>
      <c r="OK17" s="346">
        <v>1110049</v>
      </c>
      <c r="OL17" s="351">
        <v>0</v>
      </c>
      <c r="OM17" s="345">
        <v>8480872</v>
      </c>
      <c r="ON17" s="345">
        <v>7740921</v>
      </c>
      <c r="OO17" s="345">
        <v>8727980</v>
      </c>
      <c r="OP17" s="345">
        <v>9494707</v>
      </c>
      <c r="OQ17" s="345">
        <v>6299282</v>
      </c>
      <c r="OR17" s="349">
        <v>40743762</v>
      </c>
      <c r="OS17" s="354">
        <v>41853811</v>
      </c>
    </row>
    <row r="18" spans="2:409" s="70" customFormat="1" ht="21" customHeight="1" x14ac:dyDescent="0.2">
      <c r="B18" s="106" t="s">
        <v>12</v>
      </c>
      <c r="C18" s="326">
        <v>989022</v>
      </c>
      <c r="D18" s="327">
        <v>1870112</v>
      </c>
      <c r="E18" s="328">
        <v>2859134</v>
      </c>
      <c r="F18" s="329">
        <v>0</v>
      </c>
      <c r="G18" s="327">
        <v>6665425</v>
      </c>
      <c r="H18" s="366">
        <v>9733600</v>
      </c>
      <c r="I18" s="366">
        <v>6000106</v>
      </c>
      <c r="J18" s="366">
        <v>10605485</v>
      </c>
      <c r="K18" s="366">
        <v>5119755</v>
      </c>
      <c r="L18" s="331">
        <v>38124371</v>
      </c>
      <c r="M18" s="330">
        <v>40983505</v>
      </c>
      <c r="N18" s="326">
        <v>272394</v>
      </c>
      <c r="O18" s="327">
        <v>818771</v>
      </c>
      <c r="P18" s="328">
        <v>1091165</v>
      </c>
      <c r="Q18" s="326">
        <v>0</v>
      </c>
      <c r="R18" s="327">
        <v>2106661</v>
      </c>
      <c r="S18" s="327">
        <v>3745291</v>
      </c>
      <c r="T18" s="327">
        <v>2124707</v>
      </c>
      <c r="U18" s="327">
        <v>3317835</v>
      </c>
      <c r="V18" s="327">
        <v>2375368</v>
      </c>
      <c r="W18" s="328">
        <v>13669862</v>
      </c>
      <c r="X18" s="330">
        <v>14761027</v>
      </c>
      <c r="Y18" s="326">
        <v>0</v>
      </c>
      <c r="Z18" s="327">
        <v>0</v>
      </c>
      <c r="AA18" s="328">
        <v>0</v>
      </c>
      <c r="AB18" s="326">
        <v>0</v>
      </c>
      <c r="AC18" s="327">
        <v>1231803</v>
      </c>
      <c r="AD18" s="327">
        <v>2155094</v>
      </c>
      <c r="AE18" s="327">
        <v>1503520</v>
      </c>
      <c r="AF18" s="327">
        <v>1687197</v>
      </c>
      <c r="AG18" s="327">
        <v>1703236</v>
      </c>
      <c r="AH18" s="328">
        <v>8280850</v>
      </c>
      <c r="AI18" s="330">
        <v>8280850</v>
      </c>
      <c r="AJ18" s="326">
        <v>0</v>
      </c>
      <c r="AK18" s="327">
        <v>0</v>
      </c>
      <c r="AL18" s="328">
        <v>0</v>
      </c>
      <c r="AM18" s="326">
        <v>0</v>
      </c>
      <c r="AN18" s="327">
        <v>0</v>
      </c>
      <c r="AO18" s="327">
        <v>51867</v>
      </c>
      <c r="AP18" s="327">
        <v>42439</v>
      </c>
      <c r="AQ18" s="327">
        <v>229895</v>
      </c>
      <c r="AR18" s="327">
        <v>82988</v>
      </c>
      <c r="AS18" s="328">
        <v>407189</v>
      </c>
      <c r="AT18" s="330">
        <v>407189</v>
      </c>
      <c r="AU18" s="326">
        <v>190959</v>
      </c>
      <c r="AV18" s="327">
        <v>697123</v>
      </c>
      <c r="AW18" s="328">
        <v>888082</v>
      </c>
      <c r="AX18" s="326">
        <v>0</v>
      </c>
      <c r="AY18" s="327">
        <v>645727</v>
      </c>
      <c r="AZ18" s="327">
        <v>1040490</v>
      </c>
      <c r="BA18" s="327">
        <v>346733</v>
      </c>
      <c r="BB18" s="327">
        <v>848840</v>
      </c>
      <c r="BC18" s="327">
        <v>387453</v>
      </c>
      <c r="BD18" s="328">
        <v>3269243</v>
      </c>
      <c r="BE18" s="330">
        <v>4157325</v>
      </c>
      <c r="BF18" s="326">
        <v>26940</v>
      </c>
      <c r="BG18" s="327">
        <v>56128</v>
      </c>
      <c r="BH18" s="331">
        <v>83068</v>
      </c>
      <c r="BI18" s="332">
        <v>0</v>
      </c>
      <c r="BJ18" s="327">
        <v>18550</v>
      </c>
      <c r="BK18" s="327">
        <v>56882</v>
      </c>
      <c r="BL18" s="327">
        <v>0</v>
      </c>
      <c r="BM18" s="327">
        <v>81223</v>
      </c>
      <c r="BN18" s="327">
        <v>0</v>
      </c>
      <c r="BO18" s="328">
        <v>156655</v>
      </c>
      <c r="BP18" s="330">
        <v>239723</v>
      </c>
      <c r="BQ18" s="326">
        <v>54495</v>
      </c>
      <c r="BR18" s="327">
        <v>65520</v>
      </c>
      <c r="BS18" s="328">
        <v>120015</v>
      </c>
      <c r="BT18" s="326">
        <v>0</v>
      </c>
      <c r="BU18" s="327">
        <v>210581</v>
      </c>
      <c r="BV18" s="327">
        <v>440958</v>
      </c>
      <c r="BW18" s="327">
        <v>232015</v>
      </c>
      <c r="BX18" s="327">
        <v>470680</v>
      </c>
      <c r="BY18" s="327">
        <v>201691</v>
      </c>
      <c r="BZ18" s="328">
        <v>1555925</v>
      </c>
      <c r="CA18" s="330">
        <v>1675940</v>
      </c>
      <c r="CB18" s="326">
        <v>167668</v>
      </c>
      <c r="CC18" s="327">
        <v>312341</v>
      </c>
      <c r="CD18" s="328">
        <v>480009</v>
      </c>
      <c r="CE18" s="326">
        <v>0</v>
      </c>
      <c r="CF18" s="327">
        <v>2272548</v>
      </c>
      <c r="CG18" s="327">
        <v>2324260</v>
      </c>
      <c r="CH18" s="327">
        <v>1369094</v>
      </c>
      <c r="CI18" s="327">
        <v>1356347</v>
      </c>
      <c r="CJ18" s="327">
        <v>693765</v>
      </c>
      <c r="CK18" s="328">
        <v>8016014</v>
      </c>
      <c r="CL18" s="330">
        <v>8496023</v>
      </c>
      <c r="CM18" s="326">
        <v>0</v>
      </c>
      <c r="CN18" s="327">
        <v>0</v>
      </c>
      <c r="CO18" s="328">
        <v>0</v>
      </c>
      <c r="CP18" s="332">
        <v>0</v>
      </c>
      <c r="CQ18" s="327">
        <v>1868840</v>
      </c>
      <c r="CR18" s="327">
        <v>1912562</v>
      </c>
      <c r="CS18" s="327">
        <v>907057</v>
      </c>
      <c r="CT18" s="327">
        <v>798269</v>
      </c>
      <c r="CU18" s="327">
        <v>597658</v>
      </c>
      <c r="CV18" s="328">
        <v>6084386</v>
      </c>
      <c r="CW18" s="330">
        <v>6084386</v>
      </c>
      <c r="CX18" s="326">
        <v>167668</v>
      </c>
      <c r="CY18" s="327">
        <v>312341</v>
      </c>
      <c r="CZ18" s="328">
        <v>480009</v>
      </c>
      <c r="DA18" s="326">
        <v>0</v>
      </c>
      <c r="DB18" s="327">
        <v>403708</v>
      </c>
      <c r="DC18" s="327">
        <v>411698</v>
      </c>
      <c r="DD18" s="327">
        <v>462037</v>
      </c>
      <c r="DE18" s="327">
        <v>558078</v>
      </c>
      <c r="DF18" s="327">
        <v>96107</v>
      </c>
      <c r="DG18" s="328">
        <v>1931628</v>
      </c>
      <c r="DH18" s="330">
        <v>2411637</v>
      </c>
      <c r="DI18" s="326">
        <v>0</v>
      </c>
      <c r="DJ18" s="327">
        <v>0</v>
      </c>
      <c r="DK18" s="331">
        <v>0</v>
      </c>
      <c r="DL18" s="332">
        <v>0</v>
      </c>
      <c r="DM18" s="327">
        <v>536924</v>
      </c>
      <c r="DN18" s="327">
        <v>495477</v>
      </c>
      <c r="DO18" s="327">
        <v>537551</v>
      </c>
      <c r="DP18" s="327">
        <v>1162100</v>
      </c>
      <c r="DQ18" s="327">
        <v>18624</v>
      </c>
      <c r="DR18" s="328">
        <v>2750676</v>
      </c>
      <c r="DS18" s="330">
        <v>2750676</v>
      </c>
      <c r="DT18" s="326">
        <v>0</v>
      </c>
      <c r="DU18" s="327">
        <v>0</v>
      </c>
      <c r="DV18" s="328">
        <v>0</v>
      </c>
      <c r="DW18" s="326">
        <v>0</v>
      </c>
      <c r="DX18" s="327">
        <v>421893</v>
      </c>
      <c r="DY18" s="327">
        <v>495477</v>
      </c>
      <c r="DZ18" s="327">
        <v>514663</v>
      </c>
      <c r="EA18" s="327">
        <v>1119732</v>
      </c>
      <c r="EB18" s="327">
        <v>18624</v>
      </c>
      <c r="EC18" s="328">
        <v>2570389</v>
      </c>
      <c r="ED18" s="330">
        <v>2570389</v>
      </c>
      <c r="EE18" s="326">
        <v>0</v>
      </c>
      <c r="EF18" s="331">
        <v>0</v>
      </c>
      <c r="EG18" s="328">
        <v>0</v>
      </c>
      <c r="EH18" s="326">
        <v>0</v>
      </c>
      <c r="EI18" s="327">
        <v>115031</v>
      </c>
      <c r="EJ18" s="327">
        <v>0</v>
      </c>
      <c r="EK18" s="327">
        <v>22888</v>
      </c>
      <c r="EL18" s="327">
        <v>42368</v>
      </c>
      <c r="EM18" s="327">
        <v>0</v>
      </c>
      <c r="EN18" s="331">
        <v>180287</v>
      </c>
      <c r="EO18" s="330">
        <v>180287</v>
      </c>
      <c r="EP18" s="326">
        <v>0</v>
      </c>
      <c r="EQ18" s="327">
        <v>0</v>
      </c>
      <c r="ER18" s="331">
        <v>0</v>
      </c>
      <c r="ES18" s="332">
        <v>0</v>
      </c>
      <c r="ET18" s="327">
        <v>0</v>
      </c>
      <c r="EU18" s="327">
        <v>0</v>
      </c>
      <c r="EV18" s="327">
        <v>0</v>
      </c>
      <c r="EW18" s="327">
        <v>0</v>
      </c>
      <c r="EX18" s="327">
        <v>0</v>
      </c>
      <c r="EY18" s="328">
        <v>0</v>
      </c>
      <c r="EZ18" s="330">
        <v>0</v>
      </c>
      <c r="FA18" s="326">
        <v>0</v>
      </c>
      <c r="FB18" s="327">
        <v>0</v>
      </c>
      <c r="FC18" s="331">
        <v>0</v>
      </c>
      <c r="FD18" s="404">
        <v>0</v>
      </c>
      <c r="FE18" s="327">
        <v>0</v>
      </c>
      <c r="FF18" s="327">
        <v>0</v>
      </c>
      <c r="FG18" s="327">
        <v>0</v>
      </c>
      <c r="FH18" s="327">
        <v>0</v>
      </c>
      <c r="FI18" s="327">
        <v>0</v>
      </c>
      <c r="FJ18" s="328">
        <v>0</v>
      </c>
      <c r="FK18" s="330">
        <v>0</v>
      </c>
      <c r="FL18" s="326">
        <v>278558</v>
      </c>
      <c r="FM18" s="327">
        <v>368032</v>
      </c>
      <c r="FN18" s="328">
        <v>646590</v>
      </c>
      <c r="FO18" s="326">
        <v>0</v>
      </c>
      <c r="FP18" s="327">
        <v>237069</v>
      </c>
      <c r="FQ18" s="327">
        <v>793677</v>
      </c>
      <c r="FR18" s="327">
        <v>400288</v>
      </c>
      <c r="FS18" s="327">
        <v>838915</v>
      </c>
      <c r="FT18" s="327">
        <v>366240</v>
      </c>
      <c r="FU18" s="328">
        <v>2636189</v>
      </c>
      <c r="FV18" s="330">
        <v>3282779</v>
      </c>
      <c r="FW18" s="333">
        <v>110222</v>
      </c>
      <c r="FX18" s="327">
        <v>368032</v>
      </c>
      <c r="FY18" s="331">
        <v>478254</v>
      </c>
      <c r="FZ18" s="332">
        <v>0</v>
      </c>
      <c r="GA18" s="327">
        <v>218169</v>
      </c>
      <c r="GB18" s="327">
        <v>649250</v>
      </c>
      <c r="GC18" s="327">
        <v>310506</v>
      </c>
      <c r="GD18" s="327">
        <v>667415</v>
      </c>
      <c r="GE18" s="327">
        <v>301140</v>
      </c>
      <c r="GF18" s="328">
        <v>2146480</v>
      </c>
      <c r="GG18" s="334">
        <v>2624734</v>
      </c>
      <c r="GH18" s="333">
        <v>34048</v>
      </c>
      <c r="GI18" s="327">
        <v>0</v>
      </c>
      <c r="GJ18" s="331">
        <v>34048</v>
      </c>
      <c r="GK18" s="332">
        <v>0</v>
      </c>
      <c r="GL18" s="327">
        <v>0</v>
      </c>
      <c r="GM18" s="327">
        <v>24255</v>
      </c>
      <c r="GN18" s="327">
        <v>89782</v>
      </c>
      <c r="GO18" s="327">
        <v>77000</v>
      </c>
      <c r="GP18" s="327">
        <v>0</v>
      </c>
      <c r="GQ18" s="328">
        <v>191037</v>
      </c>
      <c r="GR18" s="330">
        <v>225085</v>
      </c>
      <c r="GS18" s="326">
        <v>134288</v>
      </c>
      <c r="GT18" s="327">
        <v>0</v>
      </c>
      <c r="GU18" s="328">
        <v>134288</v>
      </c>
      <c r="GV18" s="326">
        <v>0</v>
      </c>
      <c r="GW18" s="327">
        <v>18900</v>
      </c>
      <c r="GX18" s="327">
        <v>120172</v>
      </c>
      <c r="GY18" s="327">
        <v>0</v>
      </c>
      <c r="GZ18" s="327">
        <v>94500</v>
      </c>
      <c r="HA18" s="327">
        <v>65100</v>
      </c>
      <c r="HB18" s="331">
        <v>298672</v>
      </c>
      <c r="HC18" s="330">
        <v>432960</v>
      </c>
      <c r="HD18" s="326">
        <v>270402</v>
      </c>
      <c r="HE18" s="327">
        <v>370968</v>
      </c>
      <c r="HF18" s="331">
        <v>641370</v>
      </c>
      <c r="HG18" s="332">
        <v>0</v>
      </c>
      <c r="HH18" s="327">
        <v>1512223</v>
      </c>
      <c r="HI18" s="327">
        <v>2374895</v>
      </c>
      <c r="HJ18" s="327">
        <v>1568466</v>
      </c>
      <c r="HK18" s="327">
        <v>3930288</v>
      </c>
      <c r="HL18" s="327">
        <v>1665758</v>
      </c>
      <c r="HM18" s="328">
        <v>11051630</v>
      </c>
      <c r="HN18" s="329">
        <v>11693000</v>
      </c>
      <c r="HO18" s="333">
        <v>0</v>
      </c>
      <c r="HP18" s="327">
        <v>0</v>
      </c>
      <c r="HQ18" s="328">
        <v>0</v>
      </c>
      <c r="HR18" s="326">
        <v>0</v>
      </c>
      <c r="HS18" s="327">
        <v>0</v>
      </c>
      <c r="HT18" s="327">
        <v>0</v>
      </c>
      <c r="HU18" s="327">
        <v>0</v>
      </c>
      <c r="HV18" s="327">
        <v>0</v>
      </c>
      <c r="HW18" s="327">
        <v>0</v>
      </c>
      <c r="HX18" s="331">
        <v>0</v>
      </c>
      <c r="HY18" s="330">
        <v>0</v>
      </c>
      <c r="HZ18" s="358">
        <v>0</v>
      </c>
      <c r="IA18" s="356">
        <v>0</v>
      </c>
      <c r="IB18" s="358">
        <v>0</v>
      </c>
      <c r="IC18" s="355">
        <v>0</v>
      </c>
      <c r="ID18" s="356">
        <v>976434</v>
      </c>
      <c r="IE18" s="357">
        <v>2099490</v>
      </c>
      <c r="IF18" s="358">
        <v>675611</v>
      </c>
      <c r="IG18" s="356">
        <v>1188746</v>
      </c>
      <c r="IH18" s="358">
        <v>1561608</v>
      </c>
      <c r="II18" s="359">
        <v>6501889</v>
      </c>
      <c r="IJ18" s="358">
        <v>6501889</v>
      </c>
      <c r="IK18" s="342">
        <v>0</v>
      </c>
      <c r="IL18" s="343">
        <v>0</v>
      </c>
      <c r="IM18" s="344">
        <v>0</v>
      </c>
      <c r="IN18" s="404">
        <v>0</v>
      </c>
      <c r="IO18" s="345">
        <v>0</v>
      </c>
      <c r="IP18" s="345">
        <v>0</v>
      </c>
      <c r="IQ18" s="345">
        <v>0</v>
      </c>
      <c r="IR18" s="345">
        <v>0</v>
      </c>
      <c r="IS18" s="345">
        <v>0</v>
      </c>
      <c r="IT18" s="346">
        <v>0</v>
      </c>
      <c r="IU18" s="347">
        <v>0</v>
      </c>
      <c r="IV18" s="348">
        <v>0</v>
      </c>
      <c r="IW18" s="345">
        <v>0</v>
      </c>
      <c r="IX18" s="349">
        <v>0</v>
      </c>
      <c r="IY18" s="404">
        <v>0</v>
      </c>
      <c r="IZ18" s="345">
        <v>0</v>
      </c>
      <c r="JA18" s="345">
        <v>0</v>
      </c>
      <c r="JB18" s="345">
        <v>0</v>
      </c>
      <c r="JC18" s="345">
        <v>0</v>
      </c>
      <c r="JD18" s="345">
        <v>0</v>
      </c>
      <c r="JE18" s="349">
        <v>0</v>
      </c>
      <c r="JF18" s="350">
        <v>0</v>
      </c>
      <c r="JG18" s="348">
        <v>0</v>
      </c>
      <c r="JH18" s="345">
        <v>0</v>
      </c>
      <c r="JI18" s="346">
        <v>0</v>
      </c>
      <c r="JJ18" s="351">
        <v>0</v>
      </c>
      <c r="JK18" s="345">
        <v>655164</v>
      </c>
      <c r="JL18" s="345">
        <v>362394</v>
      </c>
      <c r="JM18" s="345">
        <v>218223</v>
      </c>
      <c r="JN18" s="345">
        <v>259964</v>
      </c>
      <c r="JO18" s="345">
        <v>813570</v>
      </c>
      <c r="JP18" s="349">
        <v>2309315</v>
      </c>
      <c r="JQ18" s="347">
        <v>2309315</v>
      </c>
      <c r="JR18" s="348">
        <v>0</v>
      </c>
      <c r="JS18" s="345">
        <v>0</v>
      </c>
      <c r="JT18" s="346">
        <v>0</v>
      </c>
      <c r="JU18" s="351">
        <v>0</v>
      </c>
      <c r="JV18" s="345">
        <v>0</v>
      </c>
      <c r="JW18" s="345">
        <v>0</v>
      </c>
      <c r="JX18" s="345">
        <v>0</v>
      </c>
      <c r="JY18" s="345">
        <v>0</v>
      </c>
      <c r="JZ18" s="345">
        <v>0</v>
      </c>
      <c r="KA18" s="349">
        <v>0</v>
      </c>
      <c r="KB18" s="347">
        <v>0</v>
      </c>
      <c r="KC18" s="352">
        <v>0</v>
      </c>
      <c r="KD18" s="353">
        <v>0</v>
      </c>
      <c r="KE18" s="349">
        <v>0</v>
      </c>
      <c r="KF18" s="351">
        <v>0</v>
      </c>
      <c r="KG18" s="345">
        <v>108514</v>
      </c>
      <c r="KH18" s="345">
        <v>0</v>
      </c>
      <c r="KI18" s="345">
        <v>217244</v>
      </c>
      <c r="KJ18" s="345">
        <v>464457</v>
      </c>
      <c r="KK18" s="345">
        <v>0</v>
      </c>
      <c r="KL18" s="349">
        <v>790215</v>
      </c>
      <c r="KM18" s="354">
        <v>790215</v>
      </c>
      <c r="KN18" s="342">
        <v>0</v>
      </c>
      <c r="KO18" s="343">
        <v>0</v>
      </c>
      <c r="KP18" s="344">
        <v>0</v>
      </c>
      <c r="KQ18" s="404">
        <v>0</v>
      </c>
      <c r="KR18" s="345">
        <v>212756</v>
      </c>
      <c r="KS18" s="345">
        <v>1004770</v>
      </c>
      <c r="KT18" s="345">
        <v>0</v>
      </c>
      <c r="KU18" s="345">
        <v>0</v>
      </c>
      <c r="KV18" s="345">
        <v>429125</v>
      </c>
      <c r="KW18" s="349">
        <v>1646651</v>
      </c>
      <c r="KX18" s="347">
        <v>1646651</v>
      </c>
      <c r="KY18" s="348">
        <v>0</v>
      </c>
      <c r="KZ18" s="345">
        <v>0</v>
      </c>
      <c r="LA18" s="349">
        <v>0</v>
      </c>
      <c r="LB18" s="404">
        <v>0</v>
      </c>
      <c r="LC18" s="345">
        <v>0</v>
      </c>
      <c r="LD18" s="345">
        <v>167937</v>
      </c>
      <c r="LE18" s="345">
        <v>0</v>
      </c>
      <c r="LF18" s="345">
        <v>202727</v>
      </c>
      <c r="LG18" s="345">
        <v>0</v>
      </c>
      <c r="LH18" s="349">
        <v>370664</v>
      </c>
      <c r="LI18" s="350">
        <v>370664</v>
      </c>
      <c r="LJ18" s="348">
        <v>0</v>
      </c>
      <c r="LK18" s="345">
        <v>0</v>
      </c>
      <c r="LL18" s="349">
        <v>0</v>
      </c>
      <c r="LM18" s="404">
        <v>0</v>
      </c>
      <c r="LN18" s="345">
        <v>0</v>
      </c>
      <c r="LO18" s="345">
        <v>0</v>
      </c>
      <c r="LP18" s="345">
        <v>0</v>
      </c>
      <c r="LQ18" s="345">
        <v>261598</v>
      </c>
      <c r="LR18" s="345">
        <v>0</v>
      </c>
      <c r="LS18" s="349">
        <v>261598</v>
      </c>
      <c r="LT18" s="347">
        <v>261598</v>
      </c>
      <c r="LU18" s="348">
        <v>0</v>
      </c>
      <c r="LV18" s="345">
        <v>0</v>
      </c>
      <c r="LW18" s="349">
        <v>0</v>
      </c>
      <c r="LX18" s="404">
        <v>0</v>
      </c>
      <c r="LY18" s="345">
        <v>0</v>
      </c>
      <c r="LZ18" s="345">
        <v>564389</v>
      </c>
      <c r="MA18" s="345">
        <v>240144</v>
      </c>
      <c r="MB18" s="345">
        <v>0</v>
      </c>
      <c r="MC18" s="345">
        <v>318913</v>
      </c>
      <c r="MD18" s="349">
        <v>1123446</v>
      </c>
      <c r="ME18" s="350">
        <v>1123446</v>
      </c>
      <c r="MF18" s="348">
        <v>0</v>
      </c>
      <c r="MG18" s="345">
        <v>0</v>
      </c>
      <c r="MH18" s="349">
        <v>0</v>
      </c>
      <c r="MI18" s="404">
        <v>0</v>
      </c>
      <c r="MJ18" s="345">
        <v>451465</v>
      </c>
      <c r="MK18" s="345">
        <v>869558</v>
      </c>
      <c r="ML18" s="345">
        <v>1752734</v>
      </c>
      <c r="MM18" s="345">
        <v>6656958</v>
      </c>
      <c r="MN18" s="345">
        <v>1426229</v>
      </c>
      <c r="MO18" s="349">
        <v>11156944</v>
      </c>
      <c r="MP18" s="354">
        <v>11156944</v>
      </c>
      <c r="MQ18" s="348">
        <v>0</v>
      </c>
      <c r="MR18" s="345">
        <v>0</v>
      </c>
      <c r="MS18" s="349">
        <v>0</v>
      </c>
      <c r="MT18" s="404">
        <v>0</v>
      </c>
      <c r="MU18" s="345">
        <v>0</v>
      </c>
      <c r="MV18" s="345">
        <v>0</v>
      </c>
      <c r="MW18" s="345">
        <v>473681</v>
      </c>
      <c r="MX18" s="345">
        <v>3411504</v>
      </c>
      <c r="MY18" s="345">
        <v>1163116</v>
      </c>
      <c r="MZ18" s="349">
        <v>5048301</v>
      </c>
      <c r="NA18" s="354">
        <v>5048301</v>
      </c>
      <c r="NB18" s="348">
        <v>0</v>
      </c>
      <c r="NC18" s="345">
        <v>0</v>
      </c>
      <c r="ND18" s="349">
        <v>0</v>
      </c>
      <c r="NE18" s="404">
        <v>0</v>
      </c>
      <c r="NF18" s="345">
        <v>451465</v>
      </c>
      <c r="NG18" s="345">
        <v>869558</v>
      </c>
      <c r="NH18" s="345">
        <v>1279053</v>
      </c>
      <c r="NI18" s="345">
        <v>2302469</v>
      </c>
      <c r="NJ18" s="345">
        <v>263113</v>
      </c>
      <c r="NK18" s="349">
        <v>5165658</v>
      </c>
      <c r="NL18" s="347">
        <v>5165658</v>
      </c>
      <c r="NM18" s="348">
        <v>0</v>
      </c>
      <c r="NN18" s="345">
        <v>0</v>
      </c>
      <c r="NO18" s="349">
        <v>0</v>
      </c>
      <c r="NP18" s="404">
        <v>0</v>
      </c>
      <c r="NQ18" s="345">
        <v>0</v>
      </c>
      <c r="NR18" s="345">
        <v>0</v>
      </c>
      <c r="NS18" s="345">
        <v>0</v>
      </c>
      <c r="NT18" s="345">
        <v>0</v>
      </c>
      <c r="NU18" s="345">
        <v>0</v>
      </c>
      <c r="NV18" s="349">
        <v>0</v>
      </c>
      <c r="NW18" s="350">
        <v>0</v>
      </c>
      <c r="NX18" s="348">
        <v>0</v>
      </c>
      <c r="NY18" s="345">
        <v>0</v>
      </c>
      <c r="NZ18" s="349">
        <v>0</v>
      </c>
      <c r="OA18" s="404">
        <v>0</v>
      </c>
      <c r="OB18" s="345">
        <v>0</v>
      </c>
      <c r="OC18" s="345">
        <v>0</v>
      </c>
      <c r="OD18" s="345">
        <v>0</v>
      </c>
      <c r="OE18" s="345">
        <v>942985</v>
      </c>
      <c r="OF18" s="345">
        <v>0</v>
      </c>
      <c r="OG18" s="349">
        <v>942985</v>
      </c>
      <c r="OH18" s="350">
        <v>942985</v>
      </c>
      <c r="OI18" s="348">
        <v>989022</v>
      </c>
      <c r="OJ18" s="345">
        <v>1870112</v>
      </c>
      <c r="OK18" s="346">
        <v>2859134</v>
      </c>
      <c r="OL18" s="351">
        <v>0</v>
      </c>
      <c r="OM18" s="345">
        <v>8093324</v>
      </c>
      <c r="ON18" s="345">
        <v>12702648</v>
      </c>
      <c r="OO18" s="345">
        <v>8428451</v>
      </c>
      <c r="OP18" s="345">
        <v>18451189</v>
      </c>
      <c r="OQ18" s="345">
        <v>8107592</v>
      </c>
      <c r="OR18" s="349">
        <v>55783204</v>
      </c>
      <c r="OS18" s="354">
        <v>58642338</v>
      </c>
    </row>
    <row r="19" spans="2:409" s="70" customFormat="1" ht="21" customHeight="1" x14ac:dyDescent="0.2">
      <c r="B19" s="106" t="s">
        <v>13</v>
      </c>
      <c r="C19" s="326">
        <v>265379</v>
      </c>
      <c r="D19" s="327">
        <v>745597</v>
      </c>
      <c r="E19" s="328">
        <v>1010976</v>
      </c>
      <c r="F19" s="326">
        <v>0</v>
      </c>
      <c r="G19" s="366">
        <v>4436872</v>
      </c>
      <c r="H19" s="327">
        <v>5922819</v>
      </c>
      <c r="I19" s="327">
        <v>3733501</v>
      </c>
      <c r="J19" s="327">
        <v>4259697</v>
      </c>
      <c r="K19" s="327">
        <v>4904211</v>
      </c>
      <c r="L19" s="331">
        <v>23257100</v>
      </c>
      <c r="M19" s="330">
        <v>24268076</v>
      </c>
      <c r="N19" s="326">
        <v>68437</v>
      </c>
      <c r="O19" s="327">
        <v>142535</v>
      </c>
      <c r="P19" s="328">
        <v>210972</v>
      </c>
      <c r="Q19" s="326">
        <v>0</v>
      </c>
      <c r="R19" s="327">
        <v>1904188</v>
      </c>
      <c r="S19" s="327">
        <v>2888091</v>
      </c>
      <c r="T19" s="327">
        <v>1477378</v>
      </c>
      <c r="U19" s="327">
        <v>1440587</v>
      </c>
      <c r="V19" s="327">
        <v>3250965</v>
      </c>
      <c r="W19" s="328">
        <v>10961209</v>
      </c>
      <c r="X19" s="330">
        <v>11172181</v>
      </c>
      <c r="Y19" s="326">
        <v>0</v>
      </c>
      <c r="Z19" s="327">
        <v>0</v>
      </c>
      <c r="AA19" s="328">
        <v>0</v>
      </c>
      <c r="AB19" s="326">
        <v>0</v>
      </c>
      <c r="AC19" s="327">
        <v>681113</v>
      </c>
      <c r="AD19" s="327">
        <v>1593016</v>
      </c>
      <c r="AE19" s="327">
        <v>688316</v>
      </c>
      <c r="AF19" s="327">
        <v>956764</v>
      </c>
      <c r="AG19" s="327">
        <v>2473430</v>
      </c>
      <c r="AH19" s="328">
        <v>6392639</v>
      </c>
      <c r="AI19" s="330">
        <v>6392639</v>
      </c>
      <c r="AJ19" s="326">
        <v>0</v>
      </c>
      <c r="AK19" s="327">
        <v>0</v>
      </c>
      <c r="AL19" s="328">
        <v>0</v>
      </c>
      <c r="AM19" s="326">
        <v>0</v>
      </c>
      <c r="AN19" s="327">
        <v>0</v>
      </c>
      <c r="AO19" s="327">
        <v>52546</v>
      </c>
      <c r="AP19" s="327">
        <v>0</v>
      </c>
      <c r="AQ19" s="327">
        <v>42851</v>
      </c>
      <c r="AR19" s="327">
        <v>147851</v>
      </c>
      <c r="AS19" s="328">
        <v>243248</v>
      </c>
      <c r="AT19" s="330">
        <v>243248</v>
      </c>
      <c r="AU19" s="326">
        <v>12087</v>
      </c>
      <c r="AV19" s="327">
        <v>52550</v>
      </c>
      <c r="AW19" s="328">
        <v>64637</v>
      </c>
      <c r="AX19" s="326">
        <v>0</v>
      </c>
      <c r="AY19" s="327">
        <v>855448</v>
      </c>
      <c r="AZ19" s="327">
        <v>758319</v>
      </c>
      <c r="BA19" s="327">
        <v>545563</v>
      </c>
      <c r="BB19" s="327">
        <v>199686</v>
      </c>
      <c r="BC19" s="327">
        <v>284164</v>
      </c>
      <c r="BD19" s="328">
        <v>2643180</v>
      </c>
      <c r="BE19" s="330">
        <v>2707817</v>
      </c>
      <c r="BF19" s="326">
        <v>0</v>
      </c>
      <c r="BG19" s="327">
        <v>0</v>
      </c>
      <c r="BH19" s="331">
        <v>0</v>
      </c>
      <c r="BI19" s="332">
        <v>0</v>
      </c>
      <c r="BJ19" s="327">
        <v>19251</v>
      </c>
      <c r="BK19" s="327">
        <v>34145</v>
      </c>
      <c r="BL19" s="327">
        <v>28564</v>
      </c>
      <c r="BM19" s="327">
        <v>12729</v>
      </c>
      <c r="BN19" s="327">
        <v>119168</v>
      </c>
      <c r="BO19" s="328">
        <v>213857</v>
      </c>
      <c r="BP19" s="330">
        <v>213857</v>
      </c>
      <c r="BQ19" s="326">
        <v>56350</v>
      </c>
      <c r="BR19" s="327">
        <v>89985</v>
      </c>
      <c r="BS19" s="328">
        <v>146335</v>
      </c>
      <c r="BT19" s="326">
        <v>0</v>
      </c>
      <c r="BU19" s="327">
        <v>348376</v>
      </c>
      <c r="BV19" s="327">
        <v>450065</v>
      </c>
      <c r="BW19" s="327">
        <v>214935</v>
      </c>
      <c r="BX19" s="327">
        <v>228557</v>
      </c>
      <c r="BY19" s="327">
        <v>226352</v>
      </c>
      <c r="BZ19" s="328">
        <v>1468285</v>
      </c>
      <c r="CA19" s="330">
        <v>1614620</v>
      </c>
      <c r="CB19" s="326">
        <v>38188</v>
      </c>
      <c r="CC19" s="327">
        <v>0</v>
      </c>
      <c r="CD19" s="328">
        <v>38188</v>
      </c>
      <c r="CE19" s="326">
        <v>0</v>
      </c>
      <c r="CF19" s="327">
        <v>707339</v>
      </c>
      <c r="CG19" s="327">
        <v>1081824</v>
      </c>
      <c r="CH19" s="327">
        <v>525583</v>
      </c>
      <c r="CI19" s="327">
        <v>544873</v>
      </c>
      <c r="CJ19" s="327">
        <v>76245</v>
      </c>
      <c r="CK19" s="328">
        <v>2935864</v>
      </c>
      <c r="CL19" s="330">
        <v>2974052</v>
      </c>
      <c r="CM19" s="326">
        <v>0</v>
      </c>
      <c r="CN19" s="327">
        <v>0</v>
      </c>
      <c r="CO19" s="328">
        <v>0</v>
      </c>
      <c r="CP19" s="332">
        <v>0</v>
      </c>
      <c r="CQ19" s="327">
        <v>649339</v>
      </c>
      <c r="CR19" s="327">
        <v>774425</v>
      </c>
      <c r="CS19" s="327">
        <v>382986</v>
      </c>
      <c r="CT19" s="327">
        <v>85861</v>
      </c>
      <c r="CU19" s="327">
        <v>8471</v>
      </c>
      <c r="CV19" s="328">
        <v>1901082</v>
      </c>
      <c r="CW19" s="330">
        <v>1901082</v>
      </c>
      <c r="CX19" s="326">
        <v>38188</v>
      </c>
      <c r="CY19" s="327">
        <v>0</v>
      </c>
      <c r="CZ19" s="328">
        <v>38188</v>
      </c>
      <c r="DA19" s="326">
        <v>0</v>
      </c>
      <c r="DB19" s="327">
        <v>58000</v>
      </c>
      <c r="DC19" s="327">
        <v>307399</v>
      </c>
      <c r="DD19" s="327">
        <v>142597</v>
      </c>
      <c r="DE19" s="327">
        <v>459012</v>
      </c>
      <c r="DF19" s="327">
        <v>67774</v>
      </c>
      <c r="DG19" s="328">
        <v>1034782</v>
      </c>
      <c r="DH19" s="330">
        <v>1072970</v>
      </c>
      <c r="DI19" s="326">
        <v>0</v>
      </c>
      <c r="DJ19" s="327">
        <v>0</v>
      </c>
      <c r="DK19" s="331">
        <v>0</v>
      </c>
      <c r="DL19" s="332">
        <v>0</v>
      </c>
      <c r="DM19" s="327">
        <v>0</v>
      </c>
      <c r="DN19" s="327">
        <v>184293</v>
      </c>
      <c r="DO19" s="327">
        <v>0</v>
      </c>
      <c r="DP19" s="327">
        <v>230899</v>
      </c>
      <c r="DQ19" s="327">
        <v>0</v>
      </c>
      <c r="DR19" s="328">
        <v>415192</v>
      </c>
      <c r="DS19" s="330">
        <v>415192</v>
      </c>
      <c r="DT19" s="326">
        <v>0</v>
      </c>
      <c r="DU19" s="327">
        <v>0</v>
      </c>
      <c r="DV19" s="328">
        <v>0</v>
      </c>
      <c r="DW19" s="326">
        <v>0</v>
      </c>
      <c r="DX19" s="327">
        <v>0</v>
      </c>
      <c r="DY19" s="327">
        <v>184293</v>
      </c>
      <c r="DZ19" s="327">
        <v>0</v>
      </c>
      <c r="EA19" s="327">
        <v>230899</v>
      </c>
      <c r="EB19" s="327">
        <v>0</v>
      </c>
      <c r="EC19" s="328">
        <v>415192</v>
      </c>
      <c r="ED19" s="330">
        <v>415192</v>
      </c>
      <c r="EE19" s="326">
        <v>0</v>
      </c>
      <c r="EF19" s="331">
        <v>0</v>
      </c>
      <c r="EG19" s="328">
        <v>0</v>
      </c>
      <c r="EH19" s="326">
        <v>0</v>
      </c>
      <c r="EI19" s="327">
        <v>0</v>
      </c>
      <c r="EJ19" s="327">
        <v>0</v>
      </c>
      <c r="EK19" s="327">
        <v>0</v>
      </c>
      <c r="EL19" s="327">
        <v>0</v>
      </c>
      <c r="EM19" s="327">
        <v>0</v>
      </c>
      <c r="EN19" s="331">
        <v>0</v>
      </c>
      <c r="EO19" s="330">
        <v>0</v>
      </c>
      <c r="EP19" s="326">
        <v>0</v>
      </c>
      <c r="EQ19" s="327">
        <v>0</v>
      </c>
      <c r="ER19" s="331">
        <v>0</v>
      </c>
      <c r="ES19" s="332">
        <v>0</v>
      </c>
      <c r="ET19" s="327">
        <v>0</v>
      </c>
      <c r="EU19" s="327">
        <v>0</v>
      </c>
      <c r="EV19" s="327">
        <v>0</v>
      </c>
      <c r="EW19" s="327">
        <v>0</v>
      </c>
      <c r="EX19" s="327">
        <v>0</v>
      </c>
      <c r="EY19" s="328">
        <v>0</v>
      </c>
      <c r="EZ19" s="330">
        <v>0</v>
      </c>
      <c r="FA19" s="326">
        <v>0</v>
      </c>
      <c r="FB19" s="327">
        <v>0</v>
      </c>
      <c r="FC19" s="331">
        <v>0</v>
      </c>
      <c r="FD19" s="404">
        <v>0</v>
      </c>
      <c r="FE19" s="327">
        <v>0</v>
      </c>
      <c r="FF19" s="327">
        <v>0</v>
      </c>
      <c r="FG19" s="327">
        <v>0</v>
      </c>
      <c r="FH19" s="327">
        <v>0</v>
      </c>
      <c r="FI19" s="327">
        <v>0</v>
      </c>
      <c r="FJ19" s="328">
        <v>0</v>
      </c>
      <c r="FK19" s="330">
        <v>0</v>
      </c>
      <c r="FL19" s="326">
        <v>10178</v>
      </c>
      <c r="FM19" s="327">
        <v>169869</v>
      </c>
      <c r="FN19" s="328">
        <v>180047</v>
      </c>
      <c r="FO19" s="326">
        <v>0</v>
      </c>
      <c r="FP19" s="327">
        <v>208635</v>
      </c>
      <c r="FQ19" s="327">
        <v>614782</v>
      </c>
      <c r="FR19" s="327">
        <v>309029</v>
      </c>
      <c r="FS19" s="327">
        <v>233366</v>
      </c>
      <c r="FT19" s="327">
        <v>380331</v>
      </c>
      <c r="FU19" s="328">
        <v>1746143</v>
      </c>
      <c r="FV19" s="330">
        <v>1926190</v>
      </c>
      <c r="FW19" s="333">
        <v>10178</v>
      </c>
      <c r="FX19" s="327">
        <v>124964</v>
      </c>
      <c r="FY19" s="331">
        <v>135142</v>
      </c>
      <c r="FZ19" s="332">
        <v>0</v>
      </c>
      <c r="GA19" s="327">
        <v>161203</v>
      </c>
      <c r="GB19" s="327">
        <v>453607</v>
      </c>
      <c r="GC19" s="327">
        <v>283045</v>
      </c>
      <c r="GD19" s="327">
        <v>233366</v>
      </c>
      <c r="GE19" s="327">
        <v>243026</v>
      </c>
      <c r="GF19" s="328">
        <v>1374247</v>
      </c>
      <c r="GG19" s="334">
        <v>1509389</v>
      </c>
      <c r="GH19" s="333">
        <v>0</v>
      </c>
      <c r="GI19" s="327">
        <v>12705</v>
      </c>
      <c r="GJ19" s="331">
        <v>12705</v>
      </c>
      <c r="GK19" s="332">
        <v>0</v>
      </c>
      <c r="GL19" s="327">
        <v>47432</v>
      </c>
      <c r="GM19" s="327">
        <v>21175</v>
      </c>
      <c r="GN19" s="327">
        <v>25984</v>
      </c>
      <c r="GO19" s="327">
        <v>0</v>
      </c>
      <c r="GP19" s="327">
        <v>12705</v>
      </c>
      <c r="GQ19" s="328">
        <v>107296</v>
      </c>
      <c r="GR19" s="330">
        <v>120001</v>
      </c>
      <c r="GS19" s="326">
        <v>0</v>
      </c>
      <c r="GT19" s="327">
        <v>32200</v>
      </c>
      <c r="GU19" s="328">
        <v>32200</v>
      </c>
      <c r="GV19" s="326">
        <v>0</v>
      </c>
      <c r="GW19" s="327">
        <v>0</v>
      </c>
      <c r="GX19" s="327">
        <v>140000</v>
      </c>
      <c r="GY19" s="327">
        <v>0</v>
      </c>
      <c r="GZ19" s="327">
        <v>0</v>
      </c>
      <c r="HA19" s="327">
        <v>124600</v>
      </c>
      <c r="HB19" s="331">
        <v>264600</v>
      </c>
      <c r="HC19" s="330">
        <v>296800</v>
      </c>
      <c r="HD19" s="326">
        <v>148576</v>
      </c>
      <c r="HE19" s="327">
        <v>433193</v>
      </c>
      <c r="HF19" s="331">
        <v>581769</v>
      </c>
      <c r="HG19" s="332">
        <v>0</v>
      </c>
      <c r="HH19" s="327">
        <v>1616710</v>
      </c>
      <c r="HI19" s="327">
        <v>1153829</v>
      </c>
      <c r="HJ19" s="327">
        <v>1421511</v>
      </c>
      <c r="HK19" s="327">
        <v>1809972</v>
      </c>
      <c r="HL19" s="327">
        <v>1196670</v>
      </c>
      <c r="HM19" s="328">
        <v>7198692</v>
      </c>
      <c r="HN19" s="329">
        <v>7780461</v>
      </c>
      <c r="HO19" s="333">
        <v>0</v>
      </c>
      <c r="HP19" s="327">
        <v>0</v>
      </c>
      <c r="HQ19" s="328">
        <v>0</v>
      </c>
      <c r="HR19" s="326">
        <v>0</v>
      </c>
      <c r="HS19" s="327">
        <v>0</v>
      </c>
      <c r="HT19" s="327">
        <v>0</v>
      </c>
      <c r="HU19" s="327">
        <v>0</v>
      </c>
      <c r="HV19" s="327">
        <v>0</v>
      </c>
      <c r="HW19" s="327">
        <v>0</v>
      </c>
      <c r="HX19" s="331">
        <v>0</v>
      </c>
      <c r="HY19" s="330">
        <v>0</v>
      </c>
      <c r="HZ19" s="335">
        <v>0</v>
      </c>
      <c r="IA19" s="336">
        <v>0</v>
      </c>
      <c r="IB19" s="337">
        <v>0</v>
      </c>
      <c r="IC19" s="338">
        <v>0</v>
      </c>
      <c r="ID19" s="336">
        <v>634560</v>
      </c>
      <c r="IE19" s="339">
        <v>679561</v>
      </c>
      <c r="IF19" s="337">
        <v>989758</v>
      </c>
      <c r="IG19" s="336">
        <v>125743</v>
      </c>
      <c r="IH19" s="337">
        <v>81266</v>
      </c>
      <c r="II19" s="340">
        <v>2510888</v>
      </c>
      <c r="IJ19" s="341">
        <v>2510888</v>
      </c>
      <c r="IK19" s="342">
        <v>0</v>
      </c>
      <c r="IL19" s="343">
        <v>0</v>
      </c>
      <c r="IM19" s="344">
        <v>0</v>
      </c>
      <c r="IN19" s="404">
        <v>0</v>
      </c>
      <c r="IO19" s="345">
        <v>0</v>
      </c>
      <c r="IP19" s="345">
        <v>0</v>
      </c>
      <c r="IQ19" s="345">
        <v>0</v>
      </c>
      <c r="IR19" s="345">
        <v>0</v>
      </c>
      <c r="IS19" s="345">
        <v>0</v>
      </c>
      <c r="IT19" s="346">
        <v>0</v>
      </c>
      <c r="IU19" s="347">
        <v>0</v>
      </c>
      <c r="IV19" s="348">
        <v>0</v>
      </c>
      <c r="IW19" s="345">
        <v>0</v>
      </c>
      <c r="IX19" s="349">
        <v>0</v>
      </c>
      <c r="IY19" s="404">
        <v>0</v>
      </c>
      <c r="IZ19" s="345">
        <v>0</v>
      </c>
      <c r="JA19" s="345">
        <v>0</v>
      </c>
      <c r="JB19" s="345">
        <v>0</v>
      </c>
      <c r="JC19" s="345">
        <v>0</v>
      </c>
      <c r="JD19" s="345">
        <v>0</v>
      </c>
      <c r="JE19" s="349">
        <v>0</v>
      </c>
      <c r="JF19" s="350">
        <v>0</v>
      </c>
      <c r="JG19" s="348">
        <v>0</v>
      </c>
      <c r="JH19" s="345">
        <v>0</v>
      </c>
      <c r="JI19" s="346">
        <v>0</v>
      </c>
      <c r="JJ19" s="351">
        <v>0</v>
      </c>
      <c r="JK19" s="345">
        <v>414504</v>
      </c>
      <c r="JL19" s="345">
        <v>546664</v>
      </c>
      <c r="JM19" s="345">
        <v>589214</v>
      </c>
      <c r="JN19" s="345">
        <v>125743</v>
      </c>
      <c r="JO19" s="345">
        <v>81266</v>
      </c>
      <c r="JP19" s="349">
        <v>1757391</v>
      </c>
      <c r="JQ19" s="347">
        <v>1757391</v>
      </c>
      <c r="JR19" s="348">
        <v>0</v>
      </c>
      <c r="JS19" s="345">
        <v>0</v>
      </c>
      <c r="JT19" s="346">
        <v>0</v>
      </c>
      <c r="JU19" s="351">
        <v>0</v>
      </c>
      <c r="JV19" s="345">
        <v>0</v>
      </c>
      <c r="JW19" s="345">
        <v>132897</v>
      </c>
      <c r="JX19" s="345">
        <v>0</v>
      </c>
      <c r="JY19" s="345">
        <v>0</v>
      </c>
      <c r="JZ19" s="345">
        <v>0</v>
      </c>
      <c r="KA19" s="349">
        <v>132897</v>
      </c>
      <c r="KB19" s="347">
        <v>132897</v>
      </c>
      <c r="KC19" s="352">
        <v>0</v>
      </c>
      <c r="KD19" s="353">
        <v>0</v>
      </c>
      <c r="KE19" s="349">
        <v>0</v>
      </c>
      <c r="KF19" s="351">
        <v>0</v>
      </c>
      <c r="KG19" s="345">
        <v>0</v>
      </c>
      <c r="KH19" s="345">
        <v>0</v>
      </c>
      <c r="KI19" s="345">
        <v>223680</v>
      </c>
      <c r="KJ19" s="345">
        <v>0</v>
      </c>
      <c r="KK19" s="345">
        <v>0</v>
      </c>
      <c r="KL19" s="349">
        <v>223680</v>
      </c>
      <c r="KM19" s="354">
        <v>223680</v>
      </c>
      <c r="KN19" s="342">
        <v>0</v>
      </c>
      <c r="KO19" s="343">
        <v>0</v>
      </c>
      <c r="KP19" s="344">
        <v>0</v>
      </c>
      <c r="KQ19" s="404">
        <v>0</v>
      </c>
      <c r="KR19" s="345">
        <v>220056</v>
      </c>
      <c r="KS19" s="345">
        <v>0</v>
      </c>
      <c r="KT19" s="345">
        <v>0</v>
      </c>
      <c r="KU19" s="345">
        <v>0</v>
      </c>
      <c r="KV19" s="345">
        <v>0</v>
      </c>
      <c r="KW19" s="349">
        <v>220056</v>
      </c>
      <c r="KX19" s="347">
        <v>220056</v>
      </c>
      <c r="KY19" s="348">
        <v>0</v>
      </c>
      <c r="KZ19" s="345">
        <v>0</v>
      </c>
      <c r="LA19" s="349">
        <v>0</v>
      </c>
      <c r="LB19" s="404">
        <v>0</v>
      </c>
      <c r="LC19" s="345">
        <v>0</v>
      </c>
      <c r="LD19" s="345">
        <v>0</v>
      </c>
      <c r="LE19" s="345">
        <v>176864</v>
      </c>
      <c r="LF19" s="345">
        <v>0</v>
      </c>
      <c r="LG19" s="345">
        <v>0</v>
      </c>
      <c r="LH19" s="349">
        <v>176864</v>
      </c>
      <c r="LI19" s="350">
        <v>176864</v>
      </c>
      <c r="LJ19" s="348">
        <v>0</v>
      </c>
      <c r="LK19" s="345">
        <v>0</v>
      </c>
      <c r="LL19" s="349">
        <v>0</v>
      </c>
      <c r="LM19" s="404">
        <v>0</v>
      </c>
      <c r="LN19" s="345">
        <v>0</v>
      </c>
      <c r="LO19" s="345">
        <v>0</v>
      </c>
      <c r="LP19" s="345">
        <v>0</v>
      </c>
      <c r="LQ19" s="345">
        <v>0</v>
      </c>
      <c r="LR19" s="345">
        <v>0</v>
      </c>
      <c r="LS19" s="349">
        <v>0</v>
      </c>
      <c r="LT19" s="347">
        <v>0</v>
      </c>
      <c r="LU19" s="348">
        <v>0</v>
      </c>
      <c r="LV19" s="345">
        <v>0</v>
      </c>
      <c r="LW19" s="349">
        <v>0</v>
      </c>
      <c r="LX19" s="404">
        <v>0</v>
      </c>
      <c r="LY19" s="345">
        <v>0</v>
      </c>
      <c r="LZ19" s="345">
        <v>0</v>
      </c>
      <c r="MA19" s="345">
        <v>0</v>
      </c>
      <c r="MB19" s="345">
        <v>0</v>
      </c>
      <c r="MC19" s="345">
        <v>0</v>
      </c>
      <c r="MD19" s="349">
        <v>0</v>
      </c>
      <c r="ME19" s="350">
        <v>0</v>
      </c>
      <c r="MF19" s="348">
        <v>0</v>
      </c>
      <c r="MG19" s="345">
        <v>0</v>
      </c>
      <c r="MH19" s="349">
        <v>0</v>
      </c>
      <c r="MI19" s="404">
        <v>0</v>
      </c>
      <c r="MJ19" s="345">
        <v>0</v>
      </c>
      <c r="MK19" s="345">
        <v>38527</v>
      </c>
      <c r="ML19" s="345">
        <v>484925</v>
      </c>
      <c r="MM19" s="345">
        <v>3002349</v>
      </c>
      <c r="MN19" s="345">
        <v>1537921</v>
      </c>
      <c r="MO19" s="349">
        <v>5063722</v>
      </c>
      <c r="MP19" s="354">
        <v>5063722</v>
      </c>
      <c r="MQ19" s="348">
        <v>0</v>
      </c>
      <c r="MR19" s="345">
        <v>0</v>
      </c>
      <c r="MS19" s="349">
        <v>0</v>
      </c>
      <c r="MT19" s="404">
        <v>0</v>
      </c>
      <c r="MU19" s="345">
        <v>0</v>
      </c>
      <c r="MV19" s="345">
        <v>0</v>
      </c>
      <c r="MW19" s="345">
        <v>207144</v>
      </c>
      <c r="MX19" s="345">
        <v>1387061</v>
      </c>
      <c r="MY19" s="345">
        <v>1227079</v>
      </c>
      <c r="MZ19" s="349">
        <v>2821284</v>
      </c>
      <c r="NA19" s="354">
        <v>2821284</v>
      </c>
      <c r="NB19" s="348">
        <v>0</v>
      </c>
      <c r="NC19" s="345">
        <v>0</v>
      </c>
      <c r="ND19" s="349">
        <v>0</v>
      </c>
      <c r="NE19" s="404">
        <v>0</v>
      </c>
      <c r="NF19" s="345">
        <v>0</v>
      </c>
      <c r="NG19" s="345">
        <v>38527</v>
      </c>
      <c r="NH19" s="345">
        <v>277781</v>
      </c>
      <c r="NI19" s="345">
        <v>1615288</v>
      </c>
      <c r="NJ19" s="345">
        <v>310842</v>
      </c>
      <c r="NK19" s="349">
        <v>2242438</v>
      </c>
      <c r="NL19" s="347">
        <v>2242438</v>
      </c>
      <c r="NM19" s="348">
        <v>0</v>
      </c>
      <c r="NN19" s="345">
        <v>0</v>
      </c>
      <c r="NO19" s="349">
        <v>0</v>
      </c>
      <c r="NP19" s="404">
        <v>0</v>
      </c>
      <c r="NQ19" s="345">
        <v>0</v>
      </c>
      <c r="NR19" s="345">
        <v>0</v>
      </c>
      <c r="NS19" s="345">
        <v>0</v>
      </c>
      <c r="NT19" s="345">
        <v>0</v>
      </c>
      <c r="NU19" s="345">
        <v>0</v>
      </c>
      <c r="NV19" s="349">
        <v>0</v>
      </c>
      <c r="NW19" s="350">
        <v>0</v>
      </c>
      <c r="NX19" s="348">
        <v>0</v>
      </c>
      <c r="NY19" s="345">
        <v>0</v>
      </c>
      <c r="NZ19" s="349">
        <v>0</v>
      </c>
      <c r="OA19" s="404">
        <v>0</v>
      </c>
      <c r="OB19" s="345">
        <v>0</v>
      </c>
      <c r="OC19" s="345">
        <v>0</v>
      </c>
      <c r="OD19" s="345">
        <v>0</v>
      </c>
      <c r="OE19" s="345">
        <v>0</v>
      </c>
      <c r="OF19" s="345">
        <v>0</v>
      </c>
      <c r="OG19" s="349">
        <v>0</v>
      </c>
      <c r="OH19" s="350">
        <v>0</v>
      </c>
      <c r="OI19" s="348">
        <v>265379</v>
      </c>
      <c r="OJ19" s="345">
        <v>745597</v>
      </c>
      <c r="OK19" s="346">
        <v>1010976</v>
      </c>
      <c r="OL19" s="351">
        <v>0</v>
      </c>
      <c r="OM19" s="345">
        <v>5071432</v>
      </c>
      <c r="ON19" s="345">
        <v>6640907</v>
      </c>
      <c r="OO19" s="345">
        <v>5208184</v>
      </c>
      <c r="OP19" s="345">
        <v>7387789</v>
      </c>
      <c r="OQ19" s="345">
        <v>6523398</v>
      </c>
      <c r="OR19" s="349">
        <v>30831710</v>
      </c>
      <c r="OS19" s="354">
        <v>31842686</v>
      </c>
    </row>
    <row r="20" spans="2:409" s="70" customFormat="1" ht="21" customHeight="1" x14ac:dyDescent="0.2">
      <c r="B20" s="106" t="s">
        <v>15</v>
      </c>
      <c r="C20" s="326">
        <v>59301</v>
      </c>
      <c r="D20" s="327">
        <v>251310</v>
      </c>
      <c r="E20" s="328">
        <v>310611</v>
      </c>
      <c r="F20" s="329">
        <v>0</v>
      </c>
      <c r="G20" s="327">
        <v>1213031</v>
      </c>
      <c r="H20" s="327">
        <v>1259732</v>
      </c>
      <c r="I20" s="327">
        <v>883133</v>
      </c>
      <c r="J20" s="327">
        <v>1821734</v>
      </c>
      <c r="K20" s="327">
        <v>1467557</v>
      </c>
      <c r="L20" s="329">
        <v>6645187</v>
      </c>
      <c r="M20" s="330">
        <v>6955798</v>
      </c>
      <c r="N20" s="326">
        <v>0</v>
      </c>
      <c r="O20" s="327">
        <v>47568</v>
      </c>
      <c r="P20" s="328">
        <v>47568</v>
      </c>
      <c r="Q20" s="326">
        <v>0</v>
      </c>
      <c r="R20" s="327">
        <v>404196</v>
      </c>
      <c r="S20" s="327">
        <v>413839</v>
      </c>
      <c r="T20" s="327">
        <v>-154664</v>
      </c>
      <c r="U20" s="327">
        <v>630751</v>
      </c>
      <c r="V20" s="327">
        <v>453817</v>
      </c>
      <c r="W20" s="328">
        <v>1747939</v>
      </c>
      <c r="X20" s="330">
        <v>1795507</v>
      </c>
      <c r="Y20" s="326">
        <v>0</v>
      </c>
      <c r="Z20" s="327">
        <v>0</v>
      </c>
      <c r="AA20" s="328">
        <v>0</v>
      </c>
      <c r="AB20" s="326">
        <v>0</v>
      </c>
      <c r="AC20" s="327">
        <v>172750</v>
      </c>
      <c r="AD20" s="327">
        <v>221123</v>
      </c>
      <c r="AE20" s="327">
        <v>35792</v>
      </c>
      <c r="AF20" s="327">
        <v>459265</v>
      </c>
      <c r="AG20" s="327">
        <v>49852</v>
      </c>
      <c r="AH20" s="328">
        <v>938782</v>
      </c>
      <c r="AI20" s="330">
        <v>938782</v>
      </c>
      <c r="AJ20" s="326">
        <v>0</v>
      </c>
      <c r="AK20" s="327">
        <v>0</v>
      </c>
      <c r="AL20" s="328">
        <v>0</v>
      </c>
      <c r="AM20" s="326">
        <v>0</v>
      </c>
      <c r="AN20" s="327">
        <v>12170</v>
      </c>
      <c r="AO20" s="327">
        <v>0</v>
      </c>
      <c r="AP20" s="327">
        <v>52546</v>
      </c>
      <c r="AQ20" s="327">
        <v>21018</v>
      </c>
      <c r="AR20" s="327">
        <v>147130</v>
      </c>
      <c r="AS20" s="328">
        <v>232864</v>
      </c>
      <c r="AT20" s="330">
        <v>232864</v>
      </c>
      <c r="AU20" s="326">
        <v>0</v>
      </c>
      <c r="AV20" s="327">
        <v>47568</v>
      </c>
      <c r="AW20" s="328">
        <v>47568</v>
      </c>
      <c r="AX20" s="326">
        <v>0</v>
      </c>
      <c r="AY20" s="327">
        <v>130001</v>
      </c>
      <c r="AZ20" s="327">
        <v>103118</v>
      </c>
      <c r="BA20" s="327">
        <v>-276280</v>
      </c>
      <c r="BB20" s="327">
        <v>76940</v>
      </c>
      <c r="BC20" s="327">
        <v>128037</v>
      </c>
      <c r="BD20" s="328">
        <v>161816</v>
      </c>
      <c r="BE20" s="330">
        <v>209384</v>
      </c>
      <c r="BF20" s="326">
        <v>0</v>
      </c>
      <c r="BG20" s="327">
        <v>0</v>
      </c>
      <c r="BH20" s="331">
        <v>0</v>
      </c>
      <c r="BI20" s="332">
        <v>0</v>
      </c>
      <c r="BJ20" s="327">
        <v>28116</v>
      </c>
      <c r="BK20" s="327">
        <v>28250</v>
      </c>
      <c r="BL20" s="327">
        <v>0</v>
      </c>
      <c r="BM20" s="327">
        <v>0</v>
      </c>
      <c r="BN20" s="327">
        <v>35145</v>
      </c>
      <c r="BO20" s="328">
        <v>91511</v>
      </c>
      <c r="BP20" s="330">
        <v>91511</v>
      </c>
      <c r="BQ20" s="326">
        <v>0</v>
      </c>
      <c r="BR20" s="327">
        <v>0</v>
      </c>
      <c r="BS20" s="328">
        <v>0</v>
      </c>
      <c r="BT20" s="326">
        <v>0</v>
      </c>
      <c r="BU20" s="327">
        <v>61159</v>
      </c>
      <c r="BV20" s="327">
        <v>61348</v>
      </c>
      <c r="BW20" s="327">
        <v>33278</v>
      </c>
      <c r="BX20" s="327">
        <v>73528</v>
      </c>
      <c r="BY20" s="327">
        <v>93653</v>
      </c>
      <c r="BZ20" s="328">
        <v>322966</v>
      </c>
      <c r="CA20" s="330">
        <v>322966</v>
      </c>
      <c r="CB20" s="326">
        <v>0</v>
      </c>
      <c r="CC20" s="327">
        <v>0</v>
      </c>
      <c r="CD20" s="328">
        <v>0</v>
      </c>
      <c r="CE20" s="326">
        <v>0</v>
      </c>
      <c r="CF20" s="327">
        <v>66489</v>
      </c>
      <c r="CG20" s="327">
        <v>280786</v>
      </c>
      <c r="CH20" s="327">
        <v>467168</v>
      </c>
      <c r="CI20" s="327">
        <v>124998</v>
      </c>
      <c r="CJ20" s="327">
        <v>105079</v>
      </c>
      <c r="CK20" s="328">
        <v>1044520</v>
      </c>
      <c r="CL20" s="330">
        <v>1044520</v>
      </c>
      <c r="CM20" s="326">
        <v>0</v>
      </c>
      <c r="CN20" s="327">
        <v>0</v>
      </c>
      <c r="CO20" s="328">
        <v>0</v>
      </c>
      <c r="CP20" s="332">
        <v>0</v>
      </c>
      <c r="CQ20" s="327">
        <v>66489</v>
      </c>
      <c r="CR20" s="327">
        <v>145248</v>
      </c>
      <c r="CS20" s="327">
        <v>325264</v>
      </c>
      <c r="CT20" s="327">
        <v>40984</v>
      </c>
      <c r="CU20" s="327">
        <v>0</v>
      </c>
      <c r="CV20" s="328">
        <v>577985</v>
      </c>
      <c r="CW20" s="330">
        <v>577985</v>
      </c>
      <c r="CX20" s="326">
        <v>0</v>
      </c>
      <c r="CY20" s="327">
        <v>0</v>
      </c>
      <c r="CZ20" s="328">
        <v>0</v>
      </c>
      <c r="DA20" s="326">
        <v>0</v>
      </c>
      <c r="DB20" s="327">
        <v>0</v>
      </c>
      <c r="DC20" s="327">
        <v>135538</v>
      </c>
      <c r="DD20" s="327">
        <v>141904</v>
      </c>
      <c r="DE20" s="327">
        <v>84014</v>
      </c>
      <c r="DF20" s="327">
        <v>105079</v>
      </c>
      <c r="DG20" s="328">
        <v>466535</v>
      </c>
      <c r="DH20" s="330">
        <v>466535</v>
      </c>
      <c r="DI20" s="326">
        <v>0</v>
      </c>
      <c r="DJ20" s="327">
        <v>0</v>
      </c>
      <c r="DK20" s="331">
        <v>0</v>
      </c>
      <c r="DL20" s="332">
        <v>0</v>
      </c>
      <c r="DM20" s="327">
        <v>0</v>
      </c>
      <c r="DN20" s="327">
        <v>135648</v>
      </c>
      <c r="DO20" s="327">
        <v>149633</v>
      </c>
      <c r="DP20" s="327">
        <v>275270</v>
      </c>
      <c r="DQ20" s="327">
        <v>61068</v>
      </c>
      <c r="DR20" s="328">
        <v>621619</v>
      </c>
      <c r="DS20" s="330">
        <v>621619</v>
      </c>
      <c r="DT20" s="326">
        <v>0</v>
      </c>
      <c r="DU20" s="327">
        <v>0</v>
      </c>
      <c r="DV20" s="328">
        <v>0</v>
      </c>
      <c r="DW20" s="326">
        <v>0</v>
      </c>
      <c r="DX20" s="327">
        <v>0</v>
      </c>
      <c r="DY20" s="327">
        <v>96228</v>
      </c>
      <c r="DZ20" s="327">
        <v>149633</v>
      </c>
      <c r="EA20" s="327">
        <v>275270</v>
      </c>
      <c r="EB20" s="327">
        <v>61068</v>
      </c>
      <c r="EC20" s="328">
        <v>582199</v>
      </c>
      <c r="ED20" s="330">
        <v>582199</v>
      </c>
      <c r="EE20" s="326">
        <v>0</v>
      </c>
      <c r="EF20" s="331">
        <v>0</v>
      </c>
      <c r="EG20" s="328">
        <v>0</v>
      </c>
      <c r="EH20" s="326">
        <v>0</v>
      </c>
      <c r="EI20" s="327">
        <v>0</v>
      </c>
      <c r="EJ20" s="327">
        <v>39420</v>
      </c>
      <c r="EK20" s="327">
        <v>0</v>
      </c>
      <c r="EL20" s="327">
        <v>0</v>
      </c>
      <c r="EM20" s="327">
        <v>0</v>
      </c>
      <c r="EN20" s="331">
        <v>39420</v>
      </c>
      <c r="EO20" s="330">
        <v>39420</v>
      </c>
      <c r="EP20" s="326">
        <v>0</v>
      </c>
      <c r="EQ20" s="327">
        <v>0</v>
      </c>
      <c r="ER20" s="331">
        <v>0</v>
      </c>
      <c r="ES20" s="332">
        <v>0</v>
      </c>
      <c r="ET20" s="327">
        <v>0</v>
      </c>
      <c r="EU20" s="327">
        <v>0</v>
      </c>
      <c r="EV20" s="327">
        <v>0</v>
      </c>
      <c r="EW20" s="327">
        <v>0</v>
      </c>
      <c r="EX20" s="327">
        <v>0</v>
      </c>
      <c r="EY20" s="328">
        <v>0</v>
      </c>
      <c r="EZ20" s="330">
        <v>0</v>
      </c>
      <c r="FA20" s="326">
        <v>0</v>
      </c>
      <c r="FB20" s="327">
        <v>0</v>
      </c>
      <c r="FC20" s="331">
        <v>0</v>
      </c>
      <c r="FD20" s="404">
        <v>0</v>
      </c>
      <c r="FE20" s="327">
        <v>0</v>
      </c>
      <c r="FF20" s="327">
        <v>0</v>
      </c>
      <c r="FG20" s="327">
        <v>0</v>
      </c>
      <c r="FH20" s="327">
        <v>0</v>
      </c>
      <c r="FI20" s="327">
        <v>0</v>
      </c>
      <c r="FJ20" s="328">
        <v>0</v>
      </c>
      <c r="FK20" s="330">
        <v>0</v>
      </c>
      <c r="FL20" s="326">
        <v>5250</v>
      </c>
      <c r="FM20" s="327">
        <v>28560</v>
      </c>
      <c r="FN20" s="328">
        <v>33810</v>
      </c>
      <c r="FO20" s="326">
        <v>0</v>
      </c>
      <c r="FP20" s="327">
        <v>17080</v>
      </c>
      <c r="FQ20" s="327">
        <v>99568</v>
      </c>
      <c r="FR20" s="327">
        <v>55874</v>
      </c>
      <c r="FS20" s="327">
        <v>56616</v>
      </c>
      <c r="FT20" s="327">
        <v>94584</v>
      </c>
      <c r="FU20" s="328">
        <v>323722</v>
      </c>
      <c r="FV20" s="330">
        <v>357532</v>
      </c>
      <c r="FW20" s="333">
        <v>5250</v>
      </c>
      <c r="FX20" s="327">
        <v>28560</v>
      </c>
      <c r="FY20" s="331">
        <v>33810</v>
      </c>
      <c r="FZ20" s="332">
        <v>0</v>
      </c>
      <c r="GA20" s="327">
        <v>17080</v>
      </c>
      <c r="GB20" s="327">
        <v>99568</v>
      </c>
      <c r="GC20" s="327">
        <v>55874</v>
      </c>
      <c r="GD20" s="327">
        <v>56616</v>
      </c>
      <c r="GE20" s="327">
        <v>94584</v>
      </c>
      <c r="GF20" s="328">
        <v>323722</v>
      </c>
      <c r="GG20" s="334">
        <v>357532</v>
      </c>
      <c r="GH20" s="333">
        <v>0</v>
      </c>
      <c r="GI20" s="327">
        <v>0</v>
      </c>
      <c r="GJ20" s="331">
        <v>0</v>
      </c>
      <c r="GK20" s="332">
        <v>0</v>
      </c>
      <c r="GL20" s="327">
        <v>0</v>
      </c>
      <c r="GM20" s="327">
        <v>0</v>
      </c>
      <c r="GN20" s="327">
        <v>0</v>
      </c>
      <c r="GO20" s="327">
        <v>0</v>
      </c>
      <c r="GP20" s="327">
        <v>0</v>
      </c>
      <c r="GQ20" s="328">
        <v>0</v>
      </c>
      <c r="GR20" s="330">
        <v>0</v>
      </c>
      <c r="GS20" s="326">
        <v>0</v>
      </c>
      <c r="GT20" s="327">
        <v>0</v>
      </c>
      <c r="GU20" s="328">
        <v>0</v>
      </c>
      <c r="GV20" s="326">
        <v>0</v>
      </c>
      <c r="GW20" s="327">
        <v>0</v>
      </c>
      <c r="GX20" s="327">
        <v>0</v>
      </c>
      <c r="GY20" s="327">
        <v>0</v>
      </c>
      <c r="GZ20" s="327">
        <v>0</v>
      </c>
      <c r="HA20" s="327">
        <v>0</v>
      </c>
      <c r="HB20" s="331">
        <v>0</v>
      </c>
      <c r="HC20" s="330">
        <v>0</v>
      </c>
      <c r="HD20" s="326">
        <v>54051</v>
      </c>
      <c r="HE20" s="327">
        <v>175182</v>
      </c>
      <c r="HF20" s="331">
        <v>229233</v>
      </c>
      <c r="HG20" s="332">
        <v>0</v>
      </c>
      <c r="HH20" s="327">
        <v>725266</v>
      </c>
      <c r="HI20" s="327">
        <v>329891</v>
      </c>
      <c r="HJ20" s="327">
        <v>365122</v>
      </c>
      <c r="HK20" s="327">
        <v>734099</v>
      </c>
      <c r="HL20" s="327">
        <v>753009</v>
      </c>
      <c r="HM20" s="328">
        <v>2907387</v>
      </c>
      <c r="HN20" s="329">
        <v>3136620</v>
      </c>
      <c r="HO20" s="333">
        <v>0</v>
      </c>
      <c r="HP20" s="327">
        <v>0</v>
      </c>
      <c r="HQ20" s="328">
        <v>0</v>
      </c>
      <c r="HR20" s="326">
        <v>0</v>
      </c>
      <c r="HS20" s="327">
        <v>0</v>
      </c>
      <c r="HT20" s="327">
        <v>0</v>
      </c>
      <c r="HU20" s="327">
        <v>0</v>
      </c>
      <c r="HV20" s="327">
        <v>0</v>
      </c>
      <c r="HW20" s="327">
        <v>0</v>
      </c>
      <c r="HX20" s="331">
        <v>0</v>
      </c>
      <c r="HY20" s="330">
        <v>0</v>
      </c>
      <c r="HZ20" s="358">
        <v>0</v>
      </c>
      <c r="IA20" s="356">
        <v>0</v>
      </c>
      <c r="IB20" s="358">
        <v>0</v>
      </c>
      <c r="IC20" s="355">
        <v>0</v>
      </c>
      <c r="ID20" s="356">
        <v>227841</v>
      </c>
      <c r="IE20" s="357">
        <v>425110</v>
      </c>
      <c r="IF20" s="358">
        <v>122777</v>
      </c>
      <c r="IG20" s="356">
        <v>355964</v>
      </c>
      <c r="IH20" s="358">
        <v>143950</v>
      </c>
      <c r="II20" s="359">
        <v>1275642</v>
      </c>
      <c r="IJ20" s="358">
        <v>1275642</v>
      </c>
      <c r="IK20" s="342">
        <v>0</v>
      </c>
      <c r="IL20" s="343">
        <v>0</v>
      </c>
      <c r="IM20" s="344">
        <v>0</v>
      </c>
      <c r="IN20" s="404">
        <v>0</v>
      </c>
      <c r="IO20" s="345">
        <v>0</v>
      </c>
      <c r="IP20" s="345">
        <v>0</v>
      </c>
      <c r="IQ20" s="345">
        <v>0</v>
      </c>
      <c r="IR20" s="345">
        <v>0</v>
      </c>
      <c r="IS20" s="345">
        <v>0</v>
      </c>
      <c r="IT20" s="346">
        <v>0</v>
      </c>
      <c r="IU20" s="347">
        <v>0</v>
      </c>
      <c r="IV20" s="348">
        <v>0</v>
      </c>
      <c r="IW20" s="345">
        <v>0</v>
      </c>
      <c r="IX20" s="349">
        <v>0</v>
      </c>
      <c r="IY20" s="404">
        <v>0</v>
      </c>
      <c r="IZ20" s="345">
        <v>0</v>
      </c>
      <c r="JA20" s="345">
        <v>0</v>
      </c>
      <c r="JB20" s="345">
        <v>0</v>
      </c>
      <c r="JC20" s="345">
        <v>0</v>
      </c>
      <c r="JD20" s="345">
        <v>0</v>
      </c>
      <c r="JE20" s="349">
        <v>0</v>
      </c>
      <c r="JF20" s="350">
        <v>0</v>
      </c>
      <c r="JG20" s="348">
        <v>0</v>
      </c>
      <c r="JH20" s="345">
        <v>0</v>
      </c>
      <c r="JI20" s="346">
        <v>0</v>
      </c>
      <c r="JJ20" s="351">
        <v>0</v>
      </c>
      <c r="JK20" s="345">
        <v>227841</v>
      </c>
      <c r="JL20" s="345">
        <v>386480</v>
      </c>
      <c r="JM20" s="345">
        <v>122777</v>
      </c>
      <c r="JN20" s="345">
        <v>112219</v>
      </c>
      <c r="JO20" s="345">
        <v>143950</v>
      </c>
      <c r="JP20" s="349">
        <v>993267</v>
      </c>
      <c r="JQ20" s="347">
        <v>993267</v>
      </c>
      <c r="JR20" s="348">
        <v>0</v>
      </c>
      <c r="JS20" s="345">
        <v>0</v>
      </c>
      <c r="JT20" s="346">
        <v>0</v>
      </c>
      <c r="JU20" s="351">
        <v>0</v>
      </c>
      <c r="JV20" s="345">
        <v>0</v>
      </c>
      <c r="JW20" s="345">
        <v>0</v>
      </c>
      <c r="JX20" s="345">
        <v>0</v>
      </c>
      <c r="JY20" s="345">
        <v>0</v>
      </c>
      <c r="JZ20" s="345">
        <v>0</v>
      </c>
      <c r="KA20" s="349">
        <v>0</v>
      </c>
      <c r="KB20" s="347">
        <v>0</v>
      </c>
      <c r="KC20" s="352">
        <v>0</v>
      </c>
      <c r="KD20" s="353">
        <v>0</v>
      </c>
      <c r="KE20" s="349">
        <v>0</v>
      </c>
      <c r="KF20" s="351">
        <v>0</v>
      </c>
      <c r="KG20" s="345">
        <v>0</v>
      </c>
      <c r="KH20" s="345">
        <v>0</v>
      </c>
      <c r="KI20" s="345">
        <v>0</v>
      </c>
      <c r="KJ20" s="345">
        <v>0</v>
      </c>
      <c r="KK20" s="345">
        <v>0</v>
      </c>
      <c r="KL20" s="349">
        <v>0</v>
      </c>
      <c r="KM20" s="354">
        <v>0</v>
      </c>
      <c r="KN20" s="342">
        <v>0</v>
      </c>
      <c r="KO20" s="343">
        <v>0</v>
      </c>
      <c r="KP20" s="344">
        <v>0</v>
      </c>
      <c r="KQ20" s="404">
        <v>0</v>
      </c>
      <c r="KR20" s="345">
        <v>0</v>
      </c>
      <c r="KS20" s="345">
        <v>38630</v>
      </c>
      <c r="KT20" s="345">
        <v>0</v>
      </c>
      <c r="KU20" s="345">
        <v>90350</v>
      </c>
      <c r="KV20" s="345">
        <v>0</v>
      </c>
      <c r="KW20" s="349">
        <v>128980</v>
      </c>
      <c r="KX20" s="347">
        <v>128980</v>
      </c>
      <c r="KY20" s="348">
        <v>0</v>
      </c>
      <c r="KZ20" s="345">
        <v>0</v>
      </c>
      <c r="LA20" s="349">
        <v>0</v>
      </c>
      <c r="LB20" s="404">
        <v>0</v>
      </c>
      <c r="LC20" s="345">
        <v>0</v>
      </c>
      <c r="LD20" s="345">
        <v>0</v>
      </c>
      <c r="LE20" s="345">
        <v>0</v>
      </c>
      <c r="LF20" s="345">
        <v>0</v>
      </c>
      <c r="LG20" s="345">
        <v>0</v>
      </c>
      <c r="LH20" s="349">
        <v>0</v>
      </c>
      <c r="LI20" s="350">
        <v>0</v>
      </c>
      <c r="LJ20" s="348">
        <v>0</v>
      </c>
      <c r="LK20" s="345">
        <v>0</v>
      </c>
      <c r="LL20" s="349">
        <v>0</v>
      </c>
      <c r="LM20" s="404">
        <v>0</v>
      </c>
      <c r="LN20" s="345">
        <v>0</v>
      </c>
      <c r="LO20" s="345">
        <v>0</v>
      </c>
      <c r="LP20" s="345">
        <v>0</v>
      </c>
      <c r="LQ20" s="345">
        <v>153395</v>
      </c>
      <c r="LR20" s="345">
        <v>0</v>
      </c>
      <c r="LS20" s="349">
        <v>153395</v>
      </c>
      <c r="LT20" s="347">
        <v>153395</v>
      </c>
      <c r="LU20" s="348">
        <v>0</v>
      </c>
      <c r="LV20" s="345">
        <v>0</v>
      </c>
      <c r="LW20" s="349">
        <v>0</v>
      </c>
      <c r="LX20" s="404">
        <v>0</v>
      </c>
      <c r="LY20" s="345">
        <v>0</v>
      </c>
      <c r="LZ20" s="345">
        <v>0</v>
      </c>
      <c r="MA20" s="345">
        <v>0</v>
      </c>
      <c r="MB20" s="345">
        <v>0</v>
      </c>
      <c r="MC20" s="345">
        <v>0</v>
      </c>
      <c r="MD20" s="349">
        <v>0</v>
      </c>
      <c r="ME20" s="350">
        <v>0</v>
      </c>
      <c r="MF20" s="348">
        <v>0</v>
      </c>
      <c r="MG20" s="345">
        <v>0</v>
      </c>
      <c r="MH20" s="349">
        <v>0</v>
      </c>
      <c r="MI20" s="404">
        <v>0</v>
      </c>
      <c r="MJ20" s="345">
        <v>0</v>
      </c>
      <c r="MK20" s="345">
        <v>470037</v>
      </c>
      <c r="ML20" s="345">
        <v>252991</v>
      </c>
      <c r="MM20" s="345">
        <v>499421</v>
      </c>
      <c r="MN20" s="345">
        <v>272218</v>
      </c>
      <c r="MO20" s="349">
        <v>1494667</v>
      </c>
      <c r="MP20" s="354">
        <v>1494667</v>
      </c>
      <c r="MQ20" s="348">
        <v>0</v>
      </c>
      <c r="MR20" s="345">
        <v>0</v>
      </c>
      <c r="MS20" s="349">
        <v>0</v>
      </c>
      <c r="MT20" s="404">
        <v>0</v>
      </c>
      <c r="MU20" s="345">
        <v>0</v>
      </c>
      <c r="MV20" s="345">
        <v>0</v>
      </c>
      <c r="MW20" s="345">
        <v>0</v>
      </c>
      <c r="MX20" s="345">
        <v>294653</v>
      </c>
      <c r="MY20" s="345">
        <v>272218</v>
      </c>
      <c r="MZ20" s="349">
        <v>566871</v>
      </c>
      <c r="NA20" s="354">
        <v>566871</v>
      </c>
      <c r="NB20" s="348">
        <v>0</v>
      </c>
      <c r="NC20" s="345">
        <v>0</v>
      </c>
      <c r="ND20" s="349">
        <v>0</v>
      </c>
      <c r="NE20" s="404">
        <v>0</v>
      </c>
      <c r="NF20" s="345">
        <v>0</v>
      </c>
      <c r="NG20" s="345">
        <v>470037</v>
      </c>
      <c r="NH20" s="345">
        <v>252991</v>
      </c>
      <c r="NI20" s="345">
        <v>204768</v>
      </c>
      <c r="NJ20" s="345">
        <v>0</v>
      </c>
      <c r="NK20" s="349">
        <v>927796</v>
      </c>
      <c r="NL20" s="347">
        <v>927796</v>
      </c>
      <c r="NM20" s="348">
        <v>0</v>
      </c>
      <c r="NN20" s="345">
        <v>0</v>
      </c>
      <c r="NO20" s="349">
        <v>0</v>
      </c>
      <c r="NP20" s="404">
        <v>0</v>
      </c>
      <c r="NQ20" s="345">
        <v>0</v>
      </c>
      <c r="NR20" s="345">
        <v>0</v>
      </c>
      <c r="NS20" s="345">
        <v>0</v>
      </c>
      <c r="NT20" s="345">
        <v>0</v>
      </c>
      <c r="NU20" s="345">
        <v>0</v>
      </c>
      <c r="NV20" s="349">
        <v>0</v>
      </c>
      <c r="NW20" s="350">
        <v>0</v>
      </c>
      <c r="NX20" s="348">
        <v>0</v>
      </c>
      <c r="NY20" s="345">
        <v>0</v>
      </c>
      <c r="NZ20" s="349">
        <v>0</v>
      </c>
      <c r="OA20" s="404">
        <v>0</v>
      </c>
      <c r="OB20" s="345">
        <v>0</v>
      </c>
      <c r="OC20" s="345">
        <v>0</v>
      </c>
      <c r="OD20" s="345">
        <v>0</v>
      </c>
      <c r="OE20" s="345">
        <v>0</v>
      </c>
      <c r="OF20" s="345">
        <v>0</v>
      </c>
      <c r="OG20" s="349">
        <v>0</v>
      </c>
      <c r="OH20" s="350">
        <v>0</v>
      </c>
      <c r="OI20" s="348">
        <v>59301</v>
      </c>
      <c r="OJ20" s="345">
        <v>251310</v>
      </c>
      <c r="OK20" s="346">
        <v>310611</v>
      </c>
      <c r="OL20" s="351">
        <v>0</v>
      </c>
      <c r="OM20" s="345">
        <v>1440872</v>
      </c>
      <c r="ON20" s="345">
        <v>2154879</v>
      </c>
      <c r="OO20" s="345">
        <v>1258901</v>
      </c>
      <c r="OP20" s="345">
        <v>2677119</v>
      </c>
      <c r="OQ20" s="345">
        <v>1883725</v>
      </c>
      <c r="OR20" s="349">
        <v>9415496</v>
      </c>
      <c r="OS20" s="354">
        <v>9726107</v>
      </c>
    </row>
    <row r="21" spans="2:409" s="70" customFormat="1" ht="21" customHeight="1" x14ac:dyDescent="0.2">
      <c r="B21" s="106" t="s">
        <v>16</v>
      </c>
      <c r="C21" s="326">
        <v>427403</v>
      </c>
      <c r="D21" s="327">
        <v>449272</v>
      </c>
      <c r="E21" s="328">
        <v>876675</v>
      </c>
      <c r="F21" s="329">
        <v>0</v>
      </c>
      <c r="G21" s="327">
        <v>2898367</v>
      </c>
      <c r="H21" s="327">
        <v>5583069</v>
      </c>
      <c r="I21" s="327">
        <v>4110044</v>
      </c>
      <c r="J21" s="327">
        <v>4133920</v>
      </c>
      <c r="K21" s="327">
        <v>2116423</v>
      </c>
      <c r="L21" s="329">
        <v>18841823</v>
      </c>
      <c r="M21" s="330">
        <v>19718498</v>
      </c>
      <c r="N21" s="326">
        <v>119887</v>
      </c>
      <c r="O21" s="327">
        <v>101341</v>
      </c>
      <c r="P21" s="328">
        <v>221228</v>
      </c>
      <c r="Q21" s="326">
        <v>0</v>
      </c>
      <c r="R21" s="327">
        <v>379655</v>
      </c>
      <c r="S21" s="327">
        <v>1965143</v>
      </c>
      <c r="T21" s="327">
        <v>1153324</v>
      </c>
      <c r="U21" s="327">
        <v>899247</v>
      </c>
      <c r="V21" s="327">
        <v>581188</v>
      </c>
      <c r="W21" s="328">
        <v>4978557</v>
      </c>
      <c r="X21" s="330">
        <v>5199785</v>
      </c>
      <c r="Y21" s="326">
        <v>0</v>
      </c>
      <c r="Z21" s="327">
        <v>0</v>
      </c>
      <c r="AA21" s="328">
        <v>0</v>
      </c>
      <c r="AB21" s="326">
        <v>0</v>
      </c>
      <c r="AC21" s="327">
        <v>107247</v>
      </c>
      <c r="AD21" s="327">
        <v>1181251</v>
      </c>
      <c r="AE21" s="327">
        <v>493725</v>
      </c>
      <c r="AF21" s="327">
        <v>326680</v>
      </c>
      <c r="AG21" s="327">
        <v>199869</v>
      </c>
      <c r="AH21" s="328">
        <v>2308772</v>
      </c>
      <c r="AI21" s="330">
        <v>2308772</v>
      </c>
      <c r="AJ21" s="326">
        <v>0</v>
      </c>
      <c r="AK21" s="327">
        <v>0</v>
      </c>
      <c r="AL21" s="328">
        <v>0</v>
      </c>
      <c r="AM21" s="326">
        <v>0</v>
      </c>
      <c r="AN21" s="327">
        <v>0</v>
      </c>
      <c r="AO21" s="327">
        <v>0</v>
      </c>
      <c r="AP21" s="327">
        <v>0</v>
      </c>
      <c r="AQ21" s="327">
        <v>40408</v>
      </c>
      <c r="AR21" s="327">
        <v>90918</v>
      </c>
      <c r="AS21" s="328">
        <v>131326</v>
      </c>
      <c r="AT21" s="330">
        <v>131326</v>
      </c>
      <c r="AU21" s="326">
        <v>34732</v>
      </c>
      <c r="AV21" s="327">
        <v>101341</v>
      </c>
      <c r="AW21" s="328">
        <v>136073</v>
      </c>
      <c r="AX21" s="326">
        <v>0</v>
      </c>
      <c r="AY21" s="327">
        <v>103834</v>
      </c>
      <c r="AZ21" s="327">
        <v>567081</v>
      </c>
      <c r="BA21" s="327">
        <v>446771</v>
      </c>
      <c r="BB21" s="327">
        <v>402743</v>
      </c>
      <c r="BC21" s="327">
        <v>186900</v>
      </c>
      <c r="BD21" s="328">
        <v>1707329</v>
      </c>
      <c r="BE21" s="330">
        <v>1843402</v>
      </c>
      <c r="BF21" s="326">
        <v>43617</v>
      </c>
      <c r="BG21" s="327">
        <v>0</v>
      </c>
      <c r="BH21" s="331">
        <v>43617</v>
      </c>
      <c r="BI21" s="332">
        <v>0</v>
      </c>
      <c r="BJ21" s="327">
        <v>0</v>
      </c>
      <c r="BK21" s="327">
        <v>0</v>
      </c>
      <c r="BL21" s="327">
        <v>0</v>
      </c>
      <c r="BM21" s="327">
        <v>0</v>
      </c>
      <c r="BN21" s="327">
        <v>20803</v>
      </c>
      <c r="BO21" s="328">
        <v>20803</v>
      </c>
      <c r="BP21" s="330">
        <v>64420</v>
      </c>
      <c r="BQ21" s="326">
        <v>41538</v>
      </c>
      <c r="BR21" s="327">
        <v>0</v>
      </c>
      <c r="BS21" s="328">
        <v>41538</v>
      </c>
      <c r="BT21" s="326">
        <v>0</v>
      </c>
      <c r="BU21" s="327">
        <v>168574</v>
      </c>
      <c r="BV21" s="327">
        <v>216811</v>
      </c>
      <c r="BW21" s="327">
        <v>212828</v>
      </c>
      <c r="BX21" s="327">
        <v>129416</v>
      </c>
      <c r="BY21" s="327">
        <v>82698</v>
      </c>
      <c r="BZ21" s="328">
        <v>810327</v>
      </c>
      <c r="CA21" s="330">
        <v>851865</v>
      </c>
      <c r="CB21" s="326">
        <v>56131</v>
      </c>
      <c r="CC21" s="327">
        <v>203753</v>
      </c>
      <c r="CD21" s="328">
        <v>259884</v>
      </c>
      <c r="CE21" s="326">
        <v>0</v>
      </c>
      <c r="CF21" s="327">
        <v>1370338</v>
      </c>
      <c r="CG21" s="327">
        <v>2344734</v>
      </c>
      <c r="CH21" s="327">
        <v>686754</v>
      </c>
      <c r="CI21" s="327">
        <v>1142352</v>
      </c>
      <c r="CJ21" s="327">
        <v>197717</v>
      </c>
      <c r="CK21" s="328">
        <v>5741895</v>
      </c>
      <c r="CL21" s="330">
        <v>6001779</v>
      </c>
      <c r="CM21" s="326">
        <v>0</v>
      </c>
      <c r="CN21" s="327">
        <v>0</v>
      </c>
      <c r="CO21" s="328">
        <v>0</v>
      </c>
      <c r="CP21" s="332">
        <v>0</v>
      </c>
      <c r="CQ21" s="327">
        <v>980261</v>
      </c>
      <c r="CR21" s="327">
        <v>1398970</v>
      </c>
      <c r="CS21" s="327">
        <v>299460</v>
      </c>
      <c r="CT21" s="327">
        <v>856926</v>
      </c>
      <c r="CU21" s="327">
        <v>95095</v>
      </c>
      <c r="CV21" s="328">
        <v>3630712</v>
      </c>
      <c r="CW21" s="330">
        <v>3630712</v>
      </c>
      <c r="CX21" s="326">
        <v>56131</v>
      </c>
      <c r="CY21" s="327">
        <v>203753</v>
      </c>
      <c r="CZ21" s="328">
        <v>259884</v>
      </c>
      <c r="DA21" s="326">
        <v>0</v>
      </c>
      <c r="DB21" s="327">
        <v>390077</v>
      </c>
      <c r="DC21" s="327">
        <v>945764</v>
      </c>
      <c r="DD21" s="327">
        <v>387294</v>
      </c>
      <c r="DE21" s="327">
        <v>285426</v>
      </c>
      <c r="DF21" s="327">
        <v>102622</v>
      </c>
      <c r="DG21" s="328">
        <v>2111183</v>
      </c>
      <c r="DH21" s="330">
        <v>2371067</v>
      </c>
      <c r="DI21" s="326">
        <v>0</v>
      </c>
      <c r="DJ21" s="327">
        <v>12697</v>
      </c>
      <c r="DK21" s="331">
        <v>12697</v>
      </c>
      <c r="DL21" s="332">
        <v>0</v>
      </c>
      <c r="DM21" s="327">
        <v>25011</v>
      </c>
      <c r="DN21" s="327">
        <v>171147</v>
      </c>
      <c r="DO21" s="327">
        <v>0</v>
      </c>
      <c r="DP21" s="327">
        <v>91535</v>
      </c>
      <c r="DQ21" s="327">
        <v>0</v>
      </c>
      <c r="DR21" s="328">
        <v>287693</v>
      </c>
      <c r="DS21" s="330">
        <v>300390</v>
      </c>
      <c r="DT21" s="326">
        <v>0</v>
      </c>
      <c r="DU21" s="327">
        <v>12697</v>
      </c>
      <c r="DV21" s="328">
        <v>12697</v>
      </c>
      <c r="DW21" s="326">
        <v>0</v>
      </c>
      <c r="DX21" s="327">
        <v>25011</v>
      </c>
      <c r="DY21" s="327">
        <v>171147</v>
      </c>
      <c r="DZ21" s="327">
        <v>0</v>
      </c>
      <c r="EA21" s="327">
        <v>91535</v>
      </c>
      <c r="EB21" s="327">
        <v>0</v>
      </c>
      <c r="EC21" s="328">
        <v>287693</v>
      </c>
      <c r="ED21" s="330">
        <v>300390</v>
      </c>
      <c r="EE21" s="326">
        <v>0</v>
      </c>
      <c r="EF21" s="331">
        <v>0</v>
      </c>
      <c r="EG21" s="328">
        <v>0</v>
      </c>
      <c r="EH21" s="326">
        <v>0</v>
      </c>
      <c r="EI21" s="327">
        <v>0</v>
      </c>
      <c r="EJ21" s="327">
        <v>0</v>
      </c>
      <c r="EK21" s="327">
        <v>0</v>
      </c>
      <c r="EL21" s="327">
        <v>0</v>
      </c>
      <c r="EM21" s="327">
        <v>0</v>
      </c>
      <c r="EN21" s="331">
        <v>0</v>
      </c>
      <c r="EO21" s="330">
        <v>0</v>
      </c>
      <c r="EP21" s="326">
        <v>0</v>
      </c>
      <c r="EQ21" s="327">
        <v>0</v>
      </c>
      <c r="ER21" s="331">
        <v>0</v>
      </c>
      <c r="ES21" s="332">
        <v>0</v>
      </c>
      <c r="ET21" s="327">
        <v>0</v>
      </c>
      <c r="EU21" s="327">
        <v>0</v>
      </c>
      <c r="EV21" s="327">
        <v>0</v>
      </c>
      <c r="EW21" s="327">
        <v>0</v>
      </c>
      <c r="EX21" s="327">
        <v>0</v>
      </c>
      <c r="EY21" s="328">
        <v>0</v>
      </c>
      <c r="EZ21" s="330">
        <v>0</v>
      </c>
      <c r="FA21" s="326">
        <v>0</v>
      </c>
      <c r="FB21" s="327">
        <v>0</v>
      </c>
      <c r="FC21" s="331">
        <v>0</v>
      </c>
      <c r="FD21" s="404">
        <v>0</v>
      </c>
      <c r="FE21" s="327">
        <v>0</v>
      </c>
      <c r="FF21" s="327">
        <v>0</v>
      </c>
      <c r="FG21" s="327">
        <v>0</v>
      </c>
      <c r="FH21" s="327">
        <v>0</v>
      </c>
      <c r="FI21" s="327">
        <v>0</v>
      </c>
      <c r="FJ21" s="328">
        <v>0</v>
      </c>
      <c r="FK21" s="330">
        <v>0</v>
      </c>
      <c r="FL21" s="326">
        <v>46536</v>
      </c>
      <c r="FM21" s="327">
        <v>131481</v>
      </c>
      <c r="FN21" s="328">
        <v>178017</v>
      </c>
      <c r="FO21" s="326">
        <v>0</v>
      </c>
      <c r="FP21" s="327">
        <v>98497</v>
      </c>
      <c r="FQ21" s="327">
        <v>443415</v>
      </c>
      <c r="FR21" s="327">
        <v>274288</v>
      </c>
      <c r="FS21" s="327">
        <v>346024</v>
      </c>
      <c r="FT21" s="327">
        <v>194446</v>
      </c>
      <c r="FU21" s="328">
        <v>1356670</v>
      </c>
      <c r="FV21" s="330">
        <v>1534687</v>
      </c>
      <c r="FW21" s="333">
        <v>46536</v>
      </c>
      <c r="FX21" s="327">
        <v>53781</v>
      </c>
      <c r="FY21" s="331">
        <v>100317</v>
      </c>
      <c r="FZ21" s="332">
        <v>0</v>
      </c>
      <c r="GA21" s="327">
        <v>78477</v>
      </c>
      <c r="GB21" s="327">
        <v>408415</v>
      </c>
      <c r="GC21" s="327">
        <v>240688</v>
      </c>
      <c r="GD21" s="327">
        <v>264299</v>
      </c>
      <c r="GE21" s="327">
        <v>194446</v>
      </c>
      <c r="GF21" s="328">
        <v>1186325</v>
      </c>
      <c r="GG21" s="334">
        <v>1286642</v>
      </c>
      <c r="GH21" s="333">
        <v>0</v>
      </c>
      <c r="GI21" s="327">
        <v>0</v>
      </c>
      <c r="GJ21" s="331">
        <v>0</v>
      </c>
      <c r="GK21" s="332">
        <v>0</v>
      </c>
      <c r="GL21" s="327">
        <v>20020</v>
      </c>
      <c r="GM21" s="327">
        <v>0</v>
      </c>
      <c r="GN21" s="327">
        <v>0</v>
      </c>
      <c r="GO21" s="327">
        <v>48125</v>
      </c>
      <c r="GP21" s="327">
        <v>0</v>
      </c>
      <c r="GQ21" s="328">
        <v>68145</v>
      </c>
      <c r="GR21" s="330">
        <v>68145</v>
      </c>
      <c r="GS21" s="326">
        <v>0</v>
      </c>
      <c r="GT21" s="327">
        <v>77700</v>
      </c>
      <c r="GU21" s="328">
        <v>77700</v>
      </c>
      <c r="GV21" s="326">
        <v>0</v>
      </c>
      <c r="GW21" s="327">
        <v>0</v>
      </c>
      <c r="GX21" s="327">
        <v>35000</v>
      </c>
      <c r="GY21" s="327">
        <v>33600</v>
      </c>
      <c r="GZ21" s="327">
        <v>33600</v>
      </c>
      <c r="HA21" s="327">
        <v>0</v>
      </c>
      <c r="HB21" s="331">
        <v>102200</v>
      </c>
      <c r="HC21" s="330">
        <v>179900</v>
      </c>
      <c r="HD21" s="326">
        <v>204849</v>
      </c>
      <c r="HE21" s="327">
        <v>0</v>
      </c>
      <c r="HF21" s="331">
        <v>204849</v>
      </c>
      <c r="HG21" s="332">
        <v>0</v>
      </c>
      <c r="HH21" s="327">
        <v>1024866</v>
      </c>
      <c r="HI21" s="327">
        <v>658630</v>
      </c>
      <c r="HJ21" s="327">
        <v>1995678</v>
      </c>
      <c r="HK21" s="327">
        <v>1654762</v>
      </c>
      <c r="HL21" s="327">
        <v>1143072</v>
      </c>
      <c r="HM21" s="328">
        <v>6477008</v>
      </c>
      <c r="HN21" s="329">
        <v>6681857</v>
      </c>
      <c r="HO21" s="333">
        <v>0</v>
      </c>
      <c r="HP21" s="327">
        <v>0</v>
      </c>
      <c r="HQ21" s="328">
        <v>0</v>
      </c>
      <c r="HR21" s="326">
        <v>0</v>
      </c>
      <c r="HS21" s="327">
        <v>0</v>
      </c>
      <c r="HT21" s="327">
        <v>0</v>
      </c>
      <c r="HU21" s="327">
        <v>0</v>
      </c>
      <c r="HV21" s="327">
        <v>0</v>
      </c>
      <c r="HW21" s="327">
        <v>0</v>
      </c>
      <c r="HX21" s="331">
        <v>0</v>
      </c>
      <c r="HY21" s="330">
        <v>0</v>
      </c>
      <c r="HZ21" s="335">
        <v>0</v>
      </c>
      <c r="IA21" s="336">
        <v>0</v>
      </c>
      <c r="IB21" s="337">
        <v>0</v>
      </c>
      <c r="IC21" s="338">
        <v>0</v>
      </c>
      <c r="ID21" s="336">
        <v>827429</v>
      </c>
      <c r="IE21" s="339">
        <v>1361112</v>
      </c>
      <c r="IF21" s="337">
        <v>467879</v>
      </c>
      <c r="IG21" s="336">
        <v>202162</v>
      </c>
      <c r="IH21" s="337">
        <v>256389</v>
      </c>
      <c r="II21" s="340">
        <v>3114971</v>
      </c>
      <c r="IJ21" s="341">
        <v>3114971</v>
      </c>
      <c r="IK21" s="342">
        <v>0</v>
      </c>
      <c r="IL21" s="343">
        <v>0</v>
      </c>
      <c r="IM21" s="344">
        <v>0</v>
      </c>
      <c r="IN21" s="404">
        <v>0</v>
      </c>
      <c r="IO21" s="345">
        <v>0</v>
      </c>
      <c r="IP21" s="345">
        <v>0</v>
      </c>
      <c r="IQ21" s="345">
        <v>0</v>
      </c>
      <c r="IR21" s="345">
        <v>167049</v>
      </c>
      <c r="IS21" s="345">
        <v>0</v>
      </c>
      <c r="IT21" s="346">
        <v>167049</v>
      </c>
      <c r="IU21" s="347">
        <v>167049</v>
      </c>
      <c r="IV21" s="348">
        <v>0</v>
      </c>
      <c r="IW21" s="345">
        <v>0</v>
      </c>
      <c r="IX21" s="349">
        <v>0</v>
      </c>
      <c r="IY21" s="404">
        <v>0</v>
      </c>
      <c r="IZ21" s="345">
        <v>0</v>
      </c>
      <c r="JA21" s="345">
        <v>0</v>
      </c>
      <c r="JB21" s="345">
        <v>0</v>
      </c>
      <c r="JC21" s="345">
        <v>14273</v>
      </c>
      <c r="JD21" s="345">
        <v>0</v>
      </c>
      <c r="JE21" s="349">
        <v>14273</v>
      </c>
      <c r="JF21" s="350">
        <v>14273</v>
      </c>
      <c r="JG21" s="348">
        <v>0</v>
      </c>
      <c r="JH21" s="345">
        <v>0</v>
      </c>
      <c r="JI21" s="346">
        <v>0</v>
      </c>
      <c r="JJ21" s="351">
        <v>0</v>
      </c>
      <c r="JK21" s="345">
        <v>277386</v>
      </c>
      <c r="JL21" s="345">
        <v>396241</v>
      </c>
      <c r="JM21" s="345">
        <v>467879</v>
      </c>
      <c r="JN21" s="345">
        <v>20840</v>
      </c>
      <c r="JO21" s="345">
        <v>0</v>
      </c>
      <c r="JP21" s="349">
        <v>1162346</v>
      </c>
      <c r="JQ21" s="347">
        <v>1162346</v>
      </c>
      <c r="JR21" s="348">
        <v>0</v>
      </c>
      <c r="JS21" s="345">
        <v>0</v>
      </c>
      <c r="JT21" s="346">
        <v>0</v>
      </c>
      <c r="JU21" s="351">
        <v>0</v>
      </c>
      <c r="JV21" s="345">
        <v>34911</v>
      </c>
      <c r="JW21" s="345">
        <v>148589</v>
      </c>
      <c r="JX21" s="345">
        <v>0</v>
      </c>
      <c r="JY21" s="345">
        <v>0</v>
      </c>
      <c r="JZ21" s="345">
        <v>0</v>
      </c>
      <c r="KA21" s="349">
        <v>183500</v>
      </c>
      <c r="KB21" s="347">
        <v>183500</v>
      </c>
      <c r="KC21" s="352">
        <v>0</v>
      </c>
      <c r="KD21" s="353">
        <v>0</v>
      </c>
      <c r="KE21" s="349">
        <v>0</v>
      </c>
      <c r="KF21" s="351">
        <v>0</v>
      </c>
      <c r="KG21" s="345">
        <v>306889</v>
      </c>
      <c r="KH21" s="345">
        <v>162596</v>
      </c>
      <c r="KI21" s="345">
        <v>0</v>
      </c>
      <c r="KJ21" s="345">
        <v>0</v>
      </c>
      <c r="KK21" s="345">
        <v>256389</v>
      </c>
      <c r="KL21" s="349">
        <v>725874</v>
      </c>
      <c r="KM21" s="354">
        <v>725874</v>
      </c>
      <c r="KN21" s="342">
        <v>0</v>
      </c>
      <c r="KO21" s="343">
        <v>0</v>
      </c>
      <c r="KP21" s="344">
        <v>0</v>
      </c>
      <c r="KQ21" s="404">
        <v>0</v>
      </c>
      <c r="KR21" s="345">
        <v>208243</v>
      </c>
      <c r="KS21" s="345">
        <v>653686</v>
      </c>
      <c r="KT21" s="345">
        <v>0</v>
      </c>
      <c r="KU21" s="345">
        <v>0</v>
      </c>
      <c r="KV21" s="345">
        <v>0</v>
      </c>
      <c r="KW21" s="349">
        <v>861929</v>
      </c>
      <c r="KX21" s="347">
        <v>861929</v>
      </c>
      <c r="KY21" s="348">
        <v>0</v>
      </c>
      <c r="KZ21" s="345">
        <v>0</v>
      </c>
      <c r="LA21" s="349">
        <v>0</v>
      </c>
      <c r="LB21" s="404">
        <v>0</v>
      </c>
      <c r="LC21" s="345">
        <v>0</v>
      </c>
      <c r="LD21" s="345">
        <v>0</v>
      </c>
      <c r="LE21" s="345">
        <v>0</v>
      </c>
      <c r="LF21" s="345">
        <v>0</v>
      </c>
      <c r="LG21" s="345">
        <v>0</v>
      </c>
      <c r="LH21" s="349">
        <v>0</v>
      </c>
      <c r="LI21" s="350">
        <v>0</v>
      </c>
      <c r="LJ21" s="348">
        <v>0</v>
      </c>
      <c r="LK21" s="345">
        <v>0</v>
      </c>
      <c r="LL21" s="349">
        <v>0</v>
      </c>
      <c r="LM21" s="404">
        <v>0</v>
      </c>
      <c r="LN21" s="345">
        <v>0</v>
      </c>
      <c r="LO21" s="345">
        <v>0</v>
      </c>
      <c r="LP21" s="345">
        <v>0</v>
      </c>
      <c r="LQ21" s="345">
        <v>0</v>
      </c>
      <c r="LR21" s="345">
        <v>0</v>
      </c>
      <c r="LS21" s="349">
        <v>0</v>
      </c>
      <c r="LT21" s="347">
        <v>0</v>
      </c>
      <c r="LU21" s="348">
        <v>0</v>
      </c>
      <c r="LV21" s="345">
        <v>0</v>
      </c>
      <c r="LW21" s="349">
        <v>0</v>
      </c>
      <c r="LX21" s="404">
        <v>0</v>
      </c>
      <c r="LY21" s="345">
        <v>0</v>
      </c>
      <c r="LZ21" s="345">
        <v>0</v>
      </c>
      <c r="MA21" s="345">
        <v>0</v>
      </c>
      <c r="MB21" s="345">
        <v>0</v>
      </c>
      <c r="MC21" s="345">
        <v>0</v>
      </c>
      <c r="MD21" s="349">
        <v>0</v>
      </c>
      <c r="ME21" s="350">
        <v>0</v>
      </c>
      <c r="MF21" s="348">
        <v>0</v>
      </c>
      <c r="MG21" s="345">
        <v>0</v>
      </c>
      <c r="MH21" s="349">
        <v>0</v>
      </c>
      <c r="MI21" s="404">
        <v>0</v>
      </c>
      <c r="MJ21" s="345">
        <v>0</v>
      </c>
      <c r="MK21" s="345">
        <v>251154</v>
      </c>
      <c r="ML21" s="345">
        <v>2207633</v>
      </c>
      <c r="MM21" s="345">
        <v>2409658</v>
      </c>
      <c r="MN21" s="345">
        <v>1281557</v>
      </c>
      <c r="MO21" s="349">
        <v>6150002</v>
      </c>
      <c r="MP21" s="354">
        <v>6150002</v>
      </c>
      <c r="MQ21" s="348">
        <v>0</v>
      </c>
      <c r="MR21" s="345">
        <v>0</v>
      </c>
      <c r="MS21" s="349">
        <v>0</v>
      </c>
      <c r="MT21" s="404">
        <v>0</v>
      </c>
      <c r="MU21" s="345">
        <v>0</v>
      </c>
      <c r="MV21" s="345">
        <v>0</v>
      </c>
      <c r="MW21" s="345">
        <v>1668698</v>
      </c>
      <c r="MX21" s="345">
        <v>1917924</v>
      </c>
      <c r="MY21" s="345">
        <v>1028203</v>
      </c>
      <c r="MZ21" s="349">
        <v>4614825</v>
      </c>
      <c r="NA21" s="354">
        <v>4614825</v>
      </c>
      <c r="NB21" s="348">
        <v>0</v>
      </c>
      <c r="NC21" s="345">
        <v>0</v>
      </c>
      <c r="ND21" s="349">
        <v>0</v>
      </c>
      <c r="NE21" s="404">
        <v>0</v>
      </c>
      <c r="NF21" s="345">
        <v>0</v>
      </c>
      <c r="NG21" s="345">
        <v>251154</v>
      </c>
      <c r="NH21" s="345">
        <v>538935</v>
      </c>
      <c r="NI21" s="345">
        <v>491734</v>
      </c>
      <c r="NJ21" s="345">
        <v>253354</v>
      </c>
      <c r="NK21" s="349">
        <v>1535177</v>
      </c>
      <c r="NL21" s="347">
        <v>1535177</v>
      </c>
      <c r="NM21" s="348">
        <v>0</v>
      </c>
      <c r="NN21" s="345">
        <v>0</v>
      </c>
      <c r="NO21" s="349">
        <v>0</v>
      </c>
      <c r="NP21" s="404">
        <v>0</v>
      </c>
      <c r="NQ21" s="345">
        <v>0</v>
      </c>
      <c r="NR21" s="345">
        <v>0</v>
      </c>
      <c r="NS21" s="345">
        <v>0</v>
      </c>
      <c r="NT21" s="345">
        <v>0</v>
      </c>
      <c r="NU21" s="345">
        <v>0</v>
      </c>
      <c r="NV21" s="349">
        <v>0</v>
      </c>
      <c r="NW21" s="350">
        <v>0</v>
      </c>
      <c r="NX21" s="348">
        <v>0</v>
      </c>
      <c r="NY21" s="345">
        <v>0</v>
      </c>
      <c r="NZ21" s="349">
        <v>0</v>
      </c>
      <c r="OA21" s="404">
        <v>0</v>
      </c>
      <c r="OB21" s="345">
        <v>0</v>
      </c>
      <c r="OC21" s="345">
        <v>0</v>
      </c>
      <c r="OD21" s="345">
        <v>0</v>
      </c>
      <c r="OE21" s="345">
        <v>0</v>
      </c>
      <c r="OF21" s="345">
        <v>0</v>
      </c>
      <c r="OG21" s="349">
        <v>0</v>
      </c>
      <c r="OH21" s="350">
        <v>0</v>
      </c>
      <c r="OI21" s="348">
        <v>427403</v>
      </c>
      <c r="OJ21" s="345">
        <v>449272</v>
      </c>
      <c r="OK21" s="346">
        <v>876675</v>
      </c>
      <c r="OL21" s="351">
        <v>0</v>
      </c>
      <c r="OM21" s="345">
        <v>3725796</v>
      </c>
      <c r="ON21" s="345">
        <v>7195335</v>
      </c>
      <c r="OO21" s="345">
        <v>6785556</v>
      </c>
      <c r="OP21" s="345">
        <v>6745740</v>
      </c>
      <c r="OQ21" s="345">
        <v>3654369</v>
      </c>
      <c r="OR21" s="349">
        <v>28106796</v>
      </c>
      <c r="OS21" s="354">
        <v>28983471</v>
      </c>
    </row>
    <row r="22" spans="2:409" s="70" customFormat="1" ht="21" customHeight="1" x14ac:dyDescent="0.2">
      <c r="B22" s="106" t="s">
        <v>17</v>
      </c>
      <c r="C22" s="326">
        <v>522114</v>
      </c>
      <c r="D22" s="327">
        <v>1091282</v>
      </c>
      <c r="E22" s="328">
        <v>1613396</v>
      </c>
      <c r="F22" s="329">
        <v>0</v>
      </c>
      <c r="G22" s="327">
        <v>4277568</v>
      </c>
      <c r="H22" s="327">
        <v>8115262</v>
      </c>
      <c r="I22" s="327">
        <v>6899553</v>
      </c>
      <c r="J22" s="327">
        <v>5951228</v>
      </c>
      <c r="K22" s="327">
        <v>2758805</v>
      </c>
      <c r="L22" s="329">
        <v>28002416</v>
      </c>
      <c r="M22" s="330">
        <v>29615812</v>
      </c>
      <c r="N22" s="326">
        <v>214182</v>
      </c>
      <c r="O22" s="327">
        <v>210341</v>
      </c>
      <c r="P22" s="328">
        <v>424523</v>
      </c>
      <c r="Q22" s="326">
        <v>0</v>
      </c>
      <c r="R22" s="327">
        <v>953531</v>
      </c>
      <c r="S22" s="327">
        <v>2787673</v>
      </c>
      <c r="T22" s="327">
        <v>2599288</v>
      </c>
      <c r="U22" s="327">
        <v>1502155</v>
      </c>
      <c r="V22" s="327">
        <v>1121582</v>
      </c>
      <c r="W22" s="328">
        <v>8964229</v>
      </c>
      <c r="X22" s="330">
        <v>9388752</v>
      </c>
      <c r="Y22" s="326">
        <v>0</v>
      </c>
      <c r="Z22" s="327">
        <v>0</v>
      </c>
      <c r="AA22" s="328">
        <v>0</v>
      </c>
      <c r="AB22" s="326">
        <v>0</v>
      </c>
      <c r="AC22" s="327">
        <v>324939</v>
      </c>
      <c r="AD22" s="327">
        <v>1100916</v>
      </c>
      <c r="AE22" s="327">
        <v>1215526</v>
      </c>
      <c r="AF22" s="327">
        <v>537412</v>
      </c>
      <c r="AG22" s="327">
        <v>677764</v>
      </c>
      <c r="AH22" s="328">
        <v>3856557</v>
      </c>
      <c r="AI22" s="330">
        <v>3856557</v>
      </c>
      <c r="AJ22" s="326">
        <v>0</v>
      </c>
      <c r="AK22" s="327">
        <v>0</v>
      </c>
      <c r="AL22" s="328">
        <v>0</v>
      </c>
      <c r="AM22" s="326">
        <v>0</v>
      </c>
      <c r="AN22" s="327">
        <v>0</v>
      </c>
      <c r="AO22" s="327">
        <v>0</v>
      </c>
      <c r="AP22" s="327">
        <v>42172</v>
      </c>
      <c r="AQ22" s="327">
        <v>215499</v>
      </c>
      <c r="AR22" s="327">
        <v>74990</v>
      </c>
      <c r="AS22" s="328">
        <v>332661</v>
      </c>
      <c r="AT22" s="330">
        <v>332661</v>
      </c>
      <c r="AU22" s="326">
        <v>113812</v>
      </c>
      <c r="AV22" s="327">
        <v>159934</v>
      </c>
      <c r="AW22" s="328">
        <v>273746</v>
      </c>
      <c r="AX22" s="326">
        <v>0</v>
      </c>
      <c r="AY22" s="327">
        <v>246486</v>
      </c>
      <c r="AZ22" s="327">
        <v>1267349</v>
      </c>
      <c r="BA22" s="327">
        <v>857930</v>
      </c>
      <c r="BB22" s="327">
        <v>415829</v>
      </c>
      <c r="BC22" s="327">
        <v>168558</v>
      </c>
      <c r="BD22" s="328">
        <v>2956152</v>
      </c>
      <c r="BE22" s="330">
        <v>3229898</v>
      </c>
      <c r="BF22" s="326">
        <v>48122</v>
      </c>
      <c r="BG22" s="327">
        <v>0</v>
      </c>
      <c r="BH22" s="331">
        <v>48122</v>
      </c>
      <c r="BI22" s="332">
        <v>0</v>
      </c>
      <c r="BJ22" s="327">
        <v>72125</v>
      </c>
      <c r="BK22" s="327">
        <v>98285</v>
      </c>
      <c r="BL22" s="327">
        <v>116328</v>
      </c>
      <c r="BM22" s="327">
        <v>81555</v>
      </c>
      <c r="BN22" s="327">
        <v>0</v>
      </c>
      <c r="BO22" s="328">
        <v>368293</v>
      </c>
      <c r="BP22" s="330">
        <v>416415</v>
      </c>
      <c r="BQ22" s="326">
        <v>52248</v>
      </c>
      <c r="BR22" s="327">
        <v>50407</v>
      </c>
      <c r="BS22" s="328">
        <v>102655</v>
      </c>
      <c r="BT22" s="326">
        <v>0</v>
      </c>
      <c r="BU22" s="327">
        <v>309981</v>
      </c>
      <c r="BV22" s="327">
        <v>321123</v>
      </c>
      <c r="BW22" s="327">
        <v>367332</v>
      </c>
      <c r="BX22" s="327">
        <v>251860</v>
      </c>
      <c r="BY22" s="327">
        <v>200270</v>
      </c>
      <c r="BZ22" s="328">
        <v>1450566</v>
      </c>
      <c r="CA22" s="330">
        <v>1553221</v>
      </c>
      <c r="CB22" s="326">
        <v>74861</v>
      </c>
      <c r="CC22" s="327">
        <v>175613</v>
      </c>
      <c r="CD22" s="328">
        <v>250474</v>
      </c>
      <c r="CE22" s="326">
        <v>0</v>
      </c>
      <c r="CF22" s="327">
        <v>765717</v>
      </c>
      <c r="CG22" s="327">
        <v>2247836</v>
      </c>
      <c r="CH22" s="327">
        <v>1744907</v>
      </c>
      <c r="CI22" s="327">
        <v>1615635</v>
      </c>
      <c r="CJ22" s="327">
        <v>307744</v>
      </c>
      <c r="CK22" s="328">
        <v>6681839</v>
      </c>
      <c r="CL22" s="330">
        <v>6932313</v>
      </c>
      <c r="CM22" s="326">
        <v>0</v>
      </c>
      <c r="CN22" s="327">
        <v>0</v>
      </c>
      <c r="CO22" s="328">
        <v>0</v>
      </c>
      <c r="CP22" s="332">
        <v>0</v>
      </c>
      <c r="CQ22" s="327">
        <v>615856</v>
      </c>
      <c r="CR22" s="327">
        <v>1505944</v>
      </c>
      <c r="CS22" s="327">
        <v>1243159</v>
      </c>
      <c r="CT22" s="327">
        <v>1078228</v>
      </c>
      <c r="CU22" s="327">
        <v>231357</v>
      </c>
      <c r="CV22" s="328">
        <v>4674544</v>
      </c>
      <c r="CW22" s="330">
        <v>4674544</v>
      </c>
      <c r="CX22" s="326">
        <v>74861</v>
      </c>
      <c r="CY22" s="327">
        <v>175613</v>
      </c>
      <c r="CZ22" s="328">
        <v>250474</v>
      </c>
      <c r="DA22" s="326">
        <v>0</v>
      </c>
      <c r="DB22" s="327">
        <v>149861</v>
      </c>
      <c r="DC22" s="327">
        <v>741892</v>
      </c>
      <c r="DD22" s="327">
        <v>501748</v>
      </c>
      <c r="DE22" s="327">
        <v>537407</v>
      </c>
      <c r="DF22" s="327">
        <v>76387</v>
      </c>
      <c r="DG22" s="328">
        <v>2007295</v>
      </c>
      <c r="DH22" s="330">
        <v>2257769</v>
      </c>
      <c r="DI22" s="326">
        <v>0</v>
      </c>
      <c r="DJ22" s="327">
        <v>0</v>
      </c>
      <c r="DK22" s="331">
        <v>0</v>
      </c>
      <c r="DL22" s="332">
        <v>0</v>
      </c>
      <c r="DM22" s="327">
        <v>37495</v>
      </c>
      <c r="DN22" s="327">
        <v>690220</v>
      </c>
      <c r="DO22" s="327">
        <v>337052</v>
      </c>
      <c r="DP22" s="327">
        <v>419665</v>
      </c>
      <c r="DQ22" s="327">
        <v>120295</v>
      </c>
      <c r="DR22" s="328">
        <v>1604727</v>
      </c>
      <c r="DS22" s="330">
        <v>1604727</v>
      </c>
      <c r="DT22" s="326">
        <v>0</v>
      </c>
      <c r="DU22" s="327">
        <v>0</v>
      </c>
      <c r="DV22" s="328">
        <v>0</v>
      </c>
      <c r="DW22" s="326">
        <v>0</v>
      </c>
      <c r="DX22" s="327">
        <v>37495</v>
      </c>
      <c r="DY22" s="327">
        <v>606885</v>
      </c>
      <c r="DZ22" s="327">
        <v>337052</v>
      </c>
      <c r="EA22" s="327">
        <v>419665</v>
      </c>
      <c r="EB22" s="327">
        <v>120295</v>
      </c>
      <c r="EC22" s="328">
        <v>1521392</v>
      </c>
      <c r="ED22" s="330">
        <v>1521392</v>
      </c>
      <c r="EE22" s="326">
        <v>0</v>
      </c>
      <c r="EF22" s="331">
        <v>0</v>
      </c>
      <c r="EG22" s="328">
        <v>0</v>
      </c>
      <c r="EH22" s="326">
        <v>0</v>
      </c>
      <c r="EI22" s="327">
        <v>0</v>
      </c>
      <c r="EJ22" s="327">
        <v>83335</v>
      </c>
      <c r="EK22" s="327">
        <v>0</v>
      </c>
      <c r="EL22" s="327">
        <v>0</v>
      </c>
      <c r="EM22" s="327">
        <v>0</v>
      </c>
      <c r="EN22" s="331">
        <v>83335</v>
      </c>
      <c r="EO22" s="330">
        <v>83335</v>
      </c>
      <c r="EP22" s="326">
        <v>0</v>
      </c>
      <c r="EQ22" s="327">
        <v>0</v>
      </c>
      <c r="ER22" s="331">
        <v>0</v>
      </c>
      <c r="ES22" s="332">
        <v>0</v>
      </c>
      <c r="ET22" s="327">
        <v>0</v>
      </c>
      <c r="EU22" s="327">
        <v>0</v>
      </c>
      <c r="EV22" s="327">
        <v>0</v>
      </c>
      <c r="EW22" s="327">
        <v>0</v>
      </c>
      <c r="EX22" s="327">
        <v>0</v>
      </c>
      <c r="EY22" s="328">
        <v>0</v>
      </c>
      <c r="EZ22" s="330">
        <v>0</v>
      </c>
      <c r="FA22" s="326">
        <v>0</v>
      </c>
      <c r="FB22" s="327">
        <v>0</v>
      </c>
      <c r="FC22" s="331">
        <v>0</v>
      </c>
      <c r="FD22" s="404">
        <v>0</v>
      </c>
      <c r="FE22" s="327">
        <v>0</v>
      </c>
      <c r="FF22" s="327">
        <v>0</v>
      </c>
      <c r="FG22" s="327">
        <v>0</v>
      </c>
      <c r="FH22" s="327">
        <v>0</v>
      </c>
      <c r="FI22" s="327">
        <v>0</v>
      </c>
      <c r="FJ22" s="328">
        <v>0</v>
      </c>
      <c r="FK22" s="330">
        <v>0</v>
      </c>
      <c r="FL22" s="326">
        <v>134535</v>
      </c>
      <c r="FM22" s="327">
        <v>197330</v>
      </c>
      <c r="FN22" s="328">
        <v>331865</v>
      </c>
      <c r="FO22" s="326">
        <v>0</v>
      </c>
      <c r="FP22" s="327">
        <v>300608</v>
      </c>
      <c r="FQ22" s="327">
        <v>976463</v>
      </c>
      <c r="FR22" s="327">
        <v>655865</v>
      </c>
      <c r="FS22" s="327">
        <v>491610</v>
      </c>
      <c r="FT22" s="327">
        <v>211421</v>
      </c>
      <c r="FU22" s="328">
        <v>2635967</v>
      </c>
      <c r="FV22" s="330">
        <v>2967832</v>
      </c>
      <c r="FW22" s="333">
        <v>55272</v>
      </c>
      <c r="FX22" s="327">
        <v>136430</v>
      </c>
      <c r="FY22" s="331">
        <v>191702</v>
      </c>
      <c r="FZ22" s="332">
        <v>0</v>
      </c>
      <c r="GA22" s="327">
        <v>236656</v>
      </c>
      <c r="GB22" s="327">
        <v>606695</v>
      </c>
      <c r="GC22" s="327">
        <v>601965</v>
      </c>
      <c r="GD22" s="327">
        <v>453754</v>
      </c>
      <c r="GE22" s="327">
        <v>211421</v>
      </c>
      <c r="GF22" s="328">
        <v>2110491</v>
      </c>
      <c r="GG22" s="334">
        <v>2302193</v>
      </c>
      <c r="GH22" s="333">
        <v>0</v>
      </c>
      <c r="GI22" s="327">
        <v>0</v>
      </c>
      <c r="GJ22" s="331">
        <v>0</v>
      </c>
      <c r="GK22" s="332">
        <v>0</v>
      </c>
      <c r="GL22" s="327">
        <v>28952</v>
      </c>
      <c r="GM22" s="327">
        <v>65968</v>
      </c>
      <c r="GN22" s="327">
        <v>0</v>
      </c>
      <c r="GO22" s="327">
        <v>37856</v>
      </c>
      <c r="GP22" s="327">
        <v>0</v>
      </c>
      <c r="GQ22" s="328">
        <v>132776</v>
      </c>
      <c r="GR22" s="330">
        <v>132776</v>
      </c>
      <c r="GS22" s="326">
        <v>79263</v>
      </c>
      <c r="GT22" s="327">
        <v>60900</v>
      </c>
      <c r="GU22" s="328">
        <v>140163</v>
      </c>
      <c r="GV22" s="326">
        <v>0</v>
      </c>
      <c r="GW22" s="327">
        <v>35000</v>
      </c>
      <c r="GX22" s="327">
        <v>303800</v>
      </c>
      <c r="GY22" s="327">
        <v>53900</v>
      </c>
      <c r="GZ22" s="327">
        <v>0</v>
      </c>
      <c r="HA22" s="327">
        <v>0</v>
      </c>
      <c r="HB22" s="331">
        <v>392700</v>
      </c>
      <c r="HC22" s="330">
        <v>532863</v>
      </c>
      <c r="HD22" s="326">
        <v>98536</v>
      </c>
      <c r="HE22" s="327">
        <v>507998</v>
      </c>
      <c r="HF22" s="331">
        <v>606534</v>
      </c>
      <c r="HG22" s="332">
        <v>0</v>
      </c>
      <c r="HH22" s="327">
        <v>2220217</v>
      </c>
      <c r="HI22" s="327">
        <v>1413070</v>
      </c>
      <c r="HJ22" s="327">
        <v>1562441</v>
      </c>
      <c r="HK22" s="327">
        <v>1922163</v>
      </c>
      <c r="HL22" s="327">
        <v>997763</v>
      </c>
      <c r="HM22" s="328">
        <v>8115654</v>
      </c>
      <c r="HN22" s="329">
        <v>8722188</v>
      </c>
      <c r="HO22" s="333">
        <v>0</v>
      </c>
      <c r="HP22" s="327">
        <v>0</v>
      </c>
      <c r="HQ22" s="328">
        <v>0</v>
      </c>
      <c r="HR22" s="326">
        <v>0</v>
      </c>
      <c r="HS22" s="327">
        <v>0</v>
      </c>
      <c r="HT22" s="327">
        <v>0</v>
      </c>
      <c r="HU22" s="327">
        <v>0</v>
      </c>
      <c r="HV22" s="327">
        <v>0</v>
      </c>
      <c r="HW22" s="327">
        <v>0</v>
      </c>
      <c r="HX22" s="331">
        <v>0</v>
      </c>
      <c r="HY22" s="330">
        <v>0</v>
      </c>
      <c r="HZ22" s="358">
        <v>0</v>
      </c>
      <c r="IA22" s="356">
        <v>0</v>
      </c>
      <c r="IB22" s="358">
        <v>0</v>
      </c>
      <c r="IC22" s="355">
        <v>0</v>
      </c>
      <c r="ID22" s="356">
        <v>1513703</v>
      </c>
      <c r="IE22" s="357">
        <v>2134023</v>
      </c>
      <c r="IF22" s="358">
        <v>2033952</v>
      </c>
      <c r="IG22" s="356">
        <v>1613546</v>
      </c>
      <c r="IH22" s="358">
        <v>1157366</v>
      </c>
      <c r="II22" s="359">
        <v>8452590</v>
      </c>
      <c r="IJ22" s="358">
        <v>8452590</v>
      </c>
      <c r="IK22" s="342">
        <v>0</v>
      </c>
      <c r="IL22" s="343">
        <v>0</v>
      </c>
      <c r="IM22" s="344">
        <v>0</v>
      </c>
      <c r="IN22" s="404">
        <v>0</v>
      </c>
      <c r="IO22" s="345">
        <v>0</v>
      </c>
      <c r="IP22" s="345">
        <v>0</v>
      </c>
      <c r="IQ22" s="345">
        <v>0</v>
      </c>
      <c r="IR22" s="345">
        <v>0</v>
      </c>
      <c r="IS22" s="345">
        <v>0</v>
      </c>
      <c r="IT22" s="346">
        <v>0</v>
      </c>
      <c r="IU22" s="347">
        <v>0</v>
      </c>
      <c r="IV22" s="348">
        <v>0</v>
      </c>
      <c r="IW22" s="345">
        <v>0</v>
      </c>
      <c r="IX22" s="349">
        <v>0</v>
      </c>
      <c r="IY22" s="404">
        <v>0</v>
      </c>
      <c r="IZ22" s="345">
        <v>0</v>
      </c>
      <c r="JA22" s="345">
        <v>0</v>
      </c>
      <c r="JB22" s="345">
        <v>0</v>
      </c>
      <c r="JC22" s="345">
        <v>0</v>
      </c>
      <c r="JD22" s="345">
        <v>0</v>
      </c>
      <c r="JE22" s="349">
        <v>0</v>
      </c>
      <c r="JF22" s="350">
        <v>0</v>
      </c>
      <c r="JG22" s="348">
        <v>0</v>
      </c>
      <c r="JH22" s="345">
        <v>0</v>
      </c>
      <c r="JI22" s="346">
        <v>0</v>
      </c>
      <c r="JJ22" s="351">
        <v>0</v>
      </c>
      <c r="JK22" s="345">
        <v>1084903</v>
      </c>
      <c r="JL22" s="345">
        <v>888341</v>
      </c>
      <c r="JM22" s="345">
        <v>1102363</v>
      </c>
      <c r="JN22" s="345">
        <v>121087</v>
      </c>
      <c r="JO22" s="345">
        <v>99362</v>
      </c>
      <c r="JP22" s="349">
        <v>3296056</v>
      </c>
      <c r="JQ22" s="347">
        <v>3296056</v>
      </c>
      <c r="JR22" s="348">
        <v>0</v>
      </c>
      <c r="JS22" s="345">
        <v>0</v>
      </c>
      <c r="JT22" s="346">
        <v>0</v>
      </c>
      <c r="JU22" s="351">
        <v>0</v>
      </c>
      <c r="JV22" s="345">
        <v>93980</v>
      </c>
      <c r="JW22" s="345">
        <v>164703</v>
      </c>
      <c r="JX22" s="345">
        <v>0</v>
      </c>
      <c r="JY22" s="345">
        <v>0</v>
      </c>
      <c r="JZ22" s="345">
        <v>0</v>
      </c>
      <c r="KA22" s="349">
        <v>258683</v>
      </c>
      <c r="KB22" s="347">
        <v>258683</v>
      </c>
      <c r="KC22" s="352">
        <v>0</v>
      </c>
      <c r="KD22" s="353">
        <v>0</v>
      </c>
      <c r="KE22" s="349">
        <v>0</v>
      </c>
      <c r="KF22" s="351">
        <v>0</v>
      </c>
      <c r="KG22" s="345">
        <v>118794</v>
      </c>
      <c r="KH22" s="345">
        <v>165583</v>
      </c>
      <c r="KI22" s="345">
        <v>0</v>
      </c>
      <c r="KJ22" s="345">
        <v>247230</v>
      </c>
      <c r="KK22" s="345">
        <v>271399</v>
      </c>
      <c r="KL22" s="349">
        <v>803006</v>
      </c>
      <c r="KM22" s="354">
        <v>803006</v>
      </c>
      <c r="KN22" s="342">
        <v>0</v>
      </c>
      <c r="KO22" s="343">
        <v>0</v>
      </c>
      <c r="KP22" s="344">
        <v>0</v>
      </c>
      <c r="KQ22" s="404">
        <v>0</v>
      </c>
      <c r="KR22" s="345">
        <v>216026</v>
      </c>
      <c r="KS22" s="345">
        <v>915396</v>
      </c>
      <c r="KT22" s="345">
        <v>703295</v>
      </c>
      <c r="KU22" s="345">
        <v>462360</v>
      </c>
      <c r="KV22" s="345">
        <v>402042</v>
      </c>
      <c r="KW22" s="349">
        <v>2699119</v>
      </c>
      <c r="KX22" s="347">
        <v>2699119</v>
      </c>
      <c r="KY22" s="348">
        <v>0</v>
      </c>
      <c r="KZ22" s="345">
        <v>0</v>
      </c>
      <c r="LA22" s="349">
        <v>0</v>
      </c>
      <c r="LB22" s="404">
        <v>0</v>
      </c>
      <c r="LC22" s="345">
        <v>0</v>
      </c>
      <c r="LD22" s="345">
        <v>0</v>
      </c>
      <c r="LE22" s="345">
        <v>0</v>
      </c>
      <c r="LF22" s="345">
        <v>0</v>
      </c>
      <c r="LG22" s="345">
        <v>0</v>
      </c>
      <c r="LH22" s="349">
        <v>0</v>
      </c>
      <c r="LI22" s="350">
        <v>0</v>
      </c>
      <c r="LJ22" s="348">
        <v>0</v>
      </c>
      <c r="LK22" s="345">
        <v>0</v>
      </c>
      <c r="LL22" s="349">
        <v>0</v>
      </c>
      <c r="LM22" s="404">
        <v>0</v>
      </c>
      <c r="LN22" s="345">
        <v>0</v>
      </c>
      <c r="LO22" s="345">
        <v>0</v>
      </c>
      <c r="LP22" s="345">
        <v>228294</v>
      </c>
      <c r="LQ22" s="345">
        <v>494640</v>
      </c>
      <c r="LR22" s="345">
        <v>384563</v>
      </c>
      <c r="LS22" s="349">
        <v>1107497</v>
      </c>
      <c r="LT22" s="347">
        <v>1107497</v>
      </c>
      <c r="LU22" s="348">
        <v>0</v>
      </c>
      <c r="LV22" s="345">
        <v>0</v>
      </c>
      <c r="LW22" s="349">
        <v>0</v>
      </c>
      <c r="LX22" s="404">
        <v>0</v>
      </c>
      <c r="LY22" s="345">
        <v>0</v>
      </c>
      <c r="LZ22" s="345">
        <v>0</v>
      </c>
      <c r="MA22" s="345">
        <v>0</v>
      </c>
      <c r="MB22" s="345">
        <v>288229</v>
      </c>
      <c r="MC22" s="345">
        <v>0</v>
      </c>
      <c r="MD22" s="349">
        <v>288229</v>
      </c>
      <c r="ME22" s="350">
        <v>288229</v>
      </c>
      <c r="MF22" s="348">
        <v>0</v>
      </c>
      <c r="MG22" s="345">
        <v>0</v>
      </c>
      <c r="MH22" s="349">
        <v>0</v>
      </c>
      <c r="MI22" s="404">
        <v>0</v>
      </c>
      <c r="MJ22" s="345">
        <v>495074</v>
      </c>
      <c r="MK22" s="345">
        <v>1999388</v>
      </c>
      <c r="ML22" s="345">
        <v>4605787</v>
      </c>
      <c r="MM22" s="345">
        <v>3558194</v>
      </c>
      <c r="MN22" s="345">
        <v>3880559</v>
      </c>
      <c r="MO22" s="349">
        <v>14539002</v>
      </c>
      <c r="MP22" s="354">
        <v>14539002</v>
      </c>
      <c r="MQ22" s="348">
        <v>0</v>
      </c>
      <c r="MR22" s="345">
        <v>0</v>
      </c>
      <c r="MS22" s="349">
        <v>0</v>
      </c>
      <c r="MT22" s="404">
        <v>0</v>
      </c>
      <c r="MU22" s="345">
        <v>0</v>
      </c>
      <c r="MV22" s="345">
        <v>224892</v>
      </c>
      <c r="MW22" s="345">
        <v>1298681</v>
      </c>
      <c r="MX22" s="345">
        <v>1485988</v>
      </c>
      <c r="MY22" s="345">
        <v>2171769</v>
      </c>
      <c r="MZ22" s="349">
        <v>5181330</v>
      </c>
      <c r="NA22" s="354">
        <v>5181330</v>
      </c>
      <c r="NB22" s="348">
        <v>0</v>
      </c>
      <c r="NC22" s="345">
        <v>0</v>
      </c>
      <c r="ND22" s="349">
        <v>0</v>
      </c>
      <c r="NE22" s="404">
        <v>0</v>
      </c>
      <c r="NF22" s="345">
        <v>495074</v>
      </c>
      <c r="NG22" s="345">
        <v>1774496</v>
      </c>
      <c r="NH22" s="345">
        <v>3307106</v>
      </c>
      <c r="NI22" s="345">
        <v>2072206</v>
      </c>
      <c r="NJ22" s="345">
        <v>1343915</v>
      </c>
      <c r="NK22" s="349">
        <v>8992797</v>
      </c>
      <c r="NL22" s="347">
        <v>8992797</v>
      </c>
      <c r="NM22" s="348">
        <v>0</v>
      </c>
      <c r="NN22" s="345">
        <v>0</v>
      </c>
      <c r="NO22" s="349">
        <v>0</v>
      </c>
      <c r="NP22" s="404">
        <v>0</v>
      </c>
      <c r="NQ22" s="345">
        <v>0</v>
      </c>
      <c r="NR22" s="345">
        <v>0</v>
      </c>
      <c r="NS22" s="345">
        <v>0</v>
      </c>
      <c r="NT22" s="345">
        <v>0</v>
      </c>
      <c r="NU22" s="345">
        <v>0</v>
      </c>
      <c r="NV22" s="349">
        <v>0</v>
      </c>
      <c r="NW22" s="350">
        <v>0</v>
      </c>
      <c r="NX22" s="348">
        <v>0</v>
      </c>
      <c r="NY22" s="345">
        <v>0</v>
      </c>
      <c r="NZ22" s="349">
        <v>0</v>
      </c>
      <c r="OA22" s="404">
        <v>0</v>
      </c>
      <c r="OB22" s="345">
        <v>0</v>
      </c>
      <c r="OC22" s="345">
        <v>0</v>
      </c>
      <c r="OD22" s="345">
        <v>0</v>
      </c>
      <c r="OE22" s="345">
        <v>0</v>
      </c>
      <c r="OF22" s="345">
        <v>364875</v>
      </c>
      <c r="OG22" s="349">
        <v>364875</v>
      </c>
      <c r="OH22" s="350">
        <v>364875</v>
      </c>
      <c r="OI22" s="348">
        <v>522114</v>
      </c>
      <c r="OJ22" s="345">
        <v>1091282</v>
      </c>
      <c r="OK22" s="346">
        <v>1613396</v>
      </c>
      <c r="OL22" s="351">
        <v>0</v>
      </c>
      <c r="OM22" s="345">
        <v>6286345</v>
      </c>
      <c r="ON22" s="345">
        <v>12248673</v>
      </c>
      <c r="OO22" s="345">
        <v>13539292</v>
      </c>
      <c r="OP22" s="345">
        <v>11122968</v>
      </c>
      <c r="OQ22" s="345">
        <v>7796730</v>
      </c>
      <c r="OR22" s="349">
        <v>50994008</v>
      </c>
      <c r="OS22" s="354">
        <v>52607404</v>
      </c>
    </row>
    <row r="23" spans="2:409" s="70" customFormat="1" ht="21" customHeight="1" x14ac:dyDescent="0.2">
      <c r="B23" s="106" t="s">
        <v>18</v>
      </c>
      <c r="C23" s="326">
        <v>484722</v>
      </c>
      <c r="D23" s="327">
        <v>1011893</v>
      </c>
      <c r="E23" s="328">
        <v>1496615</v>
      </c>
      <c r="F23" s="329">
        <v>0</v>
      </c>
      <c r="G23" s="327">
        <v>6171234</v>
      </c>
      <c r="H23" s="327">
        <v>8779209</v>
      </c>
      <c r="I23" s="327">
        <v>10249140</v>
      </c>
      <c r="J23" s="327">
        <v>9156379</v>
      </c>
      <c r="K23" s="327">
        <v>7811315</v>
      </c>
      <c r="L23" s="329">
        <v>42167277</v>
      </c>
      <c r="M23" s="330">
        <v>43663892</v>
      </c>
      <c r="N23" s="326">
        <v>223590</v>
      </c>
      <c r="O23" s="327">
        <v>140223</v>
      </c>
      <c r="P23" s="328">
        <v>363813</v>
      </c>
      <c r="Q23" s="326">
        <v>0</v>
      </c>
      <c r="R23" s="327">
        <v>2295054</v>
      </c>
      <c r="S23" s="327">
        <v>2524997</v>
      </c>
      <c r="T23" s="327">
        <v>4064016</v>
      </c>
      <c r="U23" s="327">
        <v>4266977</v>
      </c>
      <c r="V23" s="327">
        <v>2693629</v>
      </c>
      <c r="W23" s="328">
        <v>15844673</v>
      </c>
      <c r="X23" s="330">
        <v>16208486</v>
      </c>
      <c r="Y23" s="326">
        <v>0</v>
      </c>
      <c r="Z23" s="327">
        <v>0</v>
      </c>
      <c r="AA23" s="328">
        <v>0</v>
      </c>
      <c r="AB23" s="326">
        <v>0</v>
      </c>
      <c r="AC23" s="327">
        <v>950140</v>
      </c>
      <c r="AD23" s="327">
        <v>1008963</v>
      </c>
      <c r="AE23" s="327">
        <v>2273686</v>
      </c>
      <c r="AF23" s="327">
        <v>2573922</v>
      </c>
      <c r="AG23" s="327">
        <v>1765777</v>
      </c>
      <c r="AH23" s="328">
        <v>8572488</v>
      </c>
      <c r="AI23" s="330">
        <v>8572488</v>
      </c>
      <c r="AJ23" s="326">
        <v>0</v>
      </c>
      <c r="AK23" s="327">
        <v>0</v>
      </c>
      <c r="AL23" s="328">
        <v>0</v>
      </c>
      <c r="AM23" s="326">
        <v>0</v>
      </c>
      <c r="AN23" s="327">
        <v>0</v>
      </c>
      <c r="AO23" s="327">
        <v>0</v>
      </c>
      <c r="AP23" s="327">
        <v>64157</v>
      </c>
      <c r="AQ23" s="327">
        <v>211238</v>
      </c>
      <c r="AR23" s="327">
        <v>183172</v>
      </c>
      <c r="AS23" s="328">
        <v>458567</v>
      </c>
      <c r="AT23" s="330">
        <v>458567</v>
      </c>
      <c r="AU23" s="326">
        <v>125938</v>
      </c>
      <c r="AV23" s="327">
        <v>52638</v>
      </c>
      <c r="AW23" s="328">
        <v>178576</v>
      </c>
      <c r="AX23" s="326">
        <v>0</v>
      </c>
      <c r="AY23" s="327">
        <v>961471</v>
      </c>
      <c r="AZ23" s="327">
        <v>1057365</v>
      </c>
      <c r="BA23" s="327">
        <v>969377</v>
      </c>
      <c r="BB23" s="327">
        <v>867195</v>
      </c>
      <c r="BC23" s="327">
        <v>280463</v>
      </c>
      <c r="BD23" s="328">
        <v>4135871</v>
      </c>
      <c r="BE23" s="330">
        <v>4314447</v>
      </c>
      <c r="BF23" s="326">
        <v>60615</v>
      </c>
      <c r="BG23" s="327">
        <v>22450</v>
      </c>
      <c r="BH23" s="331">
        <v>83065</v>
      </c>
      <c r="BI23" s="332">
        <v>0</v>
      </c>
      <c r="BJ23" s="327">
        <v>26009</v>
      </c>
      <c r="BK23" s="327">
        <v>126820</v>
      </c>
      <c r="BL23" s="327">
        <v>228940</v>
      </c>
      <c r="BM23" s="327">
        <v>67306</v>
      </c>
      <c r="BN23" s="327">
        <v>40668</v>
      </c>
      <c r="BO23" s="328">
        <v>489743</v>
      </c>
      <c r="BP23" s="330">
        <v>572808</v>
      </c>
      <c r="BQ23" s="326">
        <v>37037</v>
      </c>
      <c r="BR23" s="327">
        <v>65135</v>
      </c>
      <c r="BS23" s="328">
        <v>102172</v>
      </c>
      <c r="BT23" s="326">
        <v>0</v>
      </c>
      <c r="BU23" s="327">
        <v>357434</v>
      </c>
      <c r="BV23" s="327">
        <v>331849</v>
      </c>
      <c r="BW23" s="327">
        <v>527856</v>
      </c>
      <c r="BX23" s="327">
        <v>547316</v>
      </c>
      <c r="BY23" s="327">
        <v>423549</v>
      </c>
      <c r="BZ23" s="328">
        <v>2188004</v>
      </c>
      <c r="CA23" s="330">
        <v>2290176</v>
      </c>
      <c r="CB23" s="326">
        <v>98622</v>
      </c>
      <c r="CC23" s="327">
        <v>516654</v>
      </c>
      <c r="CD23" s="328">
        <v>615276</v>
      </c>
      <c r="CE23" s="326">
        <v>0</v>
      </c>
      <c r="CF23" s="327">
        <v>1889585</v>
      </c>
      <c r="CG23" s="327">
        <v>3258386</v>
      </c>
      <c r="CH23" s="327">
        <v>2260051</v>
      </c>
      <c r="CI23" s="327">
        <v>1556097</v>
      </c>
      <c r="CJ23" s="327">
        <v>742024</v>
      </c>
      <c r="CK23" s="328">
        <v>9706143</v>
      </c>
      <c r="CL23" s="330">
        <v>10321419</v>
      </c>
      <c r="CM23" s="326">
        <v>0</v>
      </c>
      <c r="CN23" s="327">
        <v>0</v>
      </c>
      <c r="CO23" s="328">
        <v>0</v>
      </c>
      <c r="CP23" s="332">
        <v>0</v>
      </c>
      <c r="CQ23" s="327">
        <v>1357191</v>
      </c>
      <c r="CR23" s="327">
        <v>2602979</v>
      </c>
      <c r="CS23" s="327">
        <v>1697401</v>
      </c>
      <c r="CT23" s="327">
        <v>1116964</v>
      </c>
      <c r="CU23" s="327">
        <v>595822</v>
      </c>
      <c r="CV23" s="328">
        <v>7370357</v>
      </c>
      <c r="CW23" s="330">
        <v>7370357</v>
      </c>
      <c r="CX23" s="326">
        <v>98622</v>
      </c>
      <c r="CY23" s="327">
        <v>516654</v>
      </c>
      <c r="CZ23" s="328">
        <v>615276</v>
      </c>
      <c r="DA23" s="326">
        <v>0</v>
      </c>
      <c r="DB23" s="327">
        <v>532394</v>
      </c>
      <c r="DC23" s="327">
        <v>655407</v>
      </c>
      <c r="DD23" s="327">
        <v>562650</v>
      </c>
      <c r="DE23" s="327">
        <v>439133</v>
      </c>
      <c r="DF23" s="327">
        <v>146202</v>
      </c>
      <c r="DG23" s="328">
        <v>2335786</v>
      </c>
      <c r="DH23" s="330">
        <v>2951062</v>
      </c>
      <c r="DI23" s="326">
        <v>0</v>
      </c>
      <c r="DJ23" s="327">
        <v>0</v>
      </c>
      <c r="DK23" s="331">
        <v>0</v>
      </c>
      <c r="DL23" s="332">
        <v>0</v>
      </c>
      <c r="DM23" s="327">
        <v>140434</v>
      </c>
      <c r="DN23" s="327">
        <v>787963</v>
      </c>
      <c r="DO23" s="327">
        <v>1304760</v>
      </c>
      <c r="DP23" s="327">
        <v>818259</v>
      </c>
      <c r="DQ23" s="327">
        <v>931641</v>
      </c>
      <c r="DR23" s="328">
        <v>3983057</v>
      </c>
      <c r="DS23" s="330">
        <v>3983057</v>
      </c>
      <c r="DT23" s="326">
        <v>0</v>
      </c>
      <c r="DU23" s="327">
        <v>0</v>
      </c>
      <c r="DV23" s="328">
        <v>0</v>
      </c>
      <c r="DW23" s="326">
        <v>0</v>
      </c>
      <c r="DX23" s="327">
        <v>140434</v>
      </c>
      <c r="DY23" s="327">
        <v>662118</v>
      </c>
      <c r="DZ23" s="327">
        <v>1163575</v>
      </c>
      <c r="EA23" s="327">
        <v>818259</v>
      </c>
      <c r="EB23" s="327">
        <v>931641</v>
      </c>
      <c r="EC23" s="328">
        <v>3716027</v>
      </c>
      <c r="ED23" s="330">
        <v>3716027</v>
      </c>
      <c r="EE23" s="326">
        <v>0</v>
      </c>
      <c r="EF23" s="331">
        <v>0</v>
      </c>
      <c r="EG23" s="328">
        <v>0</v>
      </c>
      <c r="EH23" s="326">
        <v>0</v>
      </c>
      <c r="EI23" s="327">
        <v>0</v>
      </c>
      <c r="EJ23" s="327">
        <v>125845</v>
      </c>
      <c r="EK23" s="327">
        <v>141185</v>
      </c>
      <c r="EL23" s="327">
        <v>0</v>
      </c>
      <c r="EM23" s="327">
        <v>0</v>
      </c>
      <c r="EN23" s="331">
        <v>267030</v>
      </c>
      <c r="EO23" s="330">
        <v>267030</v>
      </c>
      <c r="EP23" s="326">
        <v>0</v>
      </c>
      <c r="EQ23" s="327">
        <v>0</v>
      </c>
      <c r="ER23" s="331">
        <v>0</v>
      </c>
      <c r="ES23" s="332">
        <v>0</v>
      </c>
      <c r="ET23" s="327">
        <v>0</v>
      </c>
      <c r="EU23" s="327">
        <v>0</v>
      </c>
      <c r="EV23" s="327">
        <v>0</v>
      </c>
      <c r="EW23" s="327">
        <v>0</v>
      </c>
      <c r="EX23" s="327">
        <v>0</v>
      </c>
      <c r="EY23" s="328">
        <v>0</v>
      </c>
      <c r="EZ23" s="330">
        <v>0</v>
      </c>
      <c r="FA23" s="326">
        <v>0</v>
      </c>
      <c r="FB23" s="327">
        <v>0</v>
      </c>
      <c r="FC23" s="331">
        <v>0</v>
      </c>
      <c r="FD23" s="404">
        <v>0</v>
      </c>
      <c r="FE23" s="327">
        <v>0</v>
      </c>
      <c r="FF23" s="327">
        <v>0</v>
      </c>
      <c r="FG23" s="327">
        <v>0</v>
      </c>
      <c r="FH23" s="327">
        <v>0</v>
      </c>
      <c r="FI23" s="327">
        <v>0</v>
      </c>
      <c r="FJ23" s="328">
        <v>0</v>
      </c>
      <c r="FK23" s="330">
        <v>0</v>
      </c>
      <c r="FL23" s="326">
        <v>62811</v>
      </c>
      <c r="FM23" s="327">
        <v>188748</v>
      </c>
      <c r="FN23" s="328">
        <v>251559</v>
      </c>
      <c r="FO23" s="326">
        <v>0</v>
      </c>
      <c r="FP23" s="327">
        <v>330862</v>
      </c>
      <c r="FQ23" s="327">
        <v>722848</v>
      </c>
      <c r="FR23" s="327">
        <v>785778</v>
      </c>
      <c r="FS23" s="327">
        <v>686231</v>
      </c>
      <c r="FT23" s="327">
        <v>258454</v>
      </c>
      <c r="FU23" s="328">
        <v>2784173</v>
      </c>
      <c r="FV23" s="330">
        <v>3035732</v>
      </c>
      <c r="FW23" s="333">
        <v>36246</v>
      </c>
      <c r="FX23" s="327">
        <v>132748</v>
      </c>
      <c r="FY23" s="331">
        <v>168994</v>
      </c>
      <c r="FZ23" s="332">
        <v>0</v>
      </c>
      <c r="GA23" s="327">
        <v>297962</v>
      </c>
      <c r="GB23" s="327">
        <v>689892</v>
      </c>
      <c r="GC23" s="327">
        <v>771148</v>
      </c>
      <c r="GD23" s="327">
        <v>591598</v>
      </c>
      <c r="GE23" s="327">
        <v>258454</v>
      </c>
      <c r="GF23" s="328">
        <v>2609054</v>
      </c>
      <c r="GG23" s="334">
        <v>2778048</v>
      </c>
      <c r="GH23" s="333">
        <v>26565</v>
      </c>
      <c r="GI23" s="327">
        <v>0</v>
      </c>
      <c r="GJ23" s="331">
        <v>26565</v>
      </c>
      <c r="GK23" s="332">
        <v>0</v>
      </c>
      <c r="GL23" s="327">
        <v>0</v>
      </c>
      <c r="GM23" s="327">
        <v>32956</v>
      </c>
      <c r="GN23" s="327">
        <v>0</v>
      </c>
      <c r="GO23" s="327">
        <v>94633</v>
      </c>
      <c r="GP23" s="327">
        <v>0</v>
      </c>
      <c r="GQ23" s="328">
        <v>127589</v>
      </c>
      <c r="GR23" s="330">
        <v>154154</v>
      </c>
      <c r="GS23" s="326">
        <v>0</v>
      </c>
      <c r="GT23" s="327">
        <v>56000</v>
      </c>
      <c r="GU23" s="328">
        <v>56000</v>
      </c>
      <c r="GV23" s="326">
        <v>0</v>
      </c>
      <c r="GW23" s="327">
        <v>32900</v>
      </c>
      <c r="GX23" s="327">
        <v>0</v>
      </c>
      <c r="GY23" s="327">
        <v>14630</v>
      </c>
      <c r="GZ23" s="327">
        <v>0</v>
      </c>
      <c r="HA23" s="327">
        <v>0</v>
      </c>
      <c r="HB23" s="331">
        <v>47530</v>
      </c>
      <c r="HC23" s="330">
        <v>103530</v>
      </c>
      <c r="HD23" s="326">
        <v>99699</v>
      </c>
      <c r="HE23" s="327">
        <v>166268</v>
      </c>
      <c r="HF23" s="331">
        <v>265967</v>
      </c>
      <c r="HG23" s="332">
        <v>0</v>
      </c>
      <c r="HH23" s="327">
        <v>1515299</v>
      </c>
      <c r="HI23" s="327">
        <v>1485015</v>
      </c>
      <c r="HJ23" s="327">
        <v>1834535</v>
      </c>
      <c r="HK23" s="327">
        <v>1828815</v>
      </c>
      <c r="HL23" s="327">
        <v>3185567</v>
      </c>
      <c r="HM23" s="328">
        <v>9849231</v>
      </c>
      <c r="HN23" s="329">
        <v>10115198</v>
      </c>
      <c r="HO23" s="333">
        <v>0</v>
      </c>
      <c r="HP23" s="327">
        <v>0</v>
      </c>
      <c r="HQ23" s="328">
        <v>0</v>
      </c>
      <c r="HR23" s="326">
        <v>0</v>
      </c>
      <c r="HS23" s="327">
        <v>0</v>
      </c>
      <c r="HT23" s="327">
        <v>0</v>
      </c>
      <c r="HU23" s="327">
        <v>0</v>
      </c>
      <c r="HV23" s="327">
        <v>0</v>
      </c>
      <c r="HW23" s="327">
        <v>0</v>
      </c>
      <c r="HX23" s="331">
        <v>0</v>
      </c>
      <c r="HY23" s="330">
        <v>0</v>
      </c>
      <c r="HZ23" s="335">
        <v>0</v>
      </c>
      <c r="IA23" s="336">
        <v>0</v>
      </c>
      <c r="IB23" s="337">
        <v>0</v>
      </c>
      <c r="IC23" s="338">
        <v>0</v>
      </c>
      <c r="ID23" s="336">
        <v>1516532</v>
      </c>
      <c r="IE23" s="339">
        <v>1795392</v>
      </c>
      <c r="IF23" s="337">
        <v>1636333</v>
      </c>
      <c r="IG23" s="336">
        <v>908274</v>
      </c>
      <c r="IH23" s="337">
        <v>1161609</v>
      </c>
      <c r="II23" s="340">
        <v>7018140</v>
      </c>
      <c r="IJ23" s="341">
        <v>7018140</v>
      </c>
      <c r="IK23" s="342">
        <v>0</v>
      </c>
      <c r="IL23" s="343">
        <v>0</v>
      </c>
      <c r="IM23" s="344">
        <v>0</v>
      </c>
      <c r="IN23" s="404">
        <v>0</v>
      </c>
      <c r="IO23" s="345">
        <v>63814</v>
      </c>
      <c r="IP23" s="345">
        <v>226040</v>
      </c>
      <c r="IQ23" s="345">
        <v>0</v>
      </c>
      <c r="IR23" s="345">
        <v>0</v>
      </c>
      <c r="IS23" s="345">
        <v>0</v>
      </c>
      <c r="IT23" s="346">
        <v>289854</v>
      </c>
      <c r="IU23" s="347">
        <v>289854</v>
      </c>
      <c r="IV23" s="348">
        <v>0</v>
      </c>
      <c r="IW23" s="345">
        <v>0</v>
      </c>
      <c r="IX23" s="349">
        <v>0</v>
      </c>
      <c r="IY23" s="404">
        <v>0</v>
      </c>
      <c r="IZ23" s="345">
        <v>0</v>
      </c>
      <c r="JA23" s="345">
        <v>0</v>
      </c>
      <c r="JB23" s="345">
        <v>0</v>
      </c>
      <c r="JC23" s="345">
        <v>0</v>
      </c>
      <c r="JD23" s="345">
        <v>0</v>
      </c>
      <c r="JE23" s="349">
        <v>0</v>
      </c>
      <c r="JF23" s="350">
        <v>0</v>
      </c>
      <c r="JG23" s="348">
        <v>0</v>
      </c>
      <c r="JH23" s="345">
        <v>0</v>
      </c>
      <c r="JI23" s="346">
        <v>0</v>
      </c>
      <c r="JJ23" s="351">
        <v>0</v>
      </c>
      <c r="JK23" s="345">
        <v>796481</v>
      </c>
      <c r="JL23" s="345">
        <v>454602</v>
      </c>
      <c r="JM23" s="345">
        <v>229729</v>
      </c>
      <c r="JN23" s="345">
        <v>164638</v>
      </c>
      <c r="JO23" s="345">
        <v>0</v>
      </c>
      <c r="JP23" s="349">
        <v>1645450</v>
      </c>
      <c r="JQ23" s="347">
        <v>1645450</v>
      </c>
      <c r="JR23" s="348">
        <v>0</v>
      </c>
      <c r="JS23" s="345">
        <v>0</v>
      </c>
      <c r="JT23" s="346">
        <v>0</v>
      </c>
      <c r="JU23" s="351">
        <v>0</v>
      </c>
      <c r="JV23" s="345">
        <v>0</v>
      </c>
      <c r="JW23" s="345">
        <v>0</v>
      </c>
      <c r="JX23" s="345">
        <v>0</v>
      </c>
      <c r="JY23" s="345">
        <v>65150</v>
      </c>
      <c r="JZ23" s="345">
        <v>0</v>
      </c>
      <c r="KA23" s="349">
        <v>65150</v>
      </c>
      <c r="KB23" s="347">
        <v>65150</v>
      </c>
      <c r="KC23" s="352">
        <v>0</v>
      </c>
      <c r="KD23" s="353">
        <v>0</v>
      </c>
      <c r="KE23" s="349">
        <v>0</v>
      </c>
      <c r="KF23" s="351">
        <v>0</v>
      </c>
      <c r="KG23" s="345">
        <v>225004</v>
      </c>
      <c r="KH23" s="345">
        <v>0</v>
      </c>
      <c r="KI23" s="345">
        <v>0</v>
      </c>
      <c r="KJ23" s="345">
        <v>0</v>
      </c>
      <c r="KK23" s="345">
        <v>0</v>
      </c>
      <c r="KL23" s="349">
        <v>225004</v>
      </c>
      <c r="KM23" s="354">
        <v>225004</v>
      </c>
      <c r="KN23" s="342">
        <v>0</v>
      </c>
      <c r="KO23" s="343">
        <v>0</v>
      </c>
      <c r="KP23" s="344">
        <v>0</v>
      </c>
      <c r="KQ23" s="404">
        <v>0</v>
      </c>
      <c r="KR23" s="345">
        <v>431233</v>
      </c>
      <c r="KS23" s="345">
        <v>1114750</v>
      </c>
      <c r="KT23" s="345">
        <v>1146321</v>
      </c>
      <c r="KU23" s="345">
        <v>414393</v>
      </c>
      <c r="KV23" s="345">
        <v>250464</v>
      </c>
      <c r="KW23" s="349">
        <v>3357161</v>
      </c>
      <c r="KX23" s="347">
        <v>3357161</v>
      </c>
      <c r="KY23" s="348">
        <v>0</v>
      </c>
      <c r="KZ23" s="345">
        <v>0</v>
      </c>
      <c r="LA23" s="349">
        <v>0</v>
      </c>
      <c r="LB23" s="404">
        <v>0</v>
      </c>
      <c r="LC23" s="345">
        <v>0</v>
      </c>
      <c r="LD23" s="345">
        <v>0</v>
      </c>
      <c r="LE23" s="345">
        <v>0</v>
      </c>
      <c r="LF23" s="345">
        <v>0</v>
      </c>
      <c r="LG23" s="345">
        <v>0</v>
      </c>
      <c r="LH23" s="349">
        <v>0</v>
      </c>
      <c r="LI23" s="350">
        <v>0</v>
      </c>
      <c r="LJ23" s="348">
        <v>0</v>
      </c>
      <c r="LK23" s="345">
        <v>0</v>
      </c>
      <c r="LL23" s="349">
        <v>0</v>
      </c>
      <c r="LM23" s="404">
        <v>0</v>
      </c>
      <c r="LN23" s="345">
        <v>0</v>
      </c>
      <c r="LO23" s="345">
        <v>0</v>
      </c>
      <c r="LP23" s="345">
        <v>0</v>
      </c>
      <c r="LQ23" s="345">
        <v>264093</v>
      </c>
      <c r="LR23" s="345">
        <v>283104</v>
      </c>
      <c r="LS23" s="349">
        <v>547197</v>
      </c>
      <c r="LT23" s="347">
        <v>547197</v>
      </c>
      <c r="LU23" s="348">
        <v>0</v>
      </c>
      <c r="LV23" s="345">
        <v>0</v>
      </c>
      <c r="LW23" s="349">
        <v>0</v>
      </c>
      <c r="LX23" s="404">
        <v>0</v>
      </c>
      <c r="LY23" s="345">
        <v>0</v>
      </c>
      <c r="LZ23" s="345">
        <v>0</v>
      </c>
      <c r="MA23" s="345">
        <v>260283</v>
      </c>
      <c r="MB23" s="345">
        <v>0</v>
      </c>
      <c r="MC23" s="345">
        <v>628041</v>
      </c>
      <c r="MD23" s="349">
        <v>888324</v>
      </c>
      <c r="ME23" s="350">
        <v>888324</v>
      </c>
      <c r="MF23" s="348">
        <v>0</v>
      </c>
      <c r="MG23" s="345">
        <v>0</v>
      </c>
      <c r="MH23" s="349">
        <v>0</v>
      </c>
      <c r="MI23" s="404">
        <v>0</v>
      </c>
      <c r="MJ23" s="345">
        <v>399611</v>
      </c>
      <c r="MK23" s="345">
        <v>205856</v>
      </c>
      <c r="ML23" s="345">
        <v>2582406</v>
      </c>
      <c r="MM23" s="345">
        <v>2962061</v>
      </c>
      <c r="MN23" s="345">
        <v>3981349</v>
      </c>
      <c r="MO23" s="349">
        <v>10131283</v>
      </c>
      <c r="MP23" s="354">
        <v>10131283</v>
      </c>
      <c r="MQ23" s="348">
        <v>0</v>
      </c>
      <c r="MR23" s="345">
        <v>0</v>
      </c>
      <c r="MS23" s="349">
        <v>0</v>
      </c>
      <c r="MT23" s="404">
        <v>0</v>
      </c>
      <c r="MU23" s="345">
        <v>0</v>
      </c>
      <c r="MV23" s="345">
        <v>205856</v>
      </c>
      <c r="MW23" s="345">
        <v>1646403</v>
      </c>
      <c r="MX23" s="345">
        <v>2066811</v>
      </c>
      <c r="MY23" s="345">
        <v>2848776</v>
      </c>
      <c r="MZ23" s="349">
        <v>6767846</v>
      </c>
      <c r="NA23" s="354">
        <v>6767846</v>
      </c>
      <c r="NB23" s="348">
        <v>0</v>
      </c>
      <c r="NC23" s="345">
        <v>0</v>
      </c>
      <c r="ND23" s="349">
        <v>0</v>
      </c>
      <c r="NE23" s="404">
        <v>0</v>
      </c>
      <c r="NF23" s="345">
        <v>399611</v>
      </c>
      <c r="NG23" s="345">
        <v>0</v>
      </c>
      <c r="NH23" s="345">
        <v>936003</v>
      </c>
      <c r="NI23" s="345">
        <v>895250</v>
      </c>
      <c r="NJ23" s="345">
        <v>839378</v>
      </c>
      <c r="NK23" s="349">
        <v>3070242</v>
      </c>
      <c r="NL23" s="347">
        <v>3070242</v>
      </c>
      <c r="NM23" s="348">
        <v>0</v>
      </c>
      <c r="NN23" s="345">
        <v>0</v>
      </c>
      <c r="NO23" s="349">
        <v>0</v>
      </c>
      <c r="NP23" s="404">
        <v>0</v>
      </c>
      <c r="NQ23" s="345">
        <v>0</v>
      </c>
      <c r="NR23" s="345">
        <v>0</v>
      </c>
      <c r="NS23" s="345">
        <v>0</v>
      </c>
      <c r="NT23" s="345">
        <v>0</v>
      </c>
      <c r="NU23" s="345">
        <v>0</v>
      </c>
      <c r="NV23" s="349">
        <v>0</v>
      </c>
      <c r="NW23" s="350">
        <v>0</v>
      </c>
      <c r="NX23" s="348">
        <v>0</v>
      </c>
      <c r="NY23" s="345">
        <v>0</v>
      </c>
      <c r="NZ23" s="349">
        <v>0</v>
      </c>
      <c r="OA23" s="404">
        <v>0</v>
      </c>
      <c r="OB23" s="345">
        <v>0</v>
      </c>
      <c r="OC23" s="345">
        <v>0</v>
      </c>
      <c r="OD23" s="345">
        <v>0</v>
      </c>
      <c r="OE23" s="345">
        <v>0</v>
      </c>
      <c r="OF23" s="345">
        <v>293195</v>
      </c>
      <c r="OG23" s="349">
        <v>293195</v>
      </c>
      <c r="OH23" s="350">
        <v>293195</v>
      </c>
      <c r="OI23" s="348">
        <v>484722</v>
      </c>
      <c r="OJ23" s="345">
        <v>1011893</v>
      </c>
      <c r="OK23" s="346">
        <v>1496615</v>
      </c>
      <c r="OL23" s="351">
        <v>0</v>
      </c>
      <c r="OM23" s="345">
        <v>8087377</v>
      </c>
      <c r="ON23" s="345">
        <v>10780457</v>
      </c>
      <c r="OO23" s="345">
        <v>14467879</v>
      </c>
      <c r="OP23" s="345">
        <v>13026714</v>
      </c>
      <c r="OQ23" s="345">
        <v>12954273</v>
      </c>
      <c r="OR23" s="349">
        <v>59316700</v>
      </c>
      <c r="OS23" s="354">
        <v>60813315</v>
      </c>
    </row>
    <row r="24" spans="2:409" s="70" customFormat="1" ht="21" customHeight="1" x14ac:dyDescent="0.2">
      <c r="B24" s="106" t="s">
        <v>19</v>
      </c>
      <c r="C24" s="326">
        <v>261244</v>
      </c>
      <c r="D24" s="327">
        <v>128212</v>
      </c>
      <c r="E24" s="328">
        <v>389456</v>
      </c>
      <c r="F24" s="329">
        <v>0</v>
      </c>
      <c r="G24" s="327">
        <v>2978880</v>
      </c>
      <c r="H24" s="327">
        <v>3482895</v>
      </c>
      <c r="I24" s="327">
        <v>2618093</v>
      </c>
      <c r="J24" s="327">
        <v>1737450</v>
      </c>
      <c r="K24" s="327">
        <v>1904851</v>
      </c>
      <c r="L24" s="329">
        <v>12722169</v>
      </c>
      <c r="M24" s="330">
        <v>13111625</v>
      </c>
      <c r="N24" s="326">
        <v>90853</v>
      </c>
      <c r="O24" s="327">
        <v>78344</v>
      </c>
      <c r="P24" s="328">
        <v>169197</v>
      </c>
      <c r="Q24" s="326">
        <v>0</v>
      </c>
      <c r="R24" s="327">
        <v>959898</v>
      </c>
      <c r="S24" s="327">
        <v>1189006</v>
      </c>
      <c r="T24" s="327">
        <v>886089</v>
      </c>
      <c r="U24" s="327">
        <v>543726</v>
      </c>
      <c r="V24" s="327">
        <v>801621</v>
      </c>
      <c r="W24" s="328">
        <v>4380340</v>
      </c>
      <c r="X24" s="330">
        <v>4549537</v>
      </c>
      <c r="Y24" s="326">
        <v>0</v>
      </c>
      <c r="Z24" s="327">
        <v>0</v>
      </c>
      <c r="AA24" s="328">
        <v>0</v>
      </c>
      <c r="AB24" s="326">
        <v>0</v>
      </c>
      <c r="AC24" s="327">
        <v>176728</v>
      </c>
      <c r="AD24" s="327">
        <v>589919</v>
      </c>
      <c r="AE24" s="327">
        <v>376351</v>
      </c>
      <c r="AF24" s="327">
        <v>208210</v>
      </c>
      <c r="AG24" s="327">
        <v>458796</v>
      </c>
      <c r="AH24" s="328">
        <v>1810004</v>
      </c>
      <c r="AI24" s="330">
        <v>1810004</v>
      </c>
      <c r="AJ24" s="326">
        <v>0</v>
      </c>
      <c r="AK24" s="327">
        <v>0</v>
      </c>
      <c r="AL24" s="328">
        <v>0</v>
      </c>
      <c r="AM24" s="326">
        <v>0</v>
      </c>
      <c r="AN24" s="327">
        <v>0</v>
      </c>
      <c r="AO24" s="327">
        <v>40408</v>
      </c>
      <c r="AP24" s="327">
        <v>43330</v>
      </c>
      <c r="AQ24" s="327">
        <v>0</v>
      </c>
      <c r="AR24" s="327">
        <v>0</v>
      </c>
      <c r="AS24" s="328">
        <v>83738</v>
      </c>
      <c r="AT24" s="330">
        <v>83738</v>
      </c>
      <c r="AU24" s="326">
        <v>58961</v>
      </c>
      <c r="AV24" s="327">
        <v>70343</v>
      </c>
      <c r="AW24" s="328">
        <v>129304</v>
      </c>
      <c r="AX24" s="326">
        <v>0</v>
      </c>
      <c r="AY24" s="327">
        <v>563548</v>
      </c>
      <c r="AZ24" s="327">
        <v>374775</v>
      </c>
      <c r="BA24" s="327">
        <v>321270</v>
      </c>
      <c r="BB24" s="327">
        <v>210368</v>
      </c>
      <c r="BC24" s="327">
        <v>209475</v>
      </c>
      <c r="BD24" s="328">
        <v>1679436</v>
      </c>
      <c r="BE24" s="330">
        <v>1808740</v>
      </c>
      <c r="BF24" s="326">
        <v>0</v>
      </c>
      <c r="BG24" s="327">
        <v>0</v>
      </c>
      <c r="BH24" s="331">
        <v>0</v>
      </c>
      <c r="BI24" s="332">
        <v>0</v>
      </c>
      <c r="BJ24" s="327">
        <v>86853</v>
      </c>
      <c r="BK24" s="327">
        <v>0</v>
      </c>
      <c r="BL24" s="327">
        <v>0</v>
      </c>
      <c r="BM24" s="327">
        <v>69344</v>
      </c>
      <c r="BN24" s="327">
        <v>0</v>
      </c>
      <c r="BO24" s="328">
        <v>156197</v>
      </c>
      <c r="BP24" s="330">
        <v>156197</v>
      </c>
      <c r="BQ24" s="326">
        <v>31892</v>
      </c>
      <c r="BR24" s="327">
        <v>8001</v>
      </c>
      <c r="BS24" s="328">
        <v>39893</v>
      </c>
      <c r="BT24" s="326">
        <v>0</v>
      </c>
      <c r="BU24" s="327">
        <v>132769</v>
      </c>
      <c r="BV24" s="327">
        <v>183904</v>
      </c>
      <c r="BW24" s="327">
        <v>145138</v>
      </c>
      <c r="BX24" s="327">
        <v>55804</v>
      </c>
      <c r="BY24" s="327">
        <v>133350</v>
      </c>
      <c r="BZ24" s="328">
        <v>650965</v>
      </c>
      <c r="CA24" s="330">
        <v>690858</v>
      </c>
      <c r="CB24" s="326">
        <v>37632</v>
      </c>
      <c r="CC24" s="327">
        <v>0</v>
      </c>
      <c r="CD24" s="328">
        <v>37632</v>
      </c>
      <c r="CE24" s="326">
        <v>0</v>
      </c>
      <c r="CF24" s="327">
        <v>1203759</v>
      </c>
      <c r="CG24" s="327">
        <v>966318</v>
      </c>
      <c r="CH24" s="327">
        <v>399711</v>
      </c>
      <c r="CI24" s="327">
        <v>324926</v>
      </c>
      <c r="CJ24" s="327">
        <v>543571</v>
      </c>
      <c r="CK24" s="328">
        <v>3438285</v>
      </c>
      <c r="CL24" s="330">
        <v>3475917</v>
      </c>
      <c r="CM24" s="326">
        <v>0</v>
      </c>
      <c r="CN24" s="327">
        <v>0</v>
      </c>
      <c r="CO24" s="328">
        <v>0</v>
      </c>
      <c r="CP24" s="332">
        <v>0</v>
      </c>
      <c r="CQ24" s="327">
        <v>656654</v>
      </c>
      <c r="CR24" s="327">
        <v>559034</v>
      </c>
      <c r="CS24" s="327">
        <v>151963</v>
      </c>
      <c r="CT24" s="327">
        <v>18638</v>
      </c>
      <c r="CU24" s="327">
        <v>407983</v>
      </c>
      <c r="CV24" s="328">
        <v>1794272</v>
      </c>
      <c r="CW24" s="330">
        <v>1794272</v>
      </c>
      <c r="CX24" s="326">
        <v>37632</v>
      </c>
      <c r="CY24" s="327">
        <v>0</v>
      </c>
      <c r="CZ24" s="328">
        <v>37632</v>
      </c>
      <c r="DA24" s="326">
        <v>0</v>
      </c>
      <c r="DB24" s="327">
        <v>547105</v>
      </c>
      <c r="DC24" s="327">
        <v>407284</v>
      </c>
      <c r="DD24" s="327">
        <v>247748</v>
      </c>
      <c r="DE24" s="327">
        <v>306288</v>
      </c>
      <c r="DF24" s="327">
        <v>135588</v>
      </c>
      <c r="DG24" s="328">
        <v>1644013</v>
      </c>
      <c r="DH24" s="330">
        <v>1681645</v>
      </c>
      <c r="DI24" s="326">
        <v>0</v>
      </c>
      <c r="DJ24" s="327">
        <v>0</v>
      </c>
      <c r="DK24" s="331">
        <v>0</v>
      </c>
      <c r="DL24" s="332">
        <v>0</v>
      </c>
      <c r="DM24" s="327">
        <v>308071</v>
      </c>
      <c r="DN24" s="327">
        <v>60517</v>
      </c>
      <c r="DO24" s="327">
        <v>86330</v>
      </c>
      <c r="DP24" s="327">
        <v>397192</v>
      </c>
      <c r="DQ24" s="327">
        <v>0</v>
      </c>
      <c r="DR24" s="328">
        <v>852110</v>
      </c>
      <c r="DS24" s="330">
        <v>852110</v>
      </c>
      <c r="DT24" s="326">
        <v>0</v>
      </c>
      <c r="DU24" s="327">
        <v>0</v>
      </c>
      <c r="DV24" s="328">
        <v>0</v>
      </c>
      <c r="DW24" s="326">
        <v>0</v>
      </c>
      <c r="DX24" s="327">
        <v>195736</v>
      </c>
      <c r="DY24" s="327">
        <v>60517</v>
      </c>
      <c r="DZ24" s="327">
        <v>46559</v>
      </c>
      <c r="EA24" s="327">
        <v>194789</v>
      </c>
      <c r="EB24" s="327">
        <v>0</v>
      </c>
      <c r="EC24" s="328">
        <v>497601</v>
      </c>
      <c r="ED24" s="330">
        <v>497601</v>
      </c>
      <c r="EE24" s="326">
        <v>0</v>
      </c>
      <c r="EF24" s="331">
        <v>0</v>
      </c>
      <c r="EG24" s="328">
        <v>0</v>
      </c>
      <c r="EH24" s="326">
        <v>0</v>
      </c>
      <c r="EI24" s="327">
        <v>112335</v>
      </c>
      <c r="EJ24" s="327">
        <v>0</v>
      </c>
      <c r="EK24" s="327">
        <v>39771</v>
      </c>
      <c r="EL24" s="327">
        <v>202403</v>
      </c>
      <c r="EM24" s="327">
        <v>0</v>
      </c>
      <c r="EN24" s="331">
        <v>354509</v>
      </c>
      <c r="EO24" s="330">
        <v>354509</v>
      </c>
      <c r="EP24" s="326">
        <v>0</v>
      </c>
      <c r="EQ24" s="327">
        <v>0</v>
      </c>
      <c r="ER24" s="331">
        <v>0</v>
      </c>
      <c r="ES24" s="332">
        <v>0</v>
      </c>
      <c r="ET24" s="327">
        <v>0</v>
      </c>
      <c r="EU24" s="327">
        <v>0</v>
      </c>
      <c r="EV24" s="327">
        <v>0</v>
      </c>
      <c r="EW24" s="327">
        <v>0</v>
      </c>
      <c r="EX24" s="327">
        <v>0</v>
      </c>
      <c r="EY24" s="328">
        <v>0</v>
      </c>
      <c r="EZ24" s="330">
        <v>0</v>
      </c>
      <c r="FA24" s="326">
        <v>0</v>
      </c>
      <c r="FB24" s="327">
        <v>0</v>
      </c>
      <c r="FC24" s="331">
        <v>0</v>
      </c>
      <c r="FD24" s="404">
        <v>0</v>
      </c>
      <c r="FE24" s="327">
        <v>0</v>
      </c>
      <c r="FF24" s="327">
        <v>0</v>
      </c>
      <c r="FG24" s="327">
        <v>0</v>
      </c>
      <c r="FH24" s="327">
        <v>0</v>
      </c>
      <c r="FI24" s="327">
        <v>0</v>
      </c>
      <c r="FJ24" s="328">
        <v>0</v>
      </c>
      <c r="FK24" s="330">
        <v>0</v>
      </c>
      <c r="FL24" s="326">
        <v>84002</v>
      </c>
      <c r="FM24" s="327">
        <v>49868</v>
      </c>
      <c r="FN24" s="328">
        <v>133870</v>
      </c>
      <c r="FO24" s="326">
        <v>0</v>
      </c>
      <c r="FP24" s="327">
        <v>214529</v>
      </c>
      <c r="FQ24" s="327">
        <v>290330</v>
      </c>
      <c r="FR24" s="327">
        <v>157906</v>
      </c>
      <c r="FS24" s="327">
        <v>208313</v>
      </c>
      <c r="FT24" s="327">
        <v>128002</v>
      </c>
      <c r="FU24" s="328">
        <v>999080</v>
      </c>
      <c r="FV24" s="330">
        <v>1132950</v>
      </c>
      <c r="FW24" s="333">
        <v>30520</v>
      </c>
      <c r="FX24" s="327">
        <v>49868</v>
      </c>
      <c r="FY24" s="331">
        <v>80388</v>
      </c>
      <c r="FZ24" s="332">
        <v>0</v>
      </c>
      <c r="GA24" s="327">
        <v>170254</v>
      </c>
      <c r="GB24" s="327">
        <v>249865</v>
      </c>
      <c r="GC24" s="327">
        <v>157906</v>
      </c>
      <c r="GD24" s="327">
        <v>208313</v>
      </c>
      <c r="GE24" s="327">
        <v>128002</v>
      </c>
      <c r="GF24" s="328">
        <v>914340</v>
      </c>
      <c r="GG24" s="334">
        <v>994728</v>
      </c>
      <c r="GH24" s="333">
        <v>0</v>
      </c>
      <c r="GI24" s="327">
        <v>0</v>
      </c>
      <c r="GJ24" s="331">
        <v>0</v>
      </c>
      <c r="GK24" s="332">
        <v>0</v>
      </c>
      <c r="GL24" s="327">
        <v>44275</v>
      </c>
      <c r="GM24" s="327">
        <v>16170</v>
      </c>
      <c r="GN24" s="327">
        <v>0</v>
      </c>
      <c r="GO24" s="327">
        <v>0</v>
      </c>
      <c r="GP24" s="327">
        <v>0</v>
      </c>
      <c r="GQ24" s="328">
        <v>60445</v>
      </c>
      <c r="GR24" s="330">
        <v>60445</v>
      </c>
      <c r="GS24" s="326">
        <v>53482</v>
      </c>
      <c r="GT24" s="327">
        <v>0</v>
      </c>
      <c r="GU24" s="328">
        <v>53482</v>
      </c>
      <c r="GV24" s="326">
        <v>0</v>
      </c>
      <c r="GW24" s="327">
        <v>0</v>
      </c>
      <c r="GX24" s="327">
        <v>24295</v>
      </c>
      <c r="GY24" s="327">
        <v>0</v>
      </c>
      <c r="GZ24" s="327">
        <v>0</v>
      </c>
      <c r="HA24" s="327">
        <v>0</v>
      </c>
      <c r="HB24" s="331">
        <v>24295</v>
      </c>
      <c r="HC24" s="330">
        <v>77777</v>
      </c>
      <c r="HD24" s="326">
        <v>48757</v>
      </c>
      <c r="HE24" s="327">
        <v>0</v>
      </c>
      <c r="HF24" s="331">
        <v>48757</v>
      </c>
      <c r="HG24" s="332">
        <v>0</v>
      </c>
      <c r="HH24" s="327">
        <v>292623</v>
      </c>
      <c r="HI24" s="327">
        <v>976724</v>
      </c>
      <c r="HJ24" s="327">
        <v>1088057</v>
      </c>
      <c r="HK24" s="327">
        <v>263293</v>
      </c>
      <c r="HL24" s="327">
        <v>431657</v>
      </c>
      <c r="HM24" s="328">
        <v>3052354</v>
      </c>
      <c r="HN24" s="329">
        <v>3101111</v>
      </c>
      <c r="HO24" s="333">
        <v>0</v>
      </c>
      <c r="HP24" s="327">
        <v>0</v>
      </c>
      <c r="HQ24" s="328">
        <v>0</v>
      </c>
      <c r="HR24" s="326">
        <v>0</v>
      </c>
      <c r="HS24" s="327">
        <v>0</v>
      </c>
      <c r="HT24" s="327">
        <v>0</v>
      </c>
      <c r="HU24" s="327">
        <v>0</v>
      </c>
      <c r="HV24" s="327">
        <v>0</v>
      </c>
      <c r="HW24" s="327">
        <v>0</v>
      </c>
      <c r="HX24" s="331">
        <v>0</v>
      </c>
      <c r="HY24" s="330">
        <v>0</v>
      </c>
      <c r="HZ24" s="358">
        <v>25817</v>
      </c>
      <c r="IA24" s="356">
        <v>0</v>
      </c>
      <c r="IB24" s="358">
        <v>25817</v>
      </c>
      <c r="IC24" s="355">
        <v>0</v>
      </c>
      <c r="ID24" s="356">
        <v>695524</v>
      </c>
      <c r="IE24" s="357">
        <v>719348</v>
      </c>
      <c r="IF24" s="358">
        <v>456151</v>
      </c>
      <c r="IG24" s="356">
        <v>875786</v>
      </c>
      <c r="IH24" s="358">
        <v>561470</v>
      </c>
      <c r="II24" s="359">
        <v>3308279</v>
      </c>
      <c r="IJ24" s="358">
        <v>3334096</v>
      </c>
      <c r="IK24" s="342">
        <v>0</v>
      </c>
      <c r="IL24" s="343">
        <v>0</v>
      </c>
      <c r="IM24" s="344">
        <v>0</v>
      </c>
      <c r="IN24" s="404">
        <v>0</v>
      </c>
      <c r="IO24" s="345">
        <v>0</v>
      </c>
      <c r="IP24" s="345">
        <v>182096</v>
      </c>
      <c r="IQ24" s="345">
        <v>0</v>
      </c>
      <c r="IR24" s="345">
        <v>178950</v>
      </c>
      <c r="IS24" s="345">
        <v>0</v>
      </c>
      <c r="IT24" s="346">
        <v>361046</v>
      </c>
      <c r="IU24" s="347">
        <v>361046</v>
      </c>
      <c r="IV24" s="348">
        <v>0</v>
      </c>
      <c r="IW24" s="345">
        <v>0</v>
      </c>
      <c r="IX24" s="349">
        <v>0</v>
      </c>
      <c r="IY24" s="404">
        <v>0</v>
      </c>
      <c r="IZ24" s="345">
        <v>0</v>
      </c>
      <c r="JA24" s="345">
        <v>0</v>
      </c>
      <c r="JB24" s="345">
        <v>0</v>
      </c>
      <c r="JC24" s="345">
        <v>35060</v>
      </c>
      <c r="JD24" s="345">
        <v>0</v>
      </c>
      <c r="JE24" s="349">
        <v>35060</v>
      </c>
      <c r="JF24" s="350">
        <v>35060</v>
      </c>
      <c r="JG24" s="348">
        <v>0</v>
      </c>
      <c r="JH24" s="345">
        <v>0</v>
      </c>
      <c r="JI24" s="346">
        <v>0</v>
      </c>
      <c r="JJ24" s="351">
        <v>0</v>
      </c>
      <c r="JK24" s="345">
        <v>318766</v>
      </c>
      <c r="JL24" s="345">
        <v>244794</v>
      </c>
      <c r="JM24" s="345">
        <v>14768</v>
      </c>
      <c r="JN24" s="345">
        <v>371037</v>
      </c>
      <c r="JO24" s="345">
        <v>0</v>
      </c>
      <c r="JP24" s="349">
        <v>949365</v>
      </c>
      <c r="JQ24" s="347">
        <v>949365</v>
      </c>
      <c r="JR24" s="348">
        <v>25817</v>
      </c>
      <c r="JS24" s="345">
        <v>0</v>
      </c>
      <c r="JT24" s="346">
        <v>25817</v>
      </c>
      <c r="JU24" s="351">
        <v>0</v>
      </c>
      <c r="JV24" s="345">
        <v>44656</v>
      </c>
      <c r="JW24" s="345">
        <v>133615</v>
      </c>
      <c r="JX24" s="345">
        <v>0</v>
      </c>
      <c r="JY24" s="345">
        <v>0</v>
      </c>
      <c r="JZ24" s="345">
        <v>0</v>
      </c>
      <c r="KA24" s="349">
        <v>178271</v>
      </c>
      <c r="KB24" s="347">
        <v>204088</v>
      </c>
      <c r="KC24" s="352">
        <v>0</v>
      </c>
      <c r="KD24" s="353">
        <v>0</v>
      </c>
      <c r="KE24" s="349">
        <v>0</v>
      </c>
      <c r="KF24" s="351">
        <v>0</v>
      </c>
      <c r="KG24" s="345">
        <v>117539</v>
      </c>
      <c r="KH24" s="345">
        <v>158843</v>
      </c>
      <c r="KI24" s="345">
        <v>214246</v>
      </c>
      <c r="KJ24" s="345">
        <v>290739</v>
      </c>
      <c r="KK24" s="345">
        <v>0</v>
      </c>
      <c r="KL24" s="349">
        <v>781367</v>
      </c>
      <c r="KM24" s="354">
        <v>781367</v>
      </c>
      <c r="KN24" s="342">
        <v>0</v>
      </c>
      <c r="KO24" s="343">
        <v>0</v>
      </c>
      <c r="KP24" s="344">
        <v>0</v>
      </c>
      <c r="KQ24" s="404">
        <v>0</v>
      </c>
      <c r="KR24" s="345">
        <v>214563</v>
      </c>
      <c r="KS24" s="345">
        <v>0</v>
      </c>
      <c r="KT24" s="345">
        <v>227137</v>
      </c>
      <c r="KU24" s="345">
        <v>0</v>
      </c>
      <c r="KV24" s="345">
        <v>231007</v>
      </c>
      <c r="KW24" s="349">
        <v>672707</v>
      </c>
      <c r="KX24" s="347">
        <v>672707</v>
      </c>
      <c r="KY24" s="348">
        <v>0</v>
      </c>
      <c r="KZ24" s="345">
        <v>0</v>
      </c>
      <c r="LA24" s="349">
        <v>0</v>
      </c>
      <c r="LB24" s="404">
        <v>0</v>
      </c>
      <c r="LC24" s="345">
        <v>0</v>
      </c>
      <c r="LD24" s="345">
        <v>0</v>
      </c>
      <c r="LE24" s="345">
        <v>0</v>
      </c>
      <c r="LF24" s="345">
        <v>0</v>
      </c>
      <c r="LG24" s="345">
        <v>0</v>
      </c>
      <c r="LH24" s="349">
        <v>0</v>
      </c>
      <c r="LI24" s="350">
        <v>0</v>
      </c>
      <c r="LJ24" s="348">
        <v>0</v>
      </c>
      <c r="LK24" s="345">
        <v>0</v>
      </c>
      <c r="LL24" s="349">
        <v>0</v>
      </c>
      <c r="LM24" s="404">
        <v>0</v>
      </c>
      <c r="LN24" s="345">
        <v>0</v>
      </c>
      <c r="LO24" s="345">
        <v>0</v>
      </c>
      <c r="LP24" s="345">
        <v>0</v>
      </c>
      <c r="LQ24" s="345">
        <v>0</v>
      </c>
      <c r="LR24" s="345">
        <v>0</v>
      </c>
      <c r="LS24" s="349">
        <v>0</v>
      </c>
      <c r="LT24" s="347">
        <v>0</v>
      </c>
      <c r="LU24" s="348">
        <v>0</v>
      </c>
      <c r="LV24" s="345">
        <v>0</v>
      </c>
      <c r="LW24" s="349">
        <v>0</v>
      </c>
      <c r="LX24" s="404">
        <v>0</v>
      </c>
      <c r="LY24" s="345">
        <v>0</v>
      </c>
      <c r="LZ24" s="345">
        <v>0</v>
      </c>
      <c r="MA24" s="345">
        <v>0</v>
      </c>
      <c r="MB24" s="345">
        <v>0</v>
      </c>
      <c r="MC24" s="345">
        <v>330463</v>
      </c>
      <c r="MD24" s="349">
        <v>330463</v>
      </c>
      <c r="ME24" s="350">
        <v>330463</v>
      </c>
      <c r="MF24" s="348">
        <v>0</v>
      </c>
      <c r="MG24" s="345">
        <v>0</v>
      </c>
      <c r="MH24" s="349">
        <v>0</v>
      </c>
      <c r="MI24" s="404">
        <v>0</v>
      </c>
      <c r="MJ24" s="345">
        <v>0</v>
      </c>
      <c r="MK24" s="345">
        <v>498431</v>
      </c>
      <c r="ML24" s="345">
        <v>1854123</v>
      </c>
      <c r="MM24" s="345">
        <v>972258</v>
      </c>
      <c r="MN24" s="345">
        <v>1402632</v>
      </c>
      <c r="MO24" s="349">
        <v>4727444</v>
      </c>
      <c r="MP24" s="354">
        <v>4727444</v>
      </c>
      <c r="MQ24" s="348">
        <v>0</v>
      </c>
      <c r="MR24" s="345">
        <v>0</v>
      </c>
      <c r="MS24" s="349">
        <v>0</v>
      </c>
      <c r="MT24" s="404">
        <v>0</v>
      </c>
      <c r="MU24" s="345">
        <v>0</v>
      </c>
      <c r="MV24" s="345">
        <v>0</v>
      </c>
      <c r="MW24" s="345">
        <v>1112729</v>
      </c>
      <c r="MX24" s="345">
        <v>468209</v>
      </c>
      <c r="MY24" s="345">
        <v>764144</v>
      </c>
      <c r="MZ24" s="349">
        <v>2345082</v>
      </c>
      <c r="NA24" s="354">
        <v>2345082</v>
      </c>
      <c r="NB24" s="348">
        <v>0</v>
      </c>
      <c r="NC24" s="345">
        <v>0</v>
      </c>
      <c r="ND24" s="349">
        <v>0</v>
      </c>
      <c r="NE24" s="404">
        <v>0</v>
      </c>
      <c r="NF24" s="345">
        <v>0</v>
      </c>
      <c r="NG24" s="345">
        <v>498431</v>
      </c>
      <c r="NH24" s="345">
        <v>741394</v>
      </c>
      <c r="NI24" s="345">
        <v>504049</v>
      </c>
      <c r="NJ24" s="345">
        <v>278927</v>
      </c>
      <c r="NK24" s="349">
        <v>2022801</v>
      </c>
      <c r="NL24" s="347">
        <v>2022801</v>
      </c>
      <c r="NM24" s="348">
        <v>0</v>
      </c>
      <c r="NN24" s="345">
        <v>0</v>
      </c>
      <c r="NO24" s="349">
        <v>0</v>
      </c>
      <c r="NP24" s="404">
        <v>0</v>
      </c>
      <c r="NQ24" s="345">
        <v>0</v>
      </c>
      <c r="NR24" s="345">
        <v>0</v>
      </c>
      <c r="NS24" s="345">
        <v>0</v>
      </c>
      <c r="NT24" s="345">
        <v>0</v>
      </c>
      <c r="NU24" s="345">
        <v>0</v>
      </c>
      <c r="NV24" s="349">
        <v>0</v>
      </c>
      <c r="NW24" s="350">
        <v>0</v>
      </c>
      <c r="NX24" s="348">
        <v>0</v>
      </c>
      <c r="NY24" s="345">
        <v>0</v>
      </c>
      <c r="NZ24" s="349">
        <v>0</v>
      </c>
      <c r="OA24" s="404">
        <v>0</v>
      </c>
      <c r="OB24" s="345">
        <v>0</v>
      </c>
      <c r="OC24" s="345">
        <v>0</v>
      </c>
      <c r="OD24" s="345">
        <v>0</v>
      </c>
      <c r="OE24" s="345">
        <v>0</v>
      </c>
      <c r="OF24" s="345">
        <v>359561</v>
      </c>
      <c r="OG24" s="349">
        <v>359561</v>
      </c>
      <c r="OH24" s="350">
        <v>359561</v>
      </c>
      <c r="OI24" s="348">
        <v>287061</v>
      </c>
      <c r="OJ24" s="345">
        <v>128212</v>
      </c>
      <c r="OK24" s="346">
        <v>415273</v>
      </c>
      <c r="OL24" s="351">
        <v>0</v>
      </c>
      <c r="OM24" s="345">
        <v>3674404</v>
      </c>
      <c r="ON24" s="345">
        <v>4700674</v>
      </c>
      <c r="OO24" s="345">
        <v>4928367</v>
      </c>
      <c r="OP24" s="345">
        <v>3585494</v>
      </c>
      <c r="OQ24" s="345">
        <v>3868953</v>
      </c>
      <c r="OR24" s="349">
        <v>20757892</v>
      </c>
      <c r="OS24" s="354">
        <v>21173165</v>
      </c>
    </row>
    <row r="25" spans="2:409" s="70" customFormat="1" ht="21" customHeight="1" x14ac:dyDescent="0.2">
      <c r="B25" s="106" t="s">
        <v>20</v>
      </c>
      <c r="C25" s="326">
        <v>426407</v>
      </c>
      <c r="D25" s="327">
        <v>540778</v>
      </c>
      <c r="E25" s="328">
        <v>967185</v>
      </c>
      <c r="F25" s="326">
        <v>0</v>
      </c>
      <c r="G25" s="327">
        <v>3295530</v>
      </c>
      <c r="H25" s="327">
        <v>4646183</v>
      </c>
      <c r="I25" s="327">
        <v>3657577</v>
      </c>
      <c r="J25" s="327">
        <v>3982175</v>
      </c>
      <c r="K25" s="327">
        <v>2364575</v>
      </c>
      <c r="L25" s="367">
        <v>17946040</v>
      </c>
      <c r="M25" s="330">
        <v>18913225</v>
      </c>
      <c r="N25" s="326">
        <v>132929</v>
      </c>
      <c r="O25" s="327">
        <v>207168</v>
      </c>
      <c r="P25" s="328">
        <v>340097</v>
      </c>
      <c r="Q25" s="326">
        <v>0</v>
      </c>
      <c r="R25" s="327">
        <v>1195966</v>
      </c>
      <c r="S25" s="327">
        <v>1764943</v>
      </c>
      <c r="T25" s="327">
        <v>901341</v>
      </c>
      <c r="U25" s="327">
        <v>1544822</v>
      </c>
      <c r="V25" s="327">
        <v>1088476</v>
      </c>
      <c r="W25" s="328">
        <v>6495548</v>
      </c>
      <c r="X25" s="330">
        <v>6835645</v>
      </c>
      <c r="Y25" s="326">
        <v>0</v>
      </c>
      <c r="Z25" s="327">
        <v>0</v>
      </c>
      <c r="AA25" s="328">
        <v>0</v>
      </c>
      <c r="AB25" s="326">
        <v>0</v>
      </c>
      <c r="AC25" s="327">
        <v>397294</v>
      </c>
      <c r="AD25" s="327">
        <v>798693</v>
      </c>
      <c r="AE25" s="327">
        <v>272637</v>
      </c>
      <c r="AF25" s="327">
        <v>706185</v>
      </c>
      <c r="AG25" s="327">
        <v>779002</v>
      </c>
      <c r="AH25" s="328">
        <v>2953811</v>
      </c>
      <c r="AI25" s="330">
        <v>2953811</v>
      </c>
      <c r="AJ25" s="326">
        <v>0</v>
      </c>
      <c r="AK25" s="327">
        <v>0</v>
      </c>
      <c r="AL25" s="328">
        <v>0</v>
      </c>
      <c r="AM25" s="326">
        <v>0</v>
      </c>
      <c r="AN25" s="327">
        <v>0</v>
      </c>
      <c r="AO25" s="327">
        <v>0</v>
      </c>
      <c r="AP25" s="327">
        <v>0</v>
      </c>
      <c r="AQ25" s="327">
        <v>287416</v>
      </c>
      <c r="AR25" s="327">
        <v>122775</v>
      </c>
      <c r="AS25" s="328">
        <v>410191</v>
      </c>
      <c r="AT25" s="330">
        <v>410191</v>
      </c>
      <c r="AU25" s="326">
        <v>104257</v>
      </c>
      <c r="AV25" s="327">
        <v>78188</v>
      </c>
      <c r="AW25" s="328">
        <v>182445</v>
      </c>
      <c r="AX25" s="326">
        <v>0</v>
      </c>
      <c r="AY25" s="327">
        <v>541191</v>
      </c>
      <c r="AZ25" s="327">
        <v>657413</v>
      </c>
      <c r="BA25" s="327">
        <v>472695</v>
      </c>
      <c r="BB25" s="327">
        <v>307871</v>
      </c>
      <c r="BC25" s="327">
        <v>18848</v>
      </c>
      <c r="BD25" s="328">
        <v>1998018</v>
      </c>
      <c r="BE25" s="330">
        <v>2180463</v>
      </c>
      <c r="BF25" s="326">
        <v>0</v>
      </c>
      <c r="BG25" s="327">
        <v>99062</v>
      </c>
      <c r="BH25" s="331">
        <v>99062</v>
      </c>
      <c r="BI25" s="332">
        <v>0</v>
      </c>
      <c r="BJ25" s="327">
        <v>146489</v>
      </c>
      <c r="BK25" s="327">
        <v>118374</v>
      </c>
      <c r="BL25" s="327">
        <v>0</v>
      </c>
      <c r="BM25" s="327">
        <v>56233</v>
      </c>
      <c r="BN25" s="327">
        <v>47969</v>
      </c>
      <c r="BO25" s="328">
        <v>369065</v>
      </c>
      <c r="BP25" s="330">
        <v>468127</v>
      </c>
      <c r="BQ25" s="326">
        <v>28672</v>
      </c>
      <c r="BR25" s="327">
        <v>29918</v>
      </c>
      <c r="BS25" s="328">
        <v>58590</v>
      </c>
      <c r="BT25" s="326">
        <v>0</v>
      </c>
      <c r="BU25" s="327">
        <v>110992</v>
      </c>
      <c r="BV25" s="327">
        <v>190463</v>
      </c>
      <c r="BW25" s="327">
        <v>156009</v>
      </c>
      <c r="BX25" s="327">
        <v>187117</v>
      </c>
      <c r="BY25" s="327">
        <v>119882</v>
      </c>
      <c r="BZ25" s="328">
        <v>764463</v>
      </c>
      <c r="CA25" s="330">
        <v>823053</v>
      </c>
      <c r="CB25" s="326">
        <v>0</v>
      </c>
      <c r="CC25" s="327">
        <v>73076</v>
      </c>
      <c r="CD25" s="328">
        <v>73076</v>
      </c>
      <c r="CE25" s="326">
        <v>0</v>
      </c>
      <c r="CF25" s="327">
        <v>867255</v>
      </c>
      <c r="CG25" s="327">
        <v>1209491</v>
      </c>
      <c r="CH25" s="327">
        <v>1420208</v>
      </c>
      <c r="CI25" s="327">
        <v>703609</v>
      </c>
      <c r="CJ25" s="327">
        <v>461980</v>
      </c>
      <c r="CK25" s="328">
        <v>4662543</v>
      </c>
      <c r="CL25" s="330">
        <v>4735619</v>
      </c>
      <c r="CM25" s="326">
        <v>0</v>
      </c>
      <c r="CN25" s="327">
        <v>0</v>
      </c>
      <c r="CO25" s="328">
        <v>0</v>
      </c>
      <c r="CP25" s="332">
        <v>0</v>
      </c>
      <c r="CQ25" s="327">
        <v>670129</v>
      </c>
      <c r="CR25" s="327">
        <v>710003</v>
      </c>
      <c r="CS25" s="327">
        <v>1143118</v>
      </c>
      <c r="CT25" s="327">
        <v>282376</v>
      </c>
      <c r="CU25" s="327">
        <v>461980</v>
      </c>
      <c r="CV25" s="328">
        <v>3267606</v>
      </c>
      <c r="CW25" s="330">
        <v>3267606</v>
      </c>
      <c r="CX25" s="326">
        <v>0</v>
      </c>
      <c r="CY25" s="327">
        <v>73076</v>
      </c>
      <c r="CZ25" s="328">
        <v>73076</v>
      </c>
      <c r="DA25" s="326">
        <v>0</v>
      </c>
      <c r="DB25" s="327">
        <v>197126</v>
      </c>
      <c r="DC25" s="327">
        <v>499488</v>
      </c>
      <c r="DD25" s="327">
        <v>277090</v>
      </c>
      <c r="DE25" s="327">
        <v>421233</v>
      </c>
      <c r="DF25" s="327">
        <v>0</v>
      </c>
      <c r="DG25" s="328">
        <v>1394937</v>
      </c>
      <c r="DH25" s="330">
        <v>1468013</v>
      </c>
      <c r="DI25" s="326">
        <v>0</v>
      </c>
      <c r="DJ25" s="327">
        <v>0</v>
      </c>
      <c r="DK25" s="331">
        <v>0</v>
      </c>
      <c r="DL25" s="332">
        <v>0</v>
      </c>
      <c r="DM25" s="327">
        <v>124160</v>
      </c>
      <c r="DN25" s="327">
        <v>470443</v>
      </c>
      <c r="DO25" s="327">
        <v>307780</v>
      </c>
      <c r="DP25" s="327">
        <v>164934</v>
      </c>
      <c r="DQ25" s="327">
        <v>28609</v>
      </c>
      <c r="DR25" s="328">
        <v>1095926</v>
      </c>
      <c r="DS25" s="330">
        <v>1095926</v>
      </c>
      <c r="DT25" s="326">
        <v>0</v>
      </c>
      <c r="DU25" s="327">
        <v>0</v>
      </c>
      <c r="DV25" s="328">
        <v>0</v>
      </c>
      <c r="DW25" s="326">
        <v>0</v>
      </c>
      <c r="DX25" s="327">
        <v>98316</v>
      </c>
      <c r="DY25" s="327">
        <v>404175</v>
      </c>
      <c r="DZ25" s="327">
        <v>307780</v>
      </c>
      <c r="EA25" s="327">
        <v>164934</v>
      </c>
      <c r="EB25" s="327">
        <v>28609</v>
      </c>
      <c r="EC25" s="328">
        <v>1003814</v>
      </c>
      <c r="ED25" s="330">
        <v>1003814</v>
      </c>
      <c r="EE25" s="326">
        <v>0</v>
      </c>
      <c r="EF25" s="331">
        <v>0</v>
      </c>
      <c r="EG25" s="328">
        <v>0</v>
      </c>
      <c r="EH25" s="326">
        <v>0</v>
      </c>
      <c r="EI25" s="327">
        <v>25844</v>
      </c>
      <c r="EJ25" s="327">
        <v>66268</v>
      </c>
      <c r="EK25" s="327">
        <v>0</v>
      </c>
      <c r="EL25" s="327">
        <v>0</v>
      </c>
      <c r="EM25" s="327">
        <v>0</v>
      </c>
      <c r="EN25" s="331">
        <v>92112</v>
      </c>
      <c r="EO25" s="330">
        <v>92112</v>
      </c>
      <c r="EP25" s="326">
        <v>0</v>
      </c>
      <c r="EQ25" s="327">
        <v>0</v>
      </c>
      <c r="ER25" s="331">
        <v>0</v>
      </c>
      <c r="ES25" s="332">
        <v>0</v>
      </c>
      <c r="ET25" s="327">
        <v>0</v>
      </c>
      <c r="EU25" s="327">
        <v>0</v>
      </c>
      <c r="EV25" s="327">
        <v>0</v>
      </c>
      <c r="EW25" s="327">
        <v>0</v>
      </c>
      <c r="EX25" s="327">
        <v>0</v>
      </c>
      <c r="EY25" s="328">
        <v>0</v>
      </c>
      <c r="EZ25" s="330">
        <v>0</v>
      </c>
      <c r="FA25" s="326">
        <v>0</v>
      </c>
      <c r="FB25" s="327">
        <v>0</v>
      </c>
      <c r="FC25" s="331">
        <v>0</v>
      </c>
      <c r="FD25" s="404">
        <v>0</v>
      </c>
      <c r="FE25" s="327">
        <v>0</v>
      </c>
      <c r="FF25" s="327">
        <v>0</v>
      </c>
      <c r="FG25" s="327">
        <v>0</v>
      </c>
      <c r="FH25" s="327">
        <v>0</v>
      </c>
      <c r="FI25" s="327">
        <v>0</v>
      </c>
      <c r="FJ25" s="328">
        <v>0</v>
      </c>
      <c r="FK25" s="330">
        <v>0</v>
      </c>
      <c r="FL25" s="326">
        <v>88620</v>
      </c>
      <c r="FM25" s="327">
        <v>137382</v>
      </c>
      <c r="FN25" s="328">
        <v>226002</v>
      </c>
      <c r="FO25" s="326">
        <v>0</v>
      </c>
      <c r="FP25" s="327">
        <v>168218</v>
      </c>
      <c r="FQ25" s="327">
        <v>253729</v>
      </c>
      <c r="FR25" s="327">
        <v>300937</v>
      </c>
      <c r="FS25" s="327">
        <v>357567</v>
      </c>
      <c r="FT25" s="327">
        <v>138040</v>
      </c>
      <c r="FU25" s="328">
        <v>1218491</v>
      </c>
      <c r="FV25" s="330">
        <v>1444493</v>
      </c>
      <c r="FW25" s="333">
        <v>58590</v>
      </c>
      <c r="FX25" s="327">
        <v>123522</v>
      </c>
      <c r="FY25" s="331">
        <v>182112</v>
      </c>
      <c r="FZ25" s="332">
        <v>0</v>
      </c>
      <c r="GA25" s="327">
        <v>168218</v>
      </c>
      <c r="GB25" s="327">
        <v>253729</v>
      </c>
      <c r="GC25" s="327">
        <v>296737</v>
      </c>
      <c r="GD25" s="327">
        <v>298739</v>
      </c>
      <c r="GE25" s="327">
        <v>138040</v>
      </c>
      <c r="GF25" s="328">
        <v>1155463</v>
      </c>
      <c r="GG25" s="334">
        <v>1337575</v>
      </c>
      <c r="GH25" s="333">
        <v>30030</v>
      </c>
      <c r="GI25" s="327">
        <v>13860</v>
      </c>
      <c r="GJ25" s="331">
        <v>43890</v>
      </c>
      <c r="GK25" s="332">
        <v>0</v>
      </c>
      <c r="GL25" s="327">
        <v>0</v>
      </c>
      <c r="GM25" s="327">
        <v>0</v>
      </c>
      <c r="GN25" s="327">
        <v>4200</v>
      </c>
      <c r="GO25" s="327">
        <v>20328</v>
      </c>
      <c r="GP25" s="327">
        <v>0</v>
      </c>
      <c r="GQ25" s="328">
        <v>24528</v>
      </c>
      <c r="GR25" s="330">
        <v>68418</v>
      </c>
      <c r="GS25" s="326">
        <v>0</v>
      </c>
      <c r="GT25" s="327">
        <v>0</v>
      </c>
      <c r="GU25" s="328">
        <v>0</v>
      </c>
      <c r="GV25" s="326">
        <v>0</v>
      </c>
      <c r="GW25" s="327">
        <v>0</v>
      </c>
      <c r="GX25" s="327">
        <v>0</v>
      </c>
      <c r="GY25" s="327">
        <v>0</v>
      </c>
      <c r="GZ25" s="327">
        <v>38500</v>
      </c>
      <c r="HA25" s="327">
        <v>0</v>
      </c>
      <c r="HB25" s="331">
        <v>38500</v>
      </c>
      <c r="HC25" s="330">
        <v>38500</v>
      </c>
      <c r="HD25" s="326">
        <v>204858</v>
      </c>
      <c r="HE25" s="327">
        <v>123152</v>
      </c>
      <c r="HF25" s="331">
        <v>328010</v>
      </c>
      <c r="HG25" s="332">
        <v>0</v>
      </c>
      <c r="HH25" s="327">
        <v>939931</v>
      </c>
      <c r="HI25" s="327">
        <v>947577</v>
      </c>
      <c r="HJ25" s="327">
        <v>727311</v>
      </c>
      <c r="HK25" s="327">
        <v>1211243</v>
      </c>
      <c r="HL25" s="327">
        <v>647470</v>
      </c>
      <c r="HM25" s="328">
        <v>4473532</v>
      </c>
      <c r="HN25" s="329">
        <v>4801542</v>
      </c>
      <c r="HO25" s="333">
        <v>0</v>
      </c>
      <c r="HP25" s="327">
        <v>0</v>
      </c>
      <c r="HQ25" s="328">
        <v>0</v>
      </c>
      <c r="HR25" s="326">
        <v>0</v>
      </c>
      <c r="HS25" s="327">
        <v>0</v>
      </c>
      <c r="HT25" s="327">
        <v>0</v>
      </c>
      <c r="HU25" s="327">
        <v>0</v>
      </c>
      <c r="HV25" s="327">
        <v>0</v>
      </c>
      <c r="HW25" s="327">
        <v>0</v>
      </c>
      <c r="HX25" s="331">
        <v>0</v>
      </c>
      <c r="HY25" s="330">
        <v>0</v>
      </c>
      <c r="HZ25" s="335">
        <v>0</v>
      </c>
      <c r="IA25" s="336">
        <v>125569</v>
      </c>
      <c r="IB25" s="337">
        <v>125569</v>
      </c>
      <c r="IC25" s="338">
        <v>0</v>
      </c>
      <c r="ID25" s="336">
        <v>516048</v>
      </c>
      <c r="IE25" s="339">
        <v>492181</v>
      </c>
      <c r="IF25" s="337">
        <v>1233271</v>
      </c>
      <c r="IG25" s="336">
        <v>0</v>
      </c>
      <c r="IH25" s="337">
        <v>255938</v>
      </c>
      <c r="II25" s="340">
        <v>2497438</v>
      </c>
      <c r="IJ25" s="341">
        <v>2623007</v>
      </c>
      <c r="IK25" s="342">
        <v>0</v>
      </c>
      <c r="IL25" s="343">
        <v>0</v>
      </c>
      <c r="IM25" s="344">
        <v>0</v>
      </c>
      <c r="IN25" s="404">
        <v>0</v>
      </c>
      <c r="IO25" s="345">
        <v>0</v>
      </c>
      <c r="IP25" s="345">
        <v>0</v>
      </c>
      <c r="IQ25" s="345">
        <v>0</v>
      </c>
      <c r="IR25" s="345">
        <v>0</v>
      </c>
      <c r="IS25" s="345">
        <v>0</v>
      </c>
      <c r="IT25" s="346">
        <v>0</v>
      </c>
      <c r="IU25" s="347">
        <v>0</v>
      </c>
      <c r="IV25" s="348">
        <v>0</v>
      </c>
      <c r="IW25" s="345">
        <v>0</v>
      </c>
      <c r="IX25" s="349">
        <v>0</v>
      </c>
      <c r="IY25" s="404">
        <v>0</v>
      </c>
      <c r="IZ25" s="345">
        <v>0</v>
      </c>
      <c r="JA25" s="345">
        <v>0</v>
      </c>
      <c r="JB25" s="345">
        <v>0</v>
      </c>
      <c r="JC25" s="345">
        <v>0</v>
      </c>
      <c r="JD25" s="345">
        <v>0</v>
      </c>
      <c r="JE25" s="349">
        <v>0</v>
      </c>
      <c r="JF25" s="350">
        <v>0</v>
      </c>
      <c r="JG25" s="348">
        <v>0</v>
      </c>
      <c r="JH25" s="345">
        <v>0</v>
      </c>
      <c r="JI25" s="346">
        <v>0</v>
      </c>
      <c r="JJ25" s="351">
        <v>0</v>
      </c>
      <c r="JK25" s="345">
        <v>301725</v>
      </c>
      <c r="JL25" s="345">
        <v>265530</v>
      </c>
      <c r="JM25" s="345">
        <v>34512</v>
      </c>
      <c r="JN25" s="345">
        <v>0</v>
      </c>
      <c r="JO25" s="345">
        <v>0</v>
      </c>
      <c r="JP25" s="349">
        <v>601767</v>
      </c>
      <c r="JQ25" s="347">
        <v>601767</v>
      </c>
      <c r="JR25" s="348">
        <v>0</v>
      </c>
      <c r="JS25" s="345">
        <v>0</v>
      </c>
      <c r="JT25" s="346">
        <v>0</v>
      </c>
      <c r="JU25" s="351">
        <v>0</v>
      </c>
      <c r="JV25" s="345">
        <v>0</v>
      </c>
      <c r="JW25" s="345">
        <v>0</v>
      </c>
      <c r="JX25" s="345">
        <v>71172</v>
      </c>
      <c r="JY25" s="345">
        <v>0</v>
      </c>
      <c r="JZ25" s="345">
        <v>0</v>
      </c>
      <c r="KA25" s="349">
        <v>71172</v>
      </c>
      <c r="KB25" s="347">
        <v>71172</v>
      </c>
      <c r="KC25" s="352">
        <v>0</v>
      </c>
      <c r="KD25" s="353">
        <v>125569</v>
      </c>
      <c r="KE25" s="349">
        <v>125569</v>
      </c>
      <c r="KF25" s="351">
        <v>0</v>
      </c>
      <c r="KG25" s="345">
        <v>0</v>
      </c>
      <c r="KH25" s="345">
        <v>0</v>
      </c>
      <c r="KI25" s="345">
        <v>435422</v>
      </c>
      <c r="KJ25" s="345">
        <v>0</v>
      </c>
      <c r="KK25" s="345">
        <v>255938</v>
      </c>
      <c r="KL25" s="349">
        <v>691360</v>
      </c>
      <c r="KM25" s="354">
        <v>816929</v>
      </c>
      <c r="KN25" s="342">
        <v>0</v>
      </c>
      <c r="KO25" s="343">
        <v>0</v>
      </c>
      <c r="KP25" s="344">
        <v>0</v>
      </c>
      <c r="KQ25" s="404">
        <v>0</v>
      </c>
      <c r="KR25" s="345">
        <v>214323</v>
      </c>
      <c r="KS25" s="345">
        <v>226651</v>
      </c>
      <c r="KT25" s="345">
        <v>692165</v>
      </c>
      <c r="KU25" s="345">
        <v>0</v>
      </c>
      <c r="KV25" s="345">
        <v>0</v>
      </c>
      <c r="KW25" s="349">
        <v>1133139</v>
      </c>
      <c r="KX25" s="347">
        <v>1133139</v>
      </c>
      <c r="KY25" s="348">
        <v>0</v>
      </c>
      <c r="KZ25" s="345">
        <v>0</v>
      </c>
      <c r="LA25" s="349">
        <v>0</v>
      </c>
      <c r="LB25" s="404">
        <v>0</v>
      </c>
      <c r="LC25" s="345">
        <v>0</v>
      </c>
      <c r="LD25" s="345">
        <v>0</v>
      </c>
      <c r="LE25" s="345">
        <v>0</v>
      </c>
      <c r="LF25" s="345">
        <v>0</v>
      </c>
      <c r="LG25" s="345">
        <v>0</v>
      </c>
      <c r="LH25" s="349">
        <v>0</v>
      </c>
      <c r="LI25" s="350">
        <v>0</v>
      </c>
      <c r="LJ25" s="348">
        <v>0</v>
      </c>
      <c r="LK25" s="345">
        <v>0</v>
      </c>
      <c r="LL25" s="349">
        <v>0</v>
      </c>
      <c r="LM25" s="404">
        <v>0</v>
      </c>
      <c r="LN25" s="345">
        <v>0</v>
      </c>
      <c r="LO25" s="345">
        <v>0</v>
      </c>
      <c r="LP25" s="345">
        <v>0</v>
      </c>
      <c r="LQ25" s="345">
        <v>0</v>
      </c>
      <c r="LR25" s="345">
        <v>0</v>
      </c>
      <c r="LS25" s="349">
        <v>0</v>
      </c>
      <c r="LT25" s="347">
        <v>0</v>
      </c>
      <c r="LU25" s="348">
        <v>0</v>
      </c>
      <c r="LV25" s="345">
        <v>0</v>
      </c>
      <c r="LW25" s="349">
        <v>0</v>
      </c>
      <c r="LX25" s="404">
        <v>0</v>
      </c>
      <c r="LY25" s="345">
        <v>0</v>
      </c>
      <c r="LZ25" s="345">
        <v>0</v>
      </c>
      <c r="MA25" s="345">
        <v>0</v>
      </c>
      <c r="MB25" s="345">
        <v>0</v>
      </c>
      <c r="MC25" s="345">
        <v>0</v>
      </c>
      <c r="MD25" s="349">
        <v>0</v>
      </c>
      <c r="ME25" s="350">
        <v>0</v>
      </c>
      <c r="MF25" s="348">
        <v>0</v>
      </c>
      <c r="MG25" s="345">
        <v>0</v>
      </c>
      <c r="MH25" s="349">
        <v>0</v>
      </c>
      <c r="MI25" s="404">
        <v>0</v>
      </c>
      <c r="MJ25" s="345">
        <v>433694</v>
      </c>
      <c r="MK25" s="345">
        <v>930222</v>
      </c>
      <c r="ML25" s="345">
        <v>955901</v>
      </c>
      <c r="MM25" s="345">
        <v>2708885</v>
      </c>
      <c r="MN25" s="345">
        <v>1237383</v>
      </c>
      <c r="MO25" s="349">
        <v>6266085</v>
      </c>
      <c r="MP25" s="354">
        <v>6266085</v>
      </c>
      <c r="MQ25" s="348">
        <v>0</v>
      </c>
      <c r="MR25" s="345">
        <v>0</v>
      </c>
      <c r="MS25" s="349">
        <v>0</v>
      </c>
      <c r="MT25" s="404">
        <v>0</v>
      </c>
      <c r="MU25" s="345">
        <v>0</v>
      </c>
      <c r="MV25" s="345">
        <v>444242</v>
      </c>
      <c r="MW25" s="345">
        <v>467092</v>
      </c>
      <c r="MX25" s="345">
        <v>1673482</v>
      </c>
      <c r="MY25" s="345">
        <v>1102861</v>
      </c>
      <c r="MZ25" s="349">
        <v>3687677</v>
      </c>
      <c r="NA25" s="354">
        <v>3687677</v>
      </c>
      <c r="NB25" s="348">
        <v>0</v>
      </c>
      <c r="NC25" s="345">
        <v>0</v>
      </c>
      <c r="ND25" s="349">
        <v>0</v>
      </c>
      <c r="NE25" s="404">
        <v>0</v>
      </c>
      <c r="NF25" s="345">
        <v>433694</v>
      </c>
      <c r="NG25" s="345">
        <v>485980</v>
      </c>
      <c r="NH25" s="345">
        <v>239821</v>
      </c>
      <c r="NI25" s="345">
        <v>1035403</v>
      </c>
      <c r="NJ25" s="345">
        <v>134522</v>
      </c>
      <c r="NK25" s="349">
        <v>2329420</v>
      </c>
      <c r="NL25" s="347">
        <v>2329420</v>
      </c>
      <c r="NM25" s="348">
        <v>0</v>
      </c>
      <c r="NN25" s="345">
        <v>0</v>
      </c>
      <c r="NO25" s="349">
        <v>0</v>
      </c>
      <c r="NP25" s="404">
        <v>0</v>
      </c>
      <c r="NQ25" s="345">
        <v>0</v>
      </c>
      <c r="NR25" s="345">
        <v>0</v>
      </c>
      <c r="NS25" s="345">
        <v>0</v>
      </c>
      <c r="NT25" s="345">
        <v>0</v>
      </c>
      <c r="NU25" s="345">
        <v>0</v>
      </c>
      <c r="NV25" s="349">
        <v>0</v>
      </c>
      <c r="NW25" s="350">
        <v>0</v>
      </c>
      <c r="NX25" s="348">
        <v>0</v>
      </c>
      <c r="NY25" s="345">
        <v>0</v>
      </c>
      <c r="NZ25" s="349">
        <v>0</v>
      </c>
      <c r="OA25" s="404">
        <v>0</v>
      </c>
      <c r="OB25" s="345">
        <v>0</v>
      </c>
      <c r="OC25" s="345">
        <v>0</v>
      </c>
      <c r="OD25" s="345">
        <v>248988</v>
      </c>
      <c r="OE25" s="345">
        <v>0</v>
      </c>
      <c r="OF25" s="345">
        <v>0</v>
      </c>
      <c r="OG25" s="349">
        <v>248988</v>
      </c>
      <c r="OH25" s="350">
        <v>248988</v>
      </c>
      <c r="OI25" s="348">
        <v>426407</v>
      </c>
      <c r="OJ25" s="345">
        <v>666347</v>
      </c>
      <c r="OK25" s="346">
        <v>1092754</v>
      </c>
      <c r="OL25" s="351">
        <v>0</v>
      </c>
      <c r="OM25" s="345">
        <v>4245272</v>
      </c>
      <c r="ON25" s="345">
        <v>6068586</v>
      </c>
      <c r="OO25" s="345">
        <v>5846749</v>
      </c>
      <c r="OP25" s="345">
        <v>6691060</v>
      </c>
      <c r="OQ25" s="345">
        <v>3857896</v>
      </c>
      <c r="OR25" s="349">
        <v>26709563</v>
      </c>
      <c r="OS25" s="354">
        <v>27802317</v>
      </c>
    </row>
    <row r="26" spans="2:409" s="70" customFormat="1" ht="21" customHeight="1" x14ac:dyDescent="0.2">
      <c r="B26" s="106" t="s">
        <v>21</v>
      </c>
      <c r="C26" s="326">
        <v>258752</v>
      </c>
      <c r="D26" s="327">
        <v>298697</v>
      </c>
      <c r="E26" s="328">
        <v>557449</v>
      </c>
      <c r="F26" s="329">
        <v>0</v>
      </c>
      <c r="G26" s="327">
        <v>3109547</v>
      </c>
      <c r="H26" s="327">
        <v>3202687</v>
      </c>
      <c r="I26" s="327">
        <v>3623719</v>
      </c>
      <c r="J26" s="327">
        <v>3291936</v>
      </c>
      <c r="K26" s="327">
        <v>2301349</v>
      </c>
      <c r="L26" s="367">
        <v>15529238</v>
      </c>
      <c r="M26" s="330">
        <v>16086687</v>
      </c>
      <c r="N26" s="326">
        <v>63063</v>
      </c>
      <c r="O26" s="327">
        <v>117350</v>
      </c>
      <c r="P26" s="328">
        <v>180413</v>
      </c>
      <c r="Q26" s="326">
        <v>0</v>
      </c>
      <c r="R26" s="327">
        <v>854860</v>
      </c>
      <c r="S26" s="327">
        <v>1438750</v>
      </c>
      <c r="T26" s="327">
        <v>566254</v>
      </c>
      <c r="U26" s="327">
        <v>1179690</v>
      </c>
      <c r="V26" s="327">
        <v>793024</v>
      </c>
      <c r="W26" s="328">
        <v>4832578</v>
      </c>
      <c r="X26" s="330">
        <v>5012991</v>
      </c>
      <c r="Y26" s="326">
        <v>0</v>
      </c>
      <c r="Z26" s="327">
        <v>0</v>
      </c>
      <c r="AA26" s="328">
        <v>0</v>
      </c>
      <c r="AB26" s="326">
        <v>0</v>
      </c>
      <c r="AC26" s="327">
        <v>405561</v>
      </c>
      <c r="AD26" s="327">
        <v>800929</v>
      </c>
      <c r="AE26" s="327">
        <v>213238</v>
      </c>
      <c r="AF26" s="327">
        <v>525952</v>
      </c>
      <c r="AG26" s="327">
        <v>164784</v>
      </c>
      <c r="AH26" s="328">
        <v>2110464</v>
      </c>
      <c r="AI26" s="330">
        <v>2110464</v>
      </c>
      <c r="AJ26" s="326">
        <v>0</v>
      </c>
      <c r="AK26" s="327">
        <v>0</v>
      </c>
      <c r="AL26" s="328">
        <v>0</v>
      </c>
      <c r="AM26" s="326">
        <v>0</v>
      </c>
      <c r="AN26" s="327">
        <v>0</v>
      </c>
      <c r="AO26" s="327">
        <v>0</v>
      </c>
      <c r="AP26" s="327">
        <v>0</v>
      </c>
      <c r="AQ26" s="327">
        <v>65605</v>
      </c>
      <c r="AR26" s="327">
        <v>197909</v>
      </c>
      <c r="AS26" s="328">
        <v>263514</v>
      </c>
      <c r="AT26" s="330">
        <v>263514</v>
      </c>
      <c r="AU26" s="326">
        <v>18263</v>
      </c>
      <c r="AV26" s="327">
        <v>0</v>
      </c>
      <c r="AW26" s="328">
        <v>18263</v>
      </c>
      <c r="AX26" s="326">
        <v>0</v>
      </c>
      <c r="AY26" s="327">
        <v>269838</v>
      </c>
      <c r="AZ26" s="327">
        <v>423488</v>
      </c>
      <c r="BA26" s="327">
        <v>119690</v>
      </c>
      <c r="BB26" s="327">
        <v>299992</v>
      </c>
      <c r="BC26" s="327">
        <v>325818</v>
      </c>
      <c r="BD26" s="328">
        <v>1438826</v>
      </c>
      <c r="BE26" s="330">
        <v>1457089</v>
      </c>
      <c r="BF26" s="326">
        <v>0</v>
      </c>
      <c r="BG26" s="327">
        <v>60615</v>
      </c>
      <c r="BH26" s="331">
        <v>60615</v>
      </c>
      <c r="BI26" s="332">
        <v>0</v>
      </c>
      <c r="BJ26" s="327">
        <v>25041</v>
      </c>
      <c r="BK26" s="327">
        <v>0</v>
      </c>
      <c r="BL26" s="327">
        <v>52810</v>
      </c>
      <c r="BM26" s="327">
        <v>0</v>
      </c>
      <c r="BN26" s="327">
        <v>18875</v>
      </c>
      <c r="BO26" s="328">
        <v>96726</v>
      </c>
      <c r="BP26" s="330">
        <v>157341</v>
      </c>
      <c r="BQ26" s="326">
        <v>44800</v>
      </c>
      <c r="BR26" s="327">
        <v>56735</v>
      </c>
      <c r="BS26" s="328">
        <v>101535</v>
      </c>
      <c r="BT26" s="326">
        <v>0</v>
      </c>
      <c r="BU26" s="327">
        <v>154420</v>
      </c>
      <c r="BV26" s="327">
        <v>214333</v>
      </c>
      <c r="BW26" s="327">
        <v>180516</v>
      </c>
      <c r="BX26" s="327">
        <v>288141</v>
      </c>
      <c r="BY26" s="327">
        <v>85638</v>
      </c>
      <c r="BZ26" s="328">
        <v>923048</v>
      </c>
      <c r="CA26" s="330">
        <v>1024583</v>
      </c>
      <c r="CB26" s="326">
        <v>0</v>
      </c>
      <c r="CC26" s="327">
        <v>31223</v>
      </c>
      <c r="CD26" s="328">
        <v>31223</v>
      </c>
      <c r="CE26" s="326">
        <v>0</v>
      </c>
      <c r="CF26" s="327">
        <v>1174872</v>
      </c>
      <c r="CG26" s="327">
        <v>819357</v>
      </c>
      <c r="CH26" s="327">
        <v>441893</v>
      </c>
      <c r="CI26" s="327">
        <v>247851</v>
      </c>
      <c r="CJ26" s="327">
        <v>220626</v>
      </c>
      <c r="CK26" s="328">
        <v>2904599</v>
      </c>
      <c r="CL26" s="330">
        <v>2935822</v>
      </c>
      <c r="CM26" s="326">
        <v>0</v>
      </c>
      <c r="CN26" s="327">
        <v>0</v>
      </c>
      <c r="CO26" s="328">
        <v>0</v>
      </c>
      <c r="CP26" s="332">
        <v>0</v>
      </c>
      <c r="CQ26" s="327">
        <v>1046915</v>
      </c>
      <c r="CR26" s="327">
        <v>665329</v>
      </c>
      <c r="CS26" s="327">
        <v>372372</v>
      </c>
      <c r="CT26" s="327">
        <v>247851</v>
      </c>
      <c r="CU26" s="327">
        <v>71454</v>
      </c>
      <c r="CV26" s="328">
        <v>2403921</v>
      </c>
      <c r="CW26" s="330">
        <v>2403921</v>
      </c>
      <c r="CX26" s="326">
        <v>0</v>
      </c>
      <c r="CY26" s="327">
        <v>31223</v>
      </c>
      <c r="CZ26" s="328">
        <v>31223</v>
      </c>
      <c r="DA26" s="326">
        <v>0</v>
      </c>
      <c r="DB26" s="327">
        <v>127957</v>
      </c>
      <c r="DC26" s="327">
        <v>154028</v>
      </c>
      <c r="DD26" s="327">
        <v>69521</v>
      </c>
      <c r="DE26" s="327">
        <v>0</v>
      </c>
      <c r="DF26" s="327">
        <v>149172</v>
      </c>
      <c r="DG26" s="328">
        <v>500678</v>
      </c>
      <c r="DH26" s="330">
        <v>531901</v>
      </c>
      <c r="DI26" s="326">
        <v>0</v>
      </c>
      <c r="DJ26" s="327">
        <v>0</v>
      </c>
      <c r="DK26" s="331">
        <v>0</v>
      </c>
      <c r="DL26" s="332">
        <v>0</v>
      </c>
      <c r="DM26" s="327">
        <v>115817</v>
      </c>
      <c r="DN26" s="327">
        <v>40210</v>
      </c>
      <c r="DO26" s="327">
        <v>398448</v>
      </c>
      <c r="DP26" s="327">
        <v>0</v>
      </c>
      <c r="DQ26" s="327">
        <v>0</v>
      </c>
      <c r="DR26" s="328">
        <v>554475</v>
      </c>
      <c r="DS26" s="330">
        <v>554475</v>
      </c>
      <c r="DT26" s="326">
        <v>0</v>
      </c>
      <c r="DU26" s="327">
        <v>0</v>
      </c>
      <c r="DV26" s="328">
        <v>0</v>
      </c>
      <c r="DW26" s="326">
        <v>0</v>
      </c>
      <c r="DX26" s="327">
        <v>115817</v>
      </c>
      <c r="DY26" s="327">
        <v>40210</v>
      </c>
      <c r="DZ26" s="327">
        <v>295219</v>
      </c>
      <c r="EA26" s="327">
        <v>0</v>
      </c>
      <c r="EB26" s="327">
        <v>0</v>
      </c>
      <c r="EC26" s="328">
        <v>451246</v>
      </c>
      <c r="ED26" s="330">
        <v>451246</v>
      </c>
      <c r="EE26" s="326">
        <v>0</v>
      </c>
      <c r="EF26" s="331">
        <v>0</v>
      </c>
      <c r="EG26" s="328">
        <v>0</v>
      </c>
      <c r="EH26" s="326">
        <v>0</v>
      </c>
      <c r="EI26" s="327">
        <v>0</v>
      </c>
      <c r="EJ26" s="327">
        <v>0</v>
      </c>
      <c r="EK26" s="327">
        <v>103229</v>
      </c>
      <c r="EL26" s="327">
        <v>0</v>
      </c>
      <c r="EM26" s="327">
        <v>0</v>
      </c>
      <c r="EN26" s="331">
        <v>103229</v>
      </c>
      <c r="EO26" s="330">
        <v>103229</v>
      </c>
      <c r="EP26" s="326">
        <v>0</v>
      </c>
      <c r="EQ26" s="327">
        <v>0</v>
      </c>
      <c r="ER26" s="331">
        <v>0</v>
      </c>
      <c r="ES26" s="332">
        <v>0</v>
      </c>
      <c r="ET26" s="327">
        <v>0</v>
      </c>
      <c r="EU26" s="327">
        <v>0</v>
      </c>
      <c r="EV26" s="327">
        <v>0</v>
      </c>
      <c r="EW26" s="327">
        <v>0</v>
      </c>
      <c r="EX26" s="327">
        <v>0</v>
      </c>
      <c r="EY26" s="328">
        <v>0</v>
      </c>
      <c r="EZ26" s="330">
        <v>0</v>
      </c>
      <c r="FA26" s="326">
        <v>0</v>
      </c>
      <c r="FB26" s="327">
        <v>0</v>
      </c>
      <c r="FC26" s="331">
        <v>0</v>
      </c>
      <c r="FD26" s="404">
        <v>0</v>
      </c>
      <c r="FE26" s="327">
        <v>0</v>
      </c>
      <c r="FF26" s="327">
        <v>0</v>
      </c>
      <c r="FG26" s="327">
        <v>0</v>
      </c>
      <c r="FH26" s="327">
        <v>0</v>
      </c>
      <c r="FI26" s="327">
        <v>0</v>
      </c>
      <c r="FJ26" s="328">
        <v>0</v>
      </c>
      <c r="FK26" s="330">
        <v>0</v>
      </c>
      <c r="FL26" s="326">
        <v>46123</v>
      </c>
      <c r="FM26" s="327">
        <v>66990</v>
      </c>
      <c r="FN26" s="328">
        <v>113113</v>
      </c>
      <c r="FO26" s="326">
        <v>0</v>
      </c>
      <c r="FP26" s="327">
        <v>93478</v>
      </c>
      <c r="FQ26" s="327">
        <v>206738</v>
      </c>
      <c r="FR26" s="327">
        <v>223986</v>
      </c>
      <c r="FS26" s="327">
        <v>104944</v>
      </c>
      <c r="FT26" s="327">
        <v>90790</v>
      </c>
      <c r="FU26" s="328">
        <v>719936</v>
      </c>
      <c r="FV26" s="330">
        <v>833049</v>
      </c>
      <c r="FW26" s="333">
        <v>46123</v>
      </c>
      <c r="FX26" s="327">
        <v>66990</v>
      </c>
      <c r="FY26" s="331">
        <v>113113</v>
      </c>
      <c r="FZ26" s="332">
        <v>0</v>
      </c>
      <c r="GA26" s="327">
        <v>76468</v>
      </c>
      <c r="GB26" s="327">
        <v>206738</v>
      </c>
      <c r="GC26" s="327">
        <v>131586</v>
      </c>
      <c r="GD26" s="327">
        <v>104944</v>
      </c>
      <c r="GE26" s="327">
        <v>90790</v>
      </c>
      <c r="GF26" s="328">
        <v>610526</v>
      </c>
      <c r="GG26" s="334">
        <v>723639</v>
      </c>
      <c r="GH26" s="333">
        <v>0</v>
      </c>
      <c r="GI26" s="327">
        <v>0</v>
      </c>
      <c r="GJ26" s="331">
        <v>0</v>
      </c>
      <c r="GK26" s="332">
        <v>0</v>
      </c>
      <c r="GL26" s="327">
        <v>17010</v>
      </c>
      <c r="GM26" s="327">
        <v>0</v>
      </c>
      <c r="GN26" s="327">
        <v>0</v>
      </c>
      <c r="GO26" s="327">
        <v>0</v>
      </c>
      <c r="GP26" s="327">
        <v>0</v>
      </c>
      <c r="GQ26" s="328">
        <v>17010</v>
      </c>
      <c r="GR26" s="330">
        <v>17010</v>
      </c>
      <c r="GS26" s="326">
        <v>0</v>
      </c>
      <c r="GT26" s="327">
        <v>0</v>
      </c>
      <c r="GU26" s="328">
        <v>0</v>
      </c>
      <c r="GV26" s="326">
        <v>0</v>
      </c>
      <c r="GW26" s="327">
        <v>0</v>
      </c>
      <c r="GX26" s="327">
        <v>0</v>
      </c>
      <c r="GY26" s="327">
        <v>92400</v>
      </c>
      <c r="GZ26" s="327">
        <v>0</v>
      </c>
      <c r="HA26" s="327">
        <v>0</v>
      </c>
      <c r="HB26" s="331">
        <v>92400</v>
      </c>
      <c r="HC26" s="330">
        <v>92400</v>
      </c>
      <c r="HD26" s="326">
        <v>149566</v>
      </c>
      <c r="HE26" s="327">
        <v>83134</v>
      </c>
      <c r="HF26" s="331">
        <v>232700</v>
      </c>
      <c r="HG26" s="332">
        <v>0</v>
      </c>
      <c r="HH26" s="327">
        <v>870520</v>
      </c>
      <c r="HI26" s="327">
        <v>697632</v>
      </c>
      <c r="HJ26" s="327">
        <v>1993138</v>
      </c>
      <c r="HK26" s="327">
        <v>1759451</v>
      </c>
      <c r="HL26" s="327">
        <v>1196909</v>
      </c>
      <c r="HM26" s="328">
        <v>6517650</v>
      </c>
      <c r="HN26" s="329">
        <v>6750350</v>
      </c>
      <c r="HO26" s="333">
        <v>0</v>
      </c>
      <c r="HP26" s="327">
        <v>0</v>
      </c>
      <c r="HQ26" s="328">
        <v>0</v>
      </c>
      <c r="HR26" s="326">
        <v>0</v>
      </c>
      <c r="HS26" s="327">
        <v>0</v>
      </c>
      <c r="HT26" s="327">
        <v>0</v>
      </c>
      <c r="HU26" s="327">
        <v>0</v>
      </c>
      <c r="HV26" s="327">
        <v>0</v>
      </c>
      <c r="HW26" s="327">
        <v>0</v>
      </c>
      <c r="HX26" s="331">
        <v>0</v>
      </c>
      <c r="HY26" s="330">
        <v>0</v>
      </c>
      <c r="HZ26" s="358">
        <v>0</v>
      </c>
      <c r="IA26" s="356">
        <v>0</v>
      </c>
      <c r="IB26" s="358">
        <v>0</v>
      </c>
      <c r="IC26" s="355">
        <v>0</v>
      </c>
      <c r="ID26" s="356">
        <v>634154</v>
      </c>
      <c r="IE26" s="357">
        <v>665384</v>
      </c>
      <c r="IF26" s="358">
        <v>278585</v>
      </c>
      <c r="IG26" s="356">
        <v>734137</v>
      </c>
      <c r="IH26" s="358">
        <v>0</v>
      </c>
      <c r="II26" s="359">
        <v>2312260</v>
      </c>
      <c r="IJ26" s="358">
        <v>2312260</v>
      </c>
      <c r="IK26" s="342">
        <v>0</v>
      </c>
      <c r="IL26" s="343">
        <v>0</v>
      </c>
      <c r="IM26" s="344">
        <v>0</v>
      </c>
      <c r="IN26" s="404">
        <v>0</v>
      </c>
      <c r="IO26" s="345">
        <v>0</v>
      </c>
      <c r="IP26" s="345">
        <v>0</v>
      </c>
      <c r="IQ26" s="345">
        <v>0</v>
      </c>
      <c r="IR26" s="345">
        <v>0</v>
      </c>
      <c r="IS26" s="345">
        <v>0</v>
      </c>
      <c r="IT26" s="346">
        <v>0</v>
      </c>
      <c r="IU26" s="347">
        <v>0</v>
      </c>
      <c r="IV26" s="348">
        <v>0</v>
      </c>
      <c r="IW26" s="345">
        <v>0</v>
      </c>
      <c r="IX26" s="349">
        <v>0</v>
      </c>
      <c r="IY26" s="404">
        <v>0</v>
      </c>
      <c r="IZ26" s="345">
        <v>0</v>
      </c>
      <c r="JA26" s="345">
        <v>0</v>
      </c>
      <c r="JB26" s="345">
        <v>0</v>
      </c>
      <c r="JC26" s="345">
        <v>0</v>
      </c>
      <c r="JD26" s="345">
        <v>0</v>
      </c>
      <c r="JE26" s="349">
        <v>0</v>
      </c>
      <c r="JF26" s="350">
        <v>0</v>
      </c>
      <c r="JG26" s="348">
        <v>0</v>
      </c>
      <c r="JH26" s="345">
        <v>0</v>
      </c>
      <c r="JI26" s="346">
        <v>0</v>
      </c>
      <c r="JJ26" s="351">
        <v>0</v>
      </c>
      <c r="JK26" s="345">
        <v>527028</v>
      </c>
      <c r="JL26" s="345">
        <v>439870</v>
      </c>
      <c r="JM26" s="345">
        <v>70735</v>
      </c>
      <c r="JN26" s="345">
        <v>76038</v>
      </c>
      <c r="JO26" s="345">
        <v>0</v>
      </c>
      <c r="JP26" s="349">
        <v>1113671</v>
      </c>
      <c r="JQ26" s="347">
        <v>1113671</v>
      </c>
      <c r="JR26" s="348">
        <v>0</v>
      </c>
      <c r="JS26" s="345">
        <v>0</v>
      </c>
      <c r="JT26" s="346">
        <v>0</v>
      </c>
      <c r="JU26" s="351">
        <v>0</v>
      </c>
      <c r="JV26" s="345">
        <v>0</v>
      </c>
      <c r="JW26" s="345">
        <v>0</v>
      </c>
      <c r="JX26" s="345">
        <v>0</v>
      </c>
      <c r="JY26" s="345">
        <v>0</v>
      </c>
      <c r="JZ26" s="345">
        <v>0</v>
      </c>
      <c r="KA26" s="349">
        <v>0</v>
      </c>
      <c r="KB26" s="347">
        <v>0</v>
      </c>
      <c r="KC26" s="352">
        <v>0</v>
      </c>
      <c r="KD26" s="353">
        <v>0</v>
      </c>
      <c r="KE26" s="349">
        <v>0</v>
      </c>
      <c r="KF26" s="351">
        <v>0</v>
      </c>
      <c r="KG26" s="345">
        <v>107126</v>
      </c>
      <c r="KH26" s="345">
        <v>0</v>
      </c>
      <c r="KI26" s="345">
        <v>207850</v>
      </c>
      <c r="KJ26" s="345">
        <v>0</v>
      </c>
      <c r="KK26" s="345">
        <v>0</v>
      </c>
      <c r="KL26" s="349">
        <v>314976</v>
      </c>
      <c r="KM26" s="354">
        <v>314976</v>
      </c>
      <c r="KN26" s="342">
        <v>0</v>
      </c>
      <c r="KO26" s="343">
        <v>0</v>
      </c>
      <c r="KP26" s="344">
        <v>0</v>
      </c>
      <c r="KQ26" s="404">
        <v>0</v>
      </c>
      <c r="KR26" s="345">
        <v>0</v>
      </c>
      <c r="KS26" s="345">
        <v>225514</v>
      </c>
      <c r="KT26" s="345">
        <v>0</v>
      </c>
      <c r="KU26" s="345">
        <v>658099</v>
      </c>
      <c r="KV26" s="345">
        <v>0</v>
      </c>
      <c r="KW26" s="349">
        <v>883613</v>
      </c>
      <c r="KX26" s="347">
        <v>883613</v>
      </c>
      <c r="KY26" s="348">
        <v>0</v>
      </c>
      <c r="KZ26" s="345">
        <v>0</v>
      </c>
      <c r="LA26" s="349">
        <v>0</v>
      </c>
      <c r="LB26" s="404">
        <v>0</v>
      </c>
      <c r="LC26" s="345">
        <v>0</v>
      </c>
      <c r="LD26" s="345">
        <v>0</v>
      </c>
      <c r="LE26" s="345">
        <v>0</v>
      </c>
      <c r="LF26" s="345">
        <v>0</v>
      </c>
      <c r="LG26" s="345">
        <v>0</v>
      </c>
      <c r="LH26" s="349">
        <v>0</v>
      </c>
      <c r="LI26" s="350">
        <v>0</v>
      </c>
      <c r="LJ26" s="348">
        <v>0</v>
      </c>
      <c r="LK26" s="345">
        <v>0</v>
      </c>
      <c r="LL26" s="349">
        <v>0</v>
      </c>
      <c r="LM26" s="404">
        <v>0</v>
      </c>
      <c r="LN26" s="345">
        <v>0</v>
      </c>
      <c r="LO26" s="345">
        <v>0</v>
      </c>
      <c r="LP26" s="345">
        <v>0</v>
      </c>
      <c r="LQ26" s="345">
        <v>0</v>
      </c>
      <c r="LR26" s="345">
        <v>0</v>
      </c>
      <c r="LS26" s="349">
        <v>0</v>
      </c>
      <c r="LT26" s="347">
        <v>0</v>
      </c>
      <c r="LU26" s="348">
        <v>0</v>
      </c>
      <c r="LV26" s="345">
        <v>0</v>
      </c>
      <c r="LW26" s="349">
        <v>0</v>
      </c>
      <c r="LX26" s="404">
        <v>0</v>
      </c>
      <c r="LY26" s="345">
        <v>0</v>
      </c>
      <c r="LZ26" s="345">
        <v>0</v>
      </c>
      <c r="MA26" s="345">
        <v>0</v>
      </c>
      <c r="MB26" s="345">
        <v>0</v>
      </c>
      <c r="MC26" s="345">
        <v>0</v>
      </c>
      <c r="MD26" s="349">
        <v>0</v>
      </c>
      <c r="ME26" s="350">
        <v>0</v>
      </c>
      <c r="MF26" s="348">
        <v>0</v>
      </c>
      <c r="MG26" s="345">
        <v>0</v>
      </c>
      <c r="MH26" s="349">
        <v>0</v>
      </c>
      <c r="MI26" s="404">
        <v>0</v>
      </c>
      <c r="MJ26" s="345">
        <v>0</v>
      </c>
      <c r="MK26" s="345">
        <v>908368</v>
      </c>
      <c r="ML26" s="345">
        <v>736040</v>
      </c>
      <c r="MM26" s="345">
        <v>2946700</v>
      </c>
      <c r="MN26" s="345">
        <v>820910</v>
      </c>
      <c r="MO26" s="349">
        <v>5412018</v>
      </c>
      <c r="MP26" s="354">
        <v>5412018</v>
      </c>
      <c r="MQ26" s="348">
        <v>0</v>
      </c>
      <c r="MR26" s="345">
        <v>0</v>
      </c>
      <c r="MS26" s="349">
        <v>0</v>
      </c>
      <c r="MT26" s="404">
        <v>0</v>
      </c>
      <c r="MU26" s="345">
        <v>0</v>
      </c>
      <c r="MV26" s="345">
        <v>0</v>
      </c>
      <c r="MW26" s="345">
        <v>444019</v>
      </c>
      <c r="MX26" s="345">
        <v>2015979</v>
      </c>
      <c r="MY26" s="345">
        <v>820910</v>
      </c>
      <c r="MZ26" s="349">
        <v>3280908</v>
      </c>
      <c r="NA26" s="354">
        <v>3280908</v>
      </c>
      <c r="NB26" s="348">
        <v>0</v>
      </c>
      <c r="NC26" s="345">
        <v>0</v>
      </c>
      <c r="ND26" s="349">
        <v>0</v>
      </c>
      <c r="NE26" s="404">
        <v>0</v>
      </c>
      <c r="NF26" s="345">
        <v>0</v>
      </c>
      <c r="NG26" s="345">
        <v>908368</v>
      </c>
      <c r="NH26" s="345">
        <v>292021</v>
      </c>
      <c r="NI26" s="345">
        <v>603846</v>
      </c>
      <c r="NJ26" s="345">
        <v>0</v>
      </c>
      <c r="NK26" s="349">
        <v>1804235</v>
      </c>
      <c r="NL26" s="347">
        <v>1804235</v>
      </c>
      <c r="NM26" s="348">
        <v>0</v>
      </c>
      <c r="NN26" s="345">
        <v>0</v>
      </c>
      <c r="NO26" s="349">
        <v>0</v>
      </c>
      <c r="NP26" s="404">
        <v>0</v>
      </c>
      <c r="NQ26" s="345">
        <v>0</v>
      </c>
      <c r="NR26" s="345">
        <v>0</v>
      </c>
      <c r="NS26" s="345">
        <v>0</v>
      </c>
      <c r="NT26" s="345">
        <v>0</v>
      </c>
      <c r="NU26" s="345">
        <v>0</v>
      </c>
      <c r="NV26" s="349">
        <v>0</v>
      </c>
      <c r="NW26" s="350">
        <v>0</v>
      </c>
      <c r="NX26" s="348">
        <v>0</v>
      </c>
      <c r="NY26" s="345">
        <v>0</v>
      </c>
      <c r="NZ26" s="349">
        <v>0</v>
      </c>
      <c r="OA26" s="404">
        <v>0</v>
      </c>
      <c r="OB26" s="345">
        <v>0</v>
      </c>
      <c r="OC26" s="345">
        <v>0</v>
      </c>
      <c r="OD26" s="345">
        <v>0</v>
      </c>
      <c r="OE26" s="345">
        <v>326875</v>
      </c>
      <c r="OF26" s="345">
        <v>0</v>
      </c>
      <c r="OG26" s="349">
        <v>326875</v>
      </c>
      <c r="OH26" s="350">
        <v>326875</v>
      </c>
      <c r="OI26" s="348">
        <v>258752</v>
      </c>
      <c r="OJ26" s="345">
        <v>298697</v>
      </c>
      <c r="OK26" s="346">
        <v>557449</v>
      </c>
      <c r="OL26" s="351">
        <v>0</v>
      </c>
      <c r="OM26" s="345">
        <v>3743701</v>
      </c>
      <c r="ON26" s="345">
        <v>4776439</v>
      </c>
      <c r="OO26" s="345">
        <v>4638344</v>
      </c>
      <c r="OP26" s="345">
        <v>6972773</v>
      </c>
      <c r="OQ26" s="345">
        <v>3122259</v>
      </c>
      <c r="OR26" s="349">
        <v>23253516</v>
      </c>
      <c r="OS26" s="354">
        <v>23810965</v>
      </c>
    </row>
    <row r="27" spans="2:409" s="70" customFormat="1" ht="21" customHeight="1" x14ac:dyDescent="0.2">
      <c r="B27" s="106" t="s">
        <v>22</v>
      </c>
      <c r="C27" s="326">
        <v>44618</v>
      </c>
      <c r="D27" s="327">
        <v>55160</v>
      </c>
      <c r="E27" s="328">
        <v>99778</v>
      </c>
      <c r="F27" s="329">
        <v>0</v>
      </c>
      <c r="G27" s="327">
        <v>1048750</v>
      </c>
      <c r="H27" s="327">
        <v>1298301</v>
      </c>
      <c r="I27" s="327">
        <v>988390</v>
      </c>
      <c r="J27" s="327">
        <v>1534467</v>
      </c>
      <c r="K27" s="327">
        <v>1948677</v>
      </c>
      <c r="L27" s="367">
        <v>6818585</v>
      </c>
      <c r="M27" s="330">
        <v>6918363</v>
      </c>
      <c r="N27" s="326">
        <v>0</v>
      </c>
      <c r="O27" s="327">
        <v>0</v>
      </c>
      <c r="P27" s="328">
        <v>0</v>
      </c>
      <c r="Q27" s="326">
        <v>0</v>
      </c>
      <c r="R27" s="327">
        <v>312952</v>
      </c>
      <c r="S27" s="327">
        <v>185593</v>
      </c>
      <c r="T27" s="327">
        <v>175572</v>
      </c>
      <c r="U27" s="327">
        <v>168913</v>
      </c>
      <c r="V27" s="327">
        <v>1388783</v>
      </c>
      <c r="W27" s="328">
        <v>2231813</v>
      </c>
      <c r="X27" s="330">
        <v>2231813</v>
      </c>
      <c r="Y27" s="326">
        <v>0</v>
      </c>
      <c r="Z27" s="327">
        <v>0</v>
      </c>
      <c r="AA27" s="328">
        <v>0</v>
      </c>
      <c r="AB27" s="326">
        <v>0</v>
      </c>
      <c r="AC27" s="327">
        <v>84510</v>
      </c>
      <c r="AD27" s="327">
        <v>32818</v>
      </c>
      <c r="AE27" s="327">
        <v>72367</v>
      </c>
      <c r="AF27" s="327">
        <v>16409</v>
      </c>
      <c r="AG27" s="327">
        <v>706023</v>
      </c>
      <c r="AH27" s="328">
        <v>912127</v>
      </c>
      <c r="AI27" s="330">
        <v>912127</v>
      </c>
      <c r="AJ27" s="326">
        <v>0</v>
      </c>
      <c r="AK27" s="327">
        <v>0</v>
      </c>
      <c r="AL27" s="328">
        <v>0</v>
      </c>
      <c r="AM27" s="326">
        <v>0</v>
      </c>
      <c r="AN27" s="327">
        <v>0</v>
      </c>
      <c r="AO27" s="327">
        <v>0</v>
      </c>
      <c r="AP27" s="327">
        <v>0</v>
      </c>
      <c r="AQ27" s="327">
        <v>0</v>
      </c>
      <c r="AR27" s="327">
        <v>400316</v>
      </c>
      <c r="AS27" s="328">
        <v>400316</v>
      </c>
      <c r="AT27" s="330">
        <v>400316</v>
      </c>
      <c r="AU27" s="326">
        <v>0</v>
      </c>
      <c r="AV27" s="327">
        <v>0</v>
      </c>
      <c r="AW27" s="328">
        <v>0</v>
      </c>
      <c r="AX27" s="326">
        <v>0</v>
      </c>
      <c r="AY27" s="327">
        <v>153419</v>
      </c>
      <c r="AZ27" s="327">
        <v>75760</v>
      </c>
      <c r="BA27" s="327">
        <v>41696</v>
      </c>
      <c r="BB27" s="327">
        <v>35975</v>
      </c>
      <c r="BC27" s="327">
        <v>267737</v>
      </c>
      <c r="BD27" s="328">
        <v>574587</v>
      </c>
      <c r="BE27" s="330">
        <v>574587</v>
      </c>
      <c r="BF27" s="326">
        <v>0</v>
      </c>
      <c r="BG27" s="327">
        <v>0</v>
      </c>
      <c r="BH27" s="331">
        <v>0</v>
      </c>
      <c r="BI27" s="332">
        <v>0</v>
      </c>
      <c r="BJ27" s="327">
        <v>61443</v>
      </c>
      <c r="BK27" s="327">
        <v>27308</v>
      </c>
      <c r="BL27" s="327">
        <v>0</v>
      </c>
      <c r="BM27" s="327">
        <v>36393</v>
      </c>
      <c r="BN27" s="327">
        <v>0</v>
      </c>
      <c r="BO27" s="328">
        <v>125144</v>
      </c>
      <c r="BP27" s="330">
        <v>125144</v>
      </c>
      <c r="BQ27" s="326">
        <v>0</v>
      </c>
      <c r="BR27" s="327">
        <v>0</v>
      </c>
      <c r="BS27" s="328">
        <v>0</v>
      </c>
      <c r="BT27" s="326">
        <v>0</v>
      </c>
      <c r="BU27" s="327">
        <v>13580</v>
      </c>
      <c r="BV27" s="327">
        <v>49707</v>
      </c>
      <c r="BW27" s="327">
        <v>61509</v>
      </c>
      <c r="BX27" s="327">
        <v>80136</v>
      </c>
      <c r="BY27" s="327">
        <v>14707</v>
      </c>
      <c r="BZ27" s="328">
        <v>219639</v>
      </c>
      <c r="CA27" s="330">
        <v>219639</v>
      </c>
      <c r="CB27" s="326">
        <v>36428</v>
      </c>
      <c r="CC27" s="327">
        <v>0</v>
      </c>
      <c r="CD27" s="328">
        <v>36428</v>
      </c>
      <c r="CE27" s="326">
        <v>0</v>
      </c>
      <c r="CF27" s="327">
        <v>250388</v>
      </c>
      <c r="CG27" s="327">
        <v>593578</v>
      </c>
      <c r="CH27" s="327">
        <v>195327</v>
      </c>
      <c r="CI27" s="327">
        <v>544356</v>
      </c>
      <c r="CJ27" s="327">
        <v>176735</v>
      </c>
      <c r="CK27" s="328">
        <v>1760384</v>
      </c>
      <c r="CL27" s="330">
        <v>1796812</v>
      </c>
      <c r="CM27" s="326">
        <v>0</v>
      </c>
      <c r="CN27" s="327">
        <v>0</v>
      </c>
      <c r="CO27" s="328">
        <v>0</v>
      </c>
      <c r="CP27" s="332">
        <v>0</v>
      </c>
      <c r="CQ27" s="327">
        <v>150109</v>
      </c>
      <c r="CR27" s="327">
        <v>326052</v>
      </c>
      <c r="CS27" s="327">
        <v>195327</v>
      </c>
      <c r="CT27" s="327">
        <v>544356</v>
      </c>
      <c r="CU27" s="327">
        <v>176735</v>
      </c>
      <c r="CV27" s="328">
        <v>1392579</v>
      </c>
      <c r="CW27" s="330">
        <v>1392579</v>
      </c>
      <c r="CX27" s="326">
        <v>36428</v>
      </c>
      <c r="CY27" s="327">
        <v>0</v>
      </c>
      <c r="CZ27" s="328">
        <v>36428</v>
      </c>
      <c r="DA27" s="326">
        <v>0</v>
      </c>
      <c r="DB27" s="327">
        <v>100279</v>
      </c>
      <c r="DC27" s="327">
        <v>267526</v>
      </c>
      <c r="DD27" s="327">
        <v>0</v>
      </c>
      <c r="DE27" s="327">
        <v>0</v>
      </c>
      <c r="DF27" s="327">
        <v>0</v>
      </c>
      <c r="DG27" s="328">
        <v>367805</v>
      </c>
      <c r="DH27" s="330">
        <v>404233</v>
      </c>
      <c r="DI27" s="326">
        <v>0</v>
      </c>
      <c r="DJ27" s="327">
        <v>0</v>
      </c>
      <c r="DK27" s="331">
        <v>0</v>
      </c>
      <c r="DL27" s="332">
        <v>0</v>
      </c>
      <c r="DM27" s="327">
        <v>0</v>
      </c>
      <c r="DN27" s="327">
        <v>100827</v>
      </c>
      <c r="DO27" s="327">
        <v>205379</v>
      </c>
      <c r="DP27" s="327">
        <v>152462</v>
      </c>
      <c r="DQ27" s="327">
        <v>0</v>
      </c>
      <c r="DR27" s="328">
        <v>458668</v>
      </c>
      <c r="DS27" s="330">
        <v>458668</v>
      </c>
      <c r="DT27" s="326">
        <v>0</v>
      </c>
      <c r="DU27" s="327">
        <v>0</v>
      </c>
      <c r="DV27" s="328">
        <v>0</v>
      </c>
      <c r="DW27" s="326">
        <v>0</v>
      </c>
      <c r="DX27" s="327">
        <v>0</v>
      </c>
      <c r="DY27" s="327">
        <v>100827</v>
      </c>
      <c r="DZ27" s="327">
        <v>195738</v>
      </c>
      <c r="EA27" s="327">
        <v>152462</v>
      </c>
      <c r="EB27" s="327">
        <v>0</v>
      </c>
      <c r="EC27" s="328">
        <v>449027</v>
      </c>
      <c r="ED27" s="330">
        <v>449027</v>
      </c>
      <c r="EE27" s="326">
        <v>0</v>
      </c>
      <c r="EF27" s="331">
        <v>0</v>
      </c>
      <c r="EG27" s="328">
        <v>0</v>
      </c>
      <c r="EH27" s="326">
        <v>0</v>
      </c>
      <c r="EI27" s="327">
        <v>0</v>
      </c>
      <c r="EJ27" s="327">
        <v>0</v>
      </c>
      <c r="EK27" s="327">
        <v>9641</v>
      </c>
      <c r="EL27" s="327">
        <v>0</v>
      </c>
      <c r="EM27" s="327">
        <v>0</v>
      </c>
      <c r="EN27" s="331">
        <v>9641</v>
      </c>
      <c r="EO27" s="330">
        <v>9641</v>
      </c>
      <c r="EP27" s="326">
        <v>0</v>
      </c>
      <c r="EQ27" s="327">
        <v>0</v>
      </c>
      <c r="ER27" s="331">
        <v>0</v>
      </c>
      <c r="ES27" s="332">
        <v>0</v>
      </c>
      <c r="ET27" s="327">
        <v>0</v>
      </c>
      <c r="EU27" s="327">
        <v>0</v>
      </c>
      <c r="EV27" s="327">
        <v>0</v>
      </c>
      <c r="EW27" s="327">
        <v>0</v>
      </c>
      <c r="EX27" s="327">
        <v>0</v>
      </c>
      <c r="EY27" s="328">
        <v>0</v>
      </c>
      <c r="EZ27" s="330">
        <v>0</v>
      </c>
      <c r="FA27" s="326">
        <v>0</v>
      </c>
      <c r="FB27" s="327">
        <v>0</v>
      </c>
      <c r="FC27" s="331">
        <v>0</v>
      </c>
      <c r="FD27" s="404">
        <v>0</v>
      </c>
      <c r="FE27" s="327">
        <v>0</v>
      </c>
      <c r="FF27" s="327">
        <v>0</v>
      </c>
      <c r="FG27" s="327">
        <v>0</v>
      </c>
      <c r="FH27" s="327">
        <v>0</v>
      </c>
      <c r="FI27" s="327">
        <v>0</v>
      </c>
      <c r="FJ27" s="328">
        <v>0</v>
      </c>
      <c r="FK27" s="330">
        <v>0</v>
      </c>
      <c r="FL27" s="326">
        <v>8190</v>
      </c>
      <c r="FM27" s="327">
        <v>55160</v>
      </c>
      <c r="FN27" s="328">
        <v>63350</v>
      </c>
      <c r="FO27" s="326">
        <v>0</v>
      </c>
      <c r="FP27" s="327">
        <v>73346</v>
      </c>
      <c r="FQ27" s="327">
        <v>99645</v>
      </c>
      <c r="FR27" s="327">
        <v>56252</v>
      </c>
      <c r="FS27" s="327">
        <v>103236</v>
      </c>
      <c r="FT27" s="327">
        <v>171668</v>
      </c>
      <c r="FU27" s="328">
        <v>504147</v>
      </c>
      <c r="FV27" s="330">
        <v>567497</v>
      </c>
      <c r="FW27" s="333">
        <v>8190</v>
      </c>
      <c r="FX27" s="327">
        <v>55160</v>
      </c>
      <c r="FY27" s="331">
        <v>63350</v>
      </c>
      <c r="FZ27" s="332">
        <v>0</v>
      </c>
      <c r="GA27" s="327">
        <v>55146</v>
      </c>
      <c r="GB27" s="327">
        <v>80549</v>
      </c>
      <c r="GC27" s="327">
        <v>56252</v>
      </c>
      <c r="GD27" s="327">
        <v>103236</v>
      </c>
      <c r="GE27" s="327">
        <v>171668</v>
      </c>
      <c r="GF27" s="328">
        <v>466851</v>
      </c>
      <c r="GG27" s="334">
        <v>530201</v>
      </c>
      <c r="GH27" s="333">
        <v>0</v>
      </c>
      <c r="GI27" s="327">
        <v>0</v>
      </c>
      <c r="GJ27" s="331">
        <v>0</v>
      </c>
      <c r="GK27" s="332">
        <v>0</v>
      </c>
      <c r="GL27" s="327">
        <v>18200</v>
      </c>
      <c r="GM27" s="327">
        <v>19096</v>
      </c>
      <c r="GN27" s="327">
        <v>0</v>
      </c>
      <c r="GO27" s="327">
        <v>0</v>
      </c>
      <c r="GP27" s="327">
        <v>0</v>
      </c>
      <c r="GQ27" s="328">
        <v>37296</v>
      </c>
      <c r="GR27" s="330">
        <v>37296</v>
      </c>
      <c r="GS27" s="326">
        <v>0</v>
      </c>
      <c r="GT27" s="327">
        <v>0</v>
      </c>
      <c r="GU27" s="328">
        <v>0</v>
      </c>
      <c r="GV27" s="326">
        <v>0</v>
      </c>
      <c r="GW27" s="327">
        <v>0</v>
      </c>
      <c r="GX27" s="327">
        <v>0</v>
      </c>
      <c r="GY27" s="327">
        <v>0</v>
      </c>
      <c r="GZ27" s="327">
        <v>0</v>
      </c>
      <c r="HA27" s="327">
        <v>0</v>
      </c>
      <c r="HB27" s="331">
        <v>0</v>
      </c>
      <c r="HC27" s="330">
        <v>0</v>
      </c>
      <c r="HD27" s="326">
        <v>0</v>
      </c>
      <c r="HE27" s="327">
        <v>0</v>
      </c>
      <c r="HF27" s="331">
        <v>0</v>
      </c>
      <c r="HG27" s="332">
        <v>0</v>
      </c>
      <c r="HH27" s="327">
        <v>412064</v>
      </c>
      <c r="HI27" s="327">
        <v>318658</v>
      </c>
      <c r="HJ27" s="327">
        <v>355860</v>
      </c>
      <c r="HK27" s="327">
        <v>565500</v>
      </c>
      <c r="HL27" s="327">
        <v>211491</v>
      </c>
      <c r="HM27" s="328">
        <v>1863573</v>
      </c>
      <c r="HN27" s="329">
        <v>1863573</v>
      </c>
      <c r="HO27" s="333">
        <v>0</v>
      </c>
      <c r="HP27" s="327">
        <v>0</v>
      </c>
      <c r="HQ27" s="328">
        <v>0</v>
      </c>
      <c r="HR27" s="326">
        <v>0</v>
      </c>
      <c r="HS27" s="327">
        <v>0</v>
      </c>
      <c r="HT27" s="327">
        <v>0</v>
      </c>
      <c r="HU27" s="327">
        <v>0</v>
      </c>
      <c r="HV27" s="327">
        <v>0</v>
      </c>
      <c r="HW27" s="327">
        <v>0</v>
      </c>
      <c r="HX27" s="331">
        <v>0</v>
      </c>
      <c r="HY27" s="330">
        <v>0</v>
      </c>
      <c r="HZ27" s="335">
        <v>0</v>
      </c>
      <c r="IA27" s="336">
        <v>0</v>
      </c>
      <c r="IB27" s="337">
        <v>0</v>
      </c>
      <c r="IC27" s="338">
        <v>0</v>
      </c>
      <c r="ID27" s="336">
        <v>243298</v>
      </c>
      <c r="IE27" s="339">
        <v>622252</v>
      </c>
      <c r="IF27" s="337">
        <v>138635</v>
      </c>
      <c r="IG27" s="336">
        <v>213009</v>
      </c>
      <c r="IH27" s="337">
        <v>0</v>
      </c>
      <c r="II27" s="340">
        <v>1217194</v>
      </c>
      <c r="IJ27" s="341">
        <v>1217194</v>
      </c>
      <c r="IK27" s="342">
        <v>0</v>
      </c>
      <c r="IL27" s="343">
        <v>0</v>
      </c>
      <c r="IM27" s="344">
        <v>0</v>
      </c>
      <c r="IN27" s="404">
        <v>0</v>
      </c>
      <c r="IO27" s="345">
        <v>0</v>
      </c>
      <c r="IP27" s="345">
        <v>0</v>
      </c>
      <c r="IQ27" s="345">
        <v>138635</v>
      </c>
      <c r="IR27" s="345">
        <v>176554</v>
      </c>
      <c r="IS27" s="345">
        <v>0</v>
      </c>
      <c r="IT27" s="346">
        <v>315189</v>
      </c>
      <c r="IU27" s="347">
        <v>315189</v>
      </c>
      <c r="IV27" s="348">
        <v>0</v>
      </c>
      <c r="IW27" s="345">
        <v>0</v>
      </c>
      <c r="IX27" s="349">
        <v>0</v>
      </c>
      <c r="IY27" s="404">
        <v>0</v>
      </c>
      <c r="IZ27" s="345">
        <v>0</v>
      </c>
      <c r="JA27" s="345">
        <v>0</v>
      </c>
      <c r="JB27" s="345">
        <v>0</v>
      </c>
      <c r="JC27" s="345">
        <v>0</v>
      </c>
      <c r="JD27" s="345">
        <v>0</v>
      </c>
      <c r="JE27" s="349">
        <v>0</v>
      </c>
      <c r="JF27" s="350">
        <v>0</v>
      </c>
      <c r="JG27" s="348">
        <v>0</v>
      </c>
      <c r="JH27" s="345">
        <v>0</v>
      </c>
      <c r="JI27" s="346">
        <v>0</v>
      </c>
      <c r="JJ27" s="351">
        <v>0</v>
      </c>
      <c r="JK27" s="345">
        <v>243298</v>
      </c>
      <c r="JL27" s="345">
        <v>341438</v>
      </c>
      <c r="JM27" s="345">
        <v>0</v>
      </c>
      <c r="JN27" s="345">
        <v>36455</v>
      </c>
      <c r="JO27" s="345">
        <v>0</v>
      </c>
      <c r="JP27" s="349">
        <v>621191</v>
      </c>
      <c r="JQ27" s="347">
        <v>621191</v>
      </c>
      <c r="JR27" s="348">
        <v>0</v>
      </c>
      <c r="JS27" s="345">
        <v>0</v>
      </c>
      <c r="JT27" s="346">
        <v>0</v>
      </c>
      <c r="JU27" s="351">
        <v>0</v>
      </c>
      <c r="JV27" s="345">
        <v>0</v>
      </c>
      <c r="JW27" s="345">
        <v>0</v>
      </c>
      <c r="JX27" s="345">
        <v>0</v>
      </c>
      <c r="JY27" s="345">
        <v>0</v>
      </c>
      <c r="JZ27" s="345">
        <v>0</v>
      </c>
      <c r="KA27" s="349">
        <v>0</v>
      </c>
      <c r="KB27" s="347">
        <v>0</v>
      </c>
      <c r="KC27" s="352">
        <v>0</v>
      </c>
      <c r="KD27" s="353">
        <v>0</v>
      </c>
      <c r="KE27" s="349">
        <v>0</v>
      </c>
      <c r="KF27" s="351">
        <v>0</v>
      </c>
      <c r="KG27" s="345">
        <v>0</v>
      </c>
      <c r="KH27" s="345">
        <v>280814</v>
      </c>
      <c r="KI27" s="345">
        <v>0</v>
      </c>
      <c r="KJ27" s="345">
        <v>0</v>
      </c>
      <c r="KK27" s="345">
        <v>0</v>
      </c>
      <c r="KL27" s="349">
        <v>280814</v>
      </c>
      <c r="KM27" s="354">
        <v>280814</v>
      </c>
      <c r="KN27" s="342">
        <v>0</v>
      </c>
      <c r="KO27" s="343">
        <v>0</v>
      </c>
      <c r="KP27" s="344">
        <v>0</v>
      </c>
      <c r="KQ27" s="404">
        <v>0</v>
      </c>
      <c r="KR27" s="345">
        <v>0</v>
      </c>
      <c r="KS27" s="345">
        <v>0</v>
      </c>
      <c r="KT27" s="345">
        <v>0</v>
      </c>
      <c r="KU27" s="345">
        <v>0</v>
      </c>
      <c r="KV27" s="345">
        <v>0</v>
      </c>
      <c r="KW27" s="349">
        <v>0</v>
      </c>
      <c r="KX27" s="347">
        <v>0</v>
      </c>
      <c r="KY27" s="348">
        <v>0</v>
      </c>
      <c r="KZ27" s="345">
        <v>0</v>
      </c>
      <c r="LA27" s="349">
        <v>0</v>
      </c>
      <c r="LB27" s="404">
        <v>0</v>
      </c>
      <c r="LC27" s="345">
        <v>0</v>
      </c>
      <c r="LD27" s="345">
        <v>0</v>
      </c>
      <c r="LE27" s="345">
        <v>0</v>
      </c>
      <c r="LF27" s="345">
        <v>0</v>
      </c>
      <c r="LG27" s="345">
        <v>0</v>
      </c>
      <c r="LH27" s="349">
        <v>0</v>
      </c>
      <c r="LI27" s="350">
        <v>0</v>
      </c>
      <c r="LJ27" s="348">
        <v>0</v>
      </c>
      <c r="LK27" s="345">
        <v>0</v>
      </c>
      <c r="LL27" s="349">
        <v>0</v>
      </c>
      <c r="LM27" s="404">
        <v>0</v>
      </c>
      <c r="LN27" s="345">
        <v>0</v>
      </c>
      <c r="LO27" s="345">
        <v>0</v>
      </c>
      <c r="LP27" s="345">
        <v>0</v>
      </c>
      <c r="LQ27" s="345">
        <v>0</v>
      </c>
      <c r="LR27" s="345">
        <v>0</v>
      </c>
      <c r="LS27" s="349">
        <v>0</v>
      </c>
      <c r="LT27" s="347">
        <v>0</v>
      </c>
      <c r="LU27" s="348">
        <v>0</v>
      </c>
      <c r="LV27" s="345">
        <v>0</v>
      </c>
      <c r="LW27" s="349">
        <v>0</v>
      </c>
      <c r="LX27" s="404">
        <v>0</v>
      </c>
      <c r="LY27" s="345">
        <v>0</v>
      </c>
      <c r="LZ27" s="345">
        <v>0</v>
      </c>
      <c r="MA27" s="345">
        <v>0</v>
      </c>
      <c r="MB27" s="345">
        <v>0</v>
      </c>
      <c r="MC27" s="345">
        <v>0</v>
      </c>
      <c r="MD27" s="349">
        <v>0</v>
      </c>
      <c r="ME27" s="350">
        <v>0</v>
      </c>
      <c r="MF27" s="348">
        <v>0</v>
      </c>
      <c r="MG27" s="345">
        <v>0</v>
      </c>
      <c r="MH27" s="349">
        <v>0</v>
      </c>
      <c r="MI27" s="404">
        <v>0</v>
      </c>
      <c r="MJ27" s="345">
        <v>0</v>
      </c>
      <c r="MK27" s="345">
        <v>424442</v>
      </c>
      <c r="ML27" s="345">
        <v>209568</v>
      </c>
      <c r="MM27" s="345">
        <v>313090</v>
      </c>
      <c r="MN27" s="345">
        <v>0</v>
      </c>
      <c r="MO27" s="349">
        <v>947100</v>
      </c>
      <c r="MP27" s="354">
        <v>947100</v>
      </c>
      <c r="MQ27" s="348">
        <v>0</v>
      </c>
      <c r="MR27" s="345">
        <v>0</v>
      </c>
      <c r="MS27" s="349">
        <v>0</v>
      </c>
      <c r="MT27" s="404">
        <v>0</v>
      </c>
      <c r="MU27" s="345">
        <v>0</v>
      </c>
      <c r="MV27" s="345">
        <v>208702</v>
      </c>
      <c r="MW27" s="345">
        <v>209568</v>
      </c>
      <c r="MX27" s="345">
        <v>29135</v>
      </c>
      <c r="MY27" s="345">
        <v>0</v>
      </c>
      <c r="MZ27" s="349">
        <v>447405</v>
      </c>
      <c r="NA27" s="354">
        <v>447405</v>
      </c>
      <c r="NB27" s="348">
        <v>0</v>
      </c>
      <c r="NC27" s="345">
        <v>0</v>
      </c>
      <c r="ND27" s="349">
        <v>0</v>
      </c>
      <c r="NE27" s="404">
        <v>0</v>
      </c>
      <c r="NF27" s="345">
        <v>0</v>
      </c>
      <c r="NG27" s="345">
        <v>215740</v>
      </c>
      <c r="NH27" s="345">
        <v>0</v>
      </c>
      <c r="NI27" s="345">
        <v>283955</v>
      </c>
      <c r="NJ27" s="345">
        <v>0</v>
      </c>
      <c r="NK27" s="349">
        <v>499695</v>
      </c>
      <c r="NL27" s="347">
        <v>499695</v>
      </c>
      <c r="NM27" s="348">
        <v>0</v>
      </c>
      <c r="NN27" s="345">
        <v>0</v>
      </c>
      <c r="NO27" s="349">
        <v>0</v>
      </c>
      <c r="NP27" s="404">
        <v>0</v>
      </c>
      <c r="NQ27" s="345">
        <v>0</v>
      </c>
      <c r="NR27" s="345">
        <v>0</v>
      </c>
      <c r="NS27" s="345">
        <v>0</v>
      </c>
      <c r="NT27" s="345">
        <v>0</v>
      </c>
      <c r="NU27" s="345">
        <v>0</v>
      </c>
      <c r="NV27" s="349">
        <v>0</v>
      </c>
      <c r="NW27" s="350">
        <v>0</v>
      </c>
      <c r="NX27" s="348">
        <v>0</v>
      </c>
      <c r="NY27" s="345">
        <v>0</v>
      </c>
      <c r="NZ27" s="349">
        <v>0</v>
      </c>
      <c r="OA27" s="404">
        <v>0</v>
      </c>
      <c r="OB27" s="345">
        <v>0</v>
      </c>
      <c r="OC27" s="345">
        <v>0</v>
      </c>
      <c r="OD27" s="345">
        <v>0</v>
      </c>
      <c r="OE27" s="345">
        <v>0</v>
      </c>
      <c r="OF27" s="345">
        <v>0</v>
      </c>
      <c r="OG27" s="349">
        <v>0</v>
      </c>
      <c r="OH27" s="350">
        <v>0</v>
      </c>
      <c r="OI27" s="348">
        <v>44618</v>
      </c>
      <c r="OJ27" s="345">
        <v>55160</v>
      </c>
      <c r="OK27" s="346">
        <v>99778</v>
      </c>
      <c r="OL27" s="351">
        <v>0</v>
      </c>
      <c r="OM27" s="345">
        <v>1292048</v>
      </c>
      <c r="ON27" s="345">
        <v>2344995</v>
      </c>
      <c r="OO27" s="345">
        <v>1336593</v>
      </c>
      <c r="OP27" s="345">
        <v>2060566</v>
      </c>
      <c r="OQ27" s="345">
        <v>1948677</v>
      </c>
      <c r="OR27" s="349">
        <v>8982879</v>
      </c>
      <c r="OS27" s="354">
        <v>9082657</v>
      </c>
    </row>
    <row r="28" spans="2:409" s="70" customFormat="1" ht="21" customHeight="1" x14ac:dyDescent="0.2">
      <c r="B28" s="106" t="s">
        <v>23</v>
      </c>
      <c r="C28" s="326">
        <v>243107</v>
      </c>
      <c r="D28" s="327">
        <v>194219</v>
      </c>
      <c r="E28" s="328">
        <v>437326</v>
      </c>
      <c r="F28" s="329">
        <v>0</v>
      </c>
      <c r="G28" s="327">
        <v>1420112</v>
      </c>
      <c r="H28" s="327">
        <v>2605754</v>
      </c>
      <c r="I28" s="327">
        <v>2358742</v>
      </c>
      <c r="J28" s="327">
        <v>2351510</v>
      </c>
      <c r="K28" s="327">
        <v>2233247</v>
      </c>
      <c r="L28" s="367">
        <v>10969365</v>
      </c>
      <c r="M28" s="330">
        <v>11406691</v>
      </c>
      <c r="N28" s="326">
        <v>77580</v>
      </c>
      <c r="O28" s="327">
        <v>76890</v>
      </c>
      <c r="P28" s="328">
        <v>154470</v>
      </c>
      <c r="Q28" s="326">
        <v>0</v>
      </c>
      <c r="R28" s="327">
        <v>271848</v>
      </c>
      <c r="S28" s="327">
        <v>774182</v>
      </c>
      <c r="T28" s="327">
        <v>1282521</v>
      </c>
      <c r="U28" s="327">
        <v>464510</v>
      </c>
      <c r="V28" s="327">
        <v>579374</v>
      </c>
      <c r="W28" s="328">
        <v>3372435</v>
      </c>
      <c r="X28" s="330">
        <v>3526905</v>
      </c>
      <c r="Y28" s="326">
        <v>0</v>
      </c>
      <c r="Z28" s="327">
        <v>0</v>
      </c>
      <c r="AA28" s="328">
        <v>0</v>
      </c>
      <c r="AB28" s="326">
        <v>0</v>
      </c>
      <c r="AC28" s="327">
        <v>0</v>
      </c>
      <c r="AD28" s="327">
        <v>172717</v>
      </c>
      <c r="AE28" s="327">
        <v>667549</v>
      </c>
      <c r="AF28" s="327">
        <v>61613</v>
      </c>
      <c r="AG28" s="327">
        <v>256448</v>
      </c>
      <c r="AH28" s="328">
        <v>1158327</v>
      </c>
      <c r="AI28" s="330">
        <v>1158327</v>
      </c>
      <c r="AJ28" s="326">
        <v>0</v>
      </c>
      <c r="AK28" s="327">
        <v>0</v>
      </c>
      <c r="AL28" s="328">
        <v>0</v>
      </c>
      <c r="AM28" s="326">
        <v>0</v>
      </c>
      <c r="AN28" s="327">
        <v>0</v>
      </c>
      <c r="AO28" s="327">
        <v>93362</v>
      </c>
      <c r="AP28" s="327">
        <v>52546</v>
      </c>
      <c r="AQ28" s="327">
        <v>52774</v>
      </c>
      <c r="AR28" s="327">
        <v>0</v>
      </c>
      <c r="AS28" s="328">
        <v>198682</v>
      </c>
      <c r="AT28" s="330">
        <v>198682</v>
      </c>
      <c r="AU28" s="326">
        <v>68507</v>
      </c>
      <c r="AV28" s="327">
        <v>51342</v>
      </c>
      <c r="AW28" s="328">
        <v>119849</v>
      </c>
      <c r="AX28" s="326">
        <v>0</v>
      </c>
      <c r="AY28" s="327">
        <v>223401</v>
      </c>
      <c r="AZ28" s="327">
        <v>382894</v>
      </c>
      <c r="BA28" s="327">
        <v>440843</v>
      </c>
      <c r="BB28" s="327">
        <v>157609</v>
      </c>
      <c r="BC28" s="327">
        <v>56226</v>
      </c>
      <c r="BD28" s="328">
        <v>1260973</v>
      </c>
      <c r="BE28" s="330">
        <v>1380822</v>
      </c>
      <c r="BF28" s="326">
        <v>9073</v>
      </c>
      <c r="BG28" s="327">
        <v>23728</v>
      </c>
      <c r="BH28" s="331">
        <v>32801</v>
      </c>
      <c r="BI28" s="332">
        <v>0</v>
      </c>
      <c r="BJ28" s="327">
        <v>0</v>
      </c>
      <c r="BK28" s="327">
        <v>59220</v>
      </c>
      <c r="BL28" s="327">
        <v>0</v>
      </c>
      <c r="BM28" s="327">
        <v>0</v>
      </c>
      <c r="BN28" s="327">
        <v>0</v>
      </c>
      <c r="BO28" s="328">
        <v>59220</v>
      </c>
      <c r="BP28" s="330">
        <v>92021</v>
      </c>
      <c r="BQ28" s="326">
        <v>0</v>
      </c>
      <c r="BR28" s="327">
        <v>1820</v>
      </c>
      <c r="BS28" s="328">
        <v>1820</v>
      </c>
      <c r="BT28" s="326">
        <v>0</v>
      </c>
      <c r="BU28" s="327">
        <v>48447</v>
      </c>
      <c r="BV28" s="327">
        <v>65989</v>
      </c>
      <c r="BW28" s="327">
        <v>121583</v>
      </c>
      <c r="BX28" s="327">
        <v>192514</v>
      </c>
      <c r="BY28" s="327">
        <v>266700</v>
      </c>
      <c r="BZ28" s="328">
        <v>695233</v>
      </c>
      <c r="CA28" s="330">
        <v>697053</v>
      </c>
      <c r="CB28" s="326">
        <v>22937</v>
      </c>
      <c r="CC28" s="327">
        <v>0</v>
      </c>
      <c r="CD28" s="328">
        <v>22937</v>
      </c>
      <c r="CE28" s="326">
        <v>0</v>
      </c>
      <c r="CF28" s="327">
        <v>522896</v>
      </c>
      <c r="CG28" s="327">
        <v>867153</v>
      </c>
      <c r="CH28" s="327">
        <v>520881</v>
      </c>
      <c r="CI28" s="327">
        <v>198467</v>
      </c>
      <c r="CJ28" s="327">
        <v>176421</v>
      </c>
      <c r="CK28" s="328">
        <v>2285818</v>
      </c>
      <c r="CL28" s="330">
        <v>2308755</v>
      </c>
      <c r="CM28" s="326">
        <v>0</v>
      </c>
      <c r="CN28" s="327">
        <v>0</v>
      </c>
      <c r="CO28" s="328">
        <v>0</v>
      </c>
      <c r="CP28" s="332">
        <v>0</v>
      </c>
      <c r="CQ28" s="327">
        <v>463832</v>
      </c>
      <c r="CR28" s="327">
        <v>867153</v>
      </c>
      <c r="CS28" s="327">
        <v>364603</v>
      </c>
      <c r="CT28" s="327">
        <v>109213</v>
      </c>
      <c r="CU28" s="327">
        <v>176421</v>
      </c>
      <c r="CV28" s="328">
        <v>1981222</v>
      </c>
      <c r="CW28" s="330">
        <v>1981222</v>
      </c>
      <c r="CX28" s="326">
        <v>22937</v>
      </c>
      <c r="CY28" s="327">
        <v>0</v>
      </c>
      <c r="CZ28" s="328">
        <v>22937</v>
      </c>
      <c r="DA28" s="326">
        <v>0</v>
      </c>
      <c r="DB28" s="327">
        <v>59064</v>
      </c>
      <c r="DC28" s="327">
        <v>0</v>
      </c>
      <c r="DD28" s="327">
        <v>156278</v>
      </c>
      <c r="DE28" s="327">
        <v>89254</v>
      </c>
      <c r="DF28" s="327">
        <v>0</v>
      </c>
      <c r="DG28" s="328">
        <v>304596</v>
      </c>
      <c r="DH28" s="330">
        <v>327533</v>
      </c>
      <c r="DI28" s="326">
        <v>0</v>
      </c>
      <c r="DJ28" s="327">
        <v>0</v>
      </c>
      <c r="DK28" s="331">
        <v>0</v>
      </c>
      <c r="DL28" s="332">
        <v>0</v>
      </c>
      <c r="DM28" s="327">
        <v>119183</v>
      </c>
      <c r="DN28" s="327">
        <v>405601</v>
      </c>
      <c r="DO28" s="327">
        <v>219751</v>
      </c>
      <c r="DP28" s="327">
        <v>0</v>
      </c>
      <c r="DQ28" s="327">
        <v>0</v>
      </c>
      <c r="DR28" s="328">
        <v>744535</v>
      </c>
      <c r="DS28" s="330">
        <v>744535</v>
      </c>
      <c r="DT28" s="326">
        <v>0</v>
      </c>
      <c r="DU28" s="327">
        <v>0</v>
      </c>
      <c r="DV28" s="328">
        <v>0</v>
      </c>
      <c r="DW28" s="326">
        <v>0</v>
      </c>
      <c r="DX28" s="327">
        <v>119183</v>
      </c>
      <c r="DY28" s="327">
        <v>405601</v>
      </c>
      <c r="DZ28" s="327">
        <v>219751</v>
      </c>
      <c r="EA28" s="327">
        <v>0</v>
      </c>
      <c r="EB28" s="327">
        <v>0</v>
      </c>
      <c r="EC28" s="328">
        <v>744535</v>
      </c>
      <c r="ED28" s="330">
        <v>744535</v>
      </c>
      <c r="EE28" s="326">
        <v>0</v>
      </c>
      <c r="EF28" s="331">
        <v>0</v>
      </c>
      <c r="EG28" s="328">
        <v>0</v>
      </c>
      <c r="EH28" s="326">
        <v>0</v>
      </c>
      <c r="EI28" s="327">
        <v>0</v>
      </c>
      <c r="EJ28" s="327">
        <v>0</v>
      </c>
      <c r="EK28" s="327">
        <v>0</v>
      </c>
      <c r="EL28" s="327">
        <v>0</v>
      </c>
      <c r="EM28" s="327">
        <v>0</v>
      </c>
      <c r="EN28" s="331">
        <v>0</v>
      </c>
      <c r="EO28" s="330">
        <v>0</v>
      </c>
      <c r="EP28" s="326">
        <v>0</v>
      </c>
      <c r="EQ28" s="327">
        <v>0</v>
      </c>
      <c r="ER28" s="331">
        <v>0</v>
      </c>
      <c r="ES28" s="332">
        <v>0</v>
      </c>
      <c r="ET28" s="327">
        <v>0</v>
      </c>
      <c r="EU28" s="327">
        <v>0</v>
      </c>
      <c r="EV28" s="327">
        <v>0</v>
      </c>
      <c r="EW28" s="327">
        <v>0</v>
      </c>
      <c r="EX28" s="327">
        <v>0</v>
      </c>
      <c r="EY28" s="328">
        <v>0</v>
      </c>
      <c r="EZ28" s="330">
        <v>0</v>
      </c>
      <c r="FA28" s="326">
        <v>0</v>
      </c>
      <c r="FB28" s="327">
        <v>0</v>
      </c>
      <c r="FC28" s="331">
        <v>0</v>
      </c>
      <c r="FD28" s="404">
        <v>0</v>
      </c>
      <c r="FE28" s="327">
        <v>0</v>
      </c>
      <c r="FF28" s="327">
        <v>0</v>
      </c>
      <c r="FG28" s="327">
        <v>0</v>
      </c>
      <c r="FH28" s="327">
        <v>0</v>
      </c>
      <c r="FI28" s="327">
        <v>0</v>
      </c>
      <c r="FJ28" s="328">
        <v>0</v>
      </c>
      <c r="FK28" s="330">
        <v>0</v>
      </c>
      <c r="FL28" s="326">
        <v>142590</v>
      </c>
      <c r="FM28" s="327">
        <v>49308</v>
      </c>
      <c r="FN28" s="328">
        <v>191898</v>
      </c>
      <c r="FO28" s="326">
        <v>0</v>
      </c>
      <c r="FP28" s="327">
        <v>72478</v>
      </c>
      <c r="FQ28" s="327">
        <v>194761</v>
      </c>
      <c r="FR28" s="327">
        <v>151837</v>
      </c>
      <c r="FS28" s="327">
        <v>99386</v>
      </c>
      <c r="FT28" s="327">
        <v>83076</v>
      </c>
      <c r="FU28" s="328">
        <v>601538</v>
      </c>
      <c r="FV28" s="330">
        <v>793436</v>
      </c>
      <c r="FW28" s="333">
        <v>21490</v>
      </c>
      <c r="FX28" s="327">
        <v>49308</v>
      </c>
      <c r="FY28" s="331">
        <v>70798</v>
      </c>
      <c r="FZ28" s="332">
        <v>0</v>
      </c>
      <c r="GA28" s="327">
        <v>53018</v>
      </c>
      <c r="GB28" s="327">
        <v>194761</v>
      </c>
      <c r="GC28" s="327">
        <v>151837</v>
      </c>
      <c r="GD28" s="327">
        <v>99386</v>
      </c>
      <c r="GE28" s="327">
        <v>83076</v>
      </c>
      <c r="GF28" s="328">
        <v>582078</v>
      </c>
      <c r="GG28" s="334">
        <v>652876</v>
      </c>
      <c r="GH28" s="333">
        <v>0</v>
      </c>
      <c r="GI28" s="327">
        <v>0</v>
      </c>
      <c r="GJ28" s="331">
        <v>0</v>
      </c>
      <c r="GK28" s="332">
        <v>0</v>
      </c>
      <c r="GL28" s="327">
        <v>19460</v>
      </c>
      <c r="GM28" s="327">
        <v>0</v>
      </c>
      <c r="GN28" s="327">
        <v>0</v>
      </c>
      <c r="GO28" s="327">
        <v>0</v>
      </c>
      <c r="GP28" s="327">
        <v>0</v>
      </c>
      <c r="GQ28" s="328">
        <v>19460</v>
      </c>
      <c r="GR28" s="330">
        <v>19460</v>
      </c>
      <c r="GS28" s="326">
        <v>121100</v>
      </c>
      <c r="GT28" s="327">
        <v>0</v>
      </c>
      <c r="GU28" s="328">
        <v>121100</v>
      </c>
      <c r="GV28" s="326">
        <v>0</v>
      </c>
      <c r="GW28" s="327">
        <v>0</v>
      </c>
      <c r="GX28" s="327">
        <v>0</v>
      </c>
      <c r="GY28" s="327">
        <v>0</v>
      </c>
      <c r="GZ28" s="327">
        <v>0</v>
      </c>
      <c r="HA28" s="327">
        <v>0</v>
      </c>
      <c r="HB28" s="331">
        <v>0</v>
      </c>
      <c r="HC28" s="330">
        <v>121100</v>
      </c>
      <c r="HD28" s="326">
        <v>0</v>
      </c>
      <c r="HE28" s="327">
        <v>68021</v>
      </c>
      <c r="HF28" s="331">
        <v>68021</v>
      </c>
      <c r="HG28" s="332">
        <v>0</v>
      </c>
      <c r="HH28" s="327">
        <v>433707</v>
      </c>
      <c r="HI28" s="327">
        <v>364057</v>
      </c>
      <c r="HJ28" s="327">
        <v>183752</v>
      </c>
      <c r="HK28" s="327">
        <v>1589147</v>
      </c>
      <c r="HL28" s="327">
        <v>1394376</v>
      </c>
      <c r="HM28" s="328">
        <v>3965039</v>
      </c>
      <c r="HN28" s="329">
        <v>4033060</v>
      </c>
      <c r="HO28" s="333">
        <v>0</v>
      </c>
      <c r="HP28" s="327">
        <v>0</v>
      </c>
      <c r="HQ28" s="328">
        <v>0</v>
      </c>
      <c r="HR28" s="326">
        <v>0</v>
      </c>
      <c r="HS28" s="327">
        <v>0</v>
      </c>
      <c r="HT28" s="327">
        <v>0</v>
      </c>
      <c r="HU28" s="327">
        <v>0</v>
      </c>
      <c r="HV28" s="327">
        <v>0</v>
      </c>
      <c r="HW28" s="327">
        <v>0</v>
      </c>
      <c r="HX28" s="331">
        <v>0</v>
      </c>
      <c r="HY28" s="330">
        <v>0</v>
      </c>
      <c r="HZ28" s="358">
        <v>0</v>
      </c>
      <c r="IA28" s="356">
        <v>0</v>
      </c>
      <c r="IB28" s="358">
        <v>0</v>
      </c>
      <c r="IC28" s="355">
        <v>0</v>
      </c>
      <c r="ID28" s="356">
        <v>304110</v>
      </c>
      <c r="IE28" s="357">
        <v>423592</v>
      </c>
      <c r="IF28" s="358">
        <v>816752</v>
      </c>
      <c r="IG28" s="356">
        <v>219629</v>
      </c>
      <c r="IH28" s="358">
        <v>1449591</v>
      </c>
      <c r="II28" s="359">
        <v>3213674</v>
      </c>
      <c r="IJ28" s="358">
        <v>3213674</v>
      </c>
      <c r="IK28" s="342">
        <v>0</v>
      </c>
      <c r="IL28" s="343">
        <v>0</v>
      </c>
      <c r="IM28" s="344">
        <v>0</v>
      </c>
      <c r="IN28" s="404">
        <v>0</v>
      </c>
      <c r="IO28" s="345">
        <v>0</v>
      </c>
      <c r="IP28" s="345">
        <v>0</v>
      </c>
      <c r="IQ28" s="345">
        <v>0</v>
      </c>
      <c r="IR28" s="345">
        <v>0</v>
      </c>
      <c r="IS28" s="345">
        <v>273972</v>
      </c>
      <c r="IT28" s="346">
        <v>273972</v>
      </c>
      <c r="IU28" s="347">
        <v>273972</v>
      </c>
      <c r="IV28" s="348">
        <v>0</v>
      </c>
      <c r="IW28" s="345">
        <v>0</v>
      </c>
      <c r="IX28" s="349">
        <v>0</v>
      </c>
      <c r="IY28" s="404">
        <v>0</v>
      </c>
      <c r="IZ28" s="345">
        <v>0</v>
      </c>
      <c r="JA28" s="345">
        <v>0</v>
      </c>
      <c r="JB28" s="345">
        <v>0</v>
      </c>
      <c r="JC28" s="345">
        <v>0</v>
      </c>
      <c r="JD28" s="345">
        <v>0</v>
      </c>
      <c r="JE28" s="349">
        <v>0</v>
      </c>
      <c r="JF28" s="350">
        <v>0</v>
      </c>
      <c r="JG28" s="348">
        <v>0</v>
      </c>
      <c r="JH28" s="345">
        <v>0</v>
      </c>
      <c r="JI28" s="346">
        <v>0</v>
      </c>
      <c r="JJ28" s="351">
        <v>0</v>
      </c>
      <c r="JK28" s="345">
        <v>87946</v>
      </c>
      <c r="JL28" s="345">
        <v>136647</v>
      </c>
      <c r="JM28" s="345">
        <v>119643</v>
      </c>
      <c r="JN28" s="345">
        <v>0</v>
      </c>
      <c r="JO28" s="345">
        <v>0</v>
      </c>
      <c r="JP28" s="349">
        <v>344236</v>
      </c>
      <c r="JQ28" s="347">
        <v>344236</v>
      </c>
      <c r="JR28" s="348">
        <v>0</v>
      </c>
      <c r="JS28" s="345">
        <v>0</v>
      </c>
      <c r="JT28" s="346">
        <v>0</v>
      </c>
      <c r="JU28" s="351">
        <v>0</v>
      </c>
      <c r="JV28" s="345">
        <v>0</v>
      </c>
      <c r="JW28" s="345">
        <v>0</v>
      </c>
      <c r="JX28" s="345">
        <v>0</v>
      </c>
      <c r="JY28" s="345">
        <v>0</v>
      </c>
      <c r="JZ28" s="345">
        <v>0</v>
      </c>
      <c r="KA28" s="349">
        <v>0</v>
      </c>
      <c r="KB28" s="347">
        <v>0</v>
      </c>
      <c r="KC28" s="352">
        <v>0</v>
      </c>
      <c r="KD28" s="353">
        <v>0</v>
      </c>
      <c r="KE28" s="349">
        <v>0</v>
      </c>
      <c r="KF28" s="351">
        <v>0</v>
      </c>
      <c r="KG28" s="345">
        <v>0</v>
      </c>
      <c r="KH28" s="345">
        <v>0</v>
      </c>
      <c r="KI28" s="345">
        <v>0</v>
      </c>
      <c r="KJ28" s="345">
        <v>0</v>
      </c>
      <c r="KK28" s="345">
        <v>0</v>
      </c>
      <c r="KL28" s="349">
        <v>0</v>
      </c>
      <c r="KM28" s="354">
        <v>0</v>
      </c>
      <c r="KN28" s="342">
        <v>0</v>
      </c>
      <c r="KO28" s="343">
        <v>0</v>
      </c>
      <c r="KP28" s="344">
        <v>0</v>
      </c>
      <c r="KQ28" s="404">
        <v>0</v>
      </c>
      <c r="KR28" s="345">
        <v>216164</v>
      </c>
      <c r="KS28" s="345">
        <v>142429</v>
      </c>
      <c r="KT28" s="345">
        <v>697109</v>
      </c>
      <c r="KU28" s="345">
        <v>0</v>
      </c>
      <c r="KV28" s="345">
        <v>1175619</v>
      </c>
      <c r="KW28" s="349">
        <v>2231321</v>
      </c>
      <c r="KX28" s="347">
        <v>2231321</v>
      </c>
      <c r="KY28" s="348">
        <v>0</v>
      </c>
      <c r="KZ28" s="345">
        <v>0</v>
      </c>
      <c r="LA28" s="349">
        <v>0</v>
      </c>
      <c r="LB28" s="404">
        <v>0</v>
      </c>
      <c r="LC28" s="345">
        <v>0</v>
      </c>
      <c r="LD28" s="345">
        <v>0</v>
      </c>
      <c r="LE28" s="345">
        <v>0</v>
      </c>
      <c r="LF28" s="345">
        <v>0</v>
      </c>
      <c r="LG28" s="345">
        <v>0</v>
      </c>
      <c r="LH28" s="349">
        <v>0</v>
      </c>
      <c r="LI28" s="350">
        <v>0</v>
      </c>
      <c r="LJ28" s="348">
        <v>0</v>
      </c>
      <c r="LK28" s="345">
        <v>0</v>
      </c>
      <c r="LL28" s="349">
        <v>0</v>
      </c>
      <c r="LM28" s="404">
        <v>0</v>
      </c>
      <c r="LN28" s="345">
        <v>0</v>
      </c>
      <c r="LO28" s="345">
        <v>0</v>
      </c>
      <c r="LP28" s="345">
        <v>0</v>
      </c>
      <c r="LQ28" s="345">
        <v>0</v>
      </c>
      <c r="LR28" s="345">
        <v>0</v>
      </c>
      <c r="LS28" s="349">
        <v>0</v>
      </c>
      <c r="LT28" s="347">
        <v>0</v>
      </c>
      <c r="LU28" s="348">
        <v>0</v>
      </c>
      <c r="LV28" s="345">
        <v>0</v>
      </c>
      <c r="LW28" s="349">
        <v>0</v>
      </c>
      <c r="LX28" s="404">
        <v>0</v>
      </c>
      <c r="LY28" s="345">
        <v>0</v>
      </c>
      <c r="LZ28" s="345">
        <v>144516</v>
      </c>
      <c r="MA28" s="345">
        <v>0</v>
      </c>
      <c r="MB28" s="345">
        <v>219629</v>
      </c>
      <c r="MC28" s="345">
        <v>0</v>
      </c>
      <c r="MD28" s="349">
        <v>364145</v>
      </c>
      <c r="ME28" s="350">
        <v>364145</v>
      </c>
      <c r="MF28" s="348">
        <v>0</v>
      </c>
      <c r="MG28" s="345">
        <v>0</v>
      </c>
      <c r="MH28" s="349">
        <v>0</v>
      </c>
      <c r="MI28" s="404">
        <v>0</v>
      </c>
      <c r="MJ28" s="345">
        <v>0</v>
      </c>
      <c r="MK28" s="345">
        <v>0</v>
      </c>
      <c r="ML28" s="345">
        <v>913746</v>
      </c>
      <c r="MM28" s="345">
        <v>689846</v>
      </c>
      <c r="MN28" s="345">
        <v>1299782</v>
      </c>
      <c r="MO28" s="349">
        <v>2903374</v>
      </c>
      <c r="MP28" s="354">
        <v>2903374</v>
      </c>
      <c r="MQ28" s="348">
        <v>0</v>
      </c>
      <c r="MR28" s="345">
        <v>0</v>
      </c>
      <c r="MS28" s="349">
        <v>0</v>
      </c>
      <c r="MT28" s="404">
        <v>0</v>
      </c>
      <c r="MU28" s="345">
        <v>0</v>
      </c>
      <c r="MV28" s="345">
        <v>0</v>
      </c>
      <c r="MW28" s="345">
        <v>913746</v>
      </c>
      <c r="MX28" s="345">
        <v>689846</v>
      </c>
      <c r="MY28" s="345">
        <v>705508</v>
      </c>
      <c r="MZ28" s="349">
        <v>2309100</v>
      </c>
      <c r="NA28" s="354">
        <v>2309100</v>
      </c>
      <c r="NB28" s="348">
        <v>0</v>
      </c>
      <c r="NC28" s="345">
        <v>0</v>
      </c>
      <c r="ND28" s="349">
        <v>0</v>
      </c>
      <c r="NE28" s="404">
        <v>0</v>
      </c>
      <c r="NF28" s="345">
        <v>0</v>
      </c>
      <c r="NG28" s="345">
        <v>0</v>
      </c>
      <c r="NH28" s="345">
        <v>0</v>
      </c>
      <c r="NI28" s="345">
        <v>0</v>
      </c>
      <c r="NJ28" s="345">
        <v>252081</v>
      </c>
      <c r="NK28" s="349">
        <v>252081</v>
      </c>
      <c r="NL28" s="347">
        <v>252081</v>
      </c>
      <c r="NM28" s="348">
        <v>0</v>
      </c>
      <c r="NN28" s="345">
        <v>0</v>
      </c>
      <c r="NO28" s="349">
        <v>0</v>
      </c>
      <c r="NP28" s="404">
        <v>0</v>
      </c>
      <c r="NQ28" s="345">
        <v>0</v>
      </c>
      <c r="NR28" s="345">
        <v>0</v>
      </c>
      <c r="NS28" s="345">
        <v>0</v>
      </c>
      <c r="NT28" s="345">
        <v>0</v>
      </c>
      <c r="NU28" s="345">
        <v>0</v>
      </c>
      <c r="NV28" s="349">
        <v>0</v>
      </c>
      <c r="NW28" s="350">
        <v>0</v>
      </c>
      <c r="NX28" s="348">
        <v>0</v>
      </c>
      <c r="NY28" s="345">
        <v>0</v>
      </c>
      <c r="NZ28" s="349">
        <v>0</v>
      </c>
      <c r="OA28" s="404">
        <v>0</v>
      </c>
      <c r="OB28" s="345">
        <v>0</v>
      </c>
      <c r="OC28" s="345">
        <v>0</v>
      </c>
      <c r="OD28" s="345">
        <v>0</v>
      </c>
      <c r="OE28" s="345">
        <v>0</v>
      </c>
      <c r="OF28" s="345">
        <v>342193</v>
      </c>
      <c r="OG28" s="349">
        <v>342193</v>
      </c>
      <c r="OH28" s="350">
        <v>342193</v>
      </c>
      <c r="OI28" s="348">
        <v>243107</v>
      </c>
      <c r="OJ28" s="345">
        <v>194219</v>
      </c>
      <c r="OK28" s="346">
        <v>437326</v>
      </c>
      <c r="OL28" s="351">
        <v>0</v>
      </c>
      <c r="OM28" s="345">
        <v>1724222</v>
      </c>
      <c r="ON28" s="345">
        <v>3029346</v>
      </c>
      <c r="OO28" s="345">
        <v>4089240</v>
      </c>
      <c r="OP28" s="345">
        <v>3260985</v>
      </c>
      <c r="OQ28" s="345">
        <v>4982620</v>
      </c>
      <c r="OR28" s="349">
        <v>17086413</v>
      </c>
      <c r="OS28" s="354">
        <v>17523739</v>
      </c>
    </row>
    <row r="29" spans="2:409" s="70" customFormat="1" ht="21" customHeight="1" x14ac:dyDescent="0.2">
      <c r="B29" s="106" t="s">
        <v>24</v>
      </c>
      <c r="C29" s="326">
        <v>252877</v>
      </c>
      <c r="D29" s="327">
        <v>458568</v>
      </c>
      <c r="E29" s="328">
        <v>711445</v>
      </c>
      <c r="F29" s="329">
        <v>0</v>
      </c>
      <c r="G29" s="327">
        <v>2189110</v>
      </c>
      <c r="H29" s="327">
        <v>2584215</v>
      </c>
      <c r="I29" s="327">
        <v>1330674</v>
      </c>
      <c r="J29" s="327">
        <v>1324567</v>
      </c>
      <c r="K29" s="327">
        <v>2673239</v>
      </c>
      <c r="L29" s="367">
        <v>10101805</v>
      </c>
      <c r="M29" s="330">
        <v>10813250</v>
      </c>
      <c r="N29" s="326">
        <v>80613</v>
      </c>
      <c r="O29" s="327">
        <v>139071</v>
      </c>
      <c r="P29" s="328">
        <v>219684</v>
      </c>
      <c r="Q29" s="326">
        <v>0</v>
      </c>
      <c r="R29" s="327">
        <v>576415</v>
      </c>
      <c r="S29" s="327">
        <v>755147</v>
      </c>
      <c r="T29" s="327">
        <v>267348</v>
      </c>
      <c r="U29" s="327">
        <v>581831</v>
      </c>
      <c r="V29" s="327">
        <v>1163693</v>
      </c>
      <c r="W29" s="328">
        <v>3344434</v>
      </c>
      <c r="X29" s="330">
        <v>3564118</v>
      </c>
      <c r="Y29" s="326">
        <v>0</v>
      </c>
      <c r="Z29" s="327">
        <v>0</v>
      </c>
      <c r="AA29" s="328">
        <v>0</v>
      </c>
      <c r="AB29" s="326">
        <v>0</v>
      </c>
      <c r="AC29" s="327">
        <v>220120</v>
      </c>
      <c r="AD29" s="327">
        <v>294930</v>
      </c>
      <c r="AE29" s="327">
        <v>31320</v>
      </c>
      <c r="AF29" s="327">
        <v>48316</v>
      </c>
      <c r="AG29" s="327">
        <v>684792</v>
      </c>
      <c r="AH29" s="328">
        <v>1279478</v>
      </c>
      <c r="AI29" s="330">
        <v>1279478</v>
      </c>
      <c r="AJ29" s="326">
        <v>0</v>
      </c>
      <c r="AK29" s="327">
        <v>0</v>
      </c>
      <c r="AL29" s="328">
        <v>0</v>
      </c>
      <c r="AM29" s="326">
        <v>0</v>
      </c>
      <c r="AN29" s="327">
        <v>0</v>
      </c>
      <c r="AO29" s="327">
        <v>0</v>
      </c>
      <c r="AP29" s="327">
        <v>0</v>
      </c>
      <c r="AQ29" s="327">
        <v>43353</v>
      </c>
      <c r="AR29" s="327">
        <v>84888</v>
      </c>
      <c r="AS29" s="328">
        <v>128241</v>
      </c>
      <c r="AT29" s="330">
        <v>128241</v>
      </c>
      <c r="AU29" s="326">
        <v>59382</v>
      </c>
      <c r="AV29" s="327">
        <v>119247</v>
      </c>
      <c r="AW29" s="328">
        <v>178629</v>
      </c>
      <c r="AX29" s="326">
        <v>0</v>
      </c>
      <c r="AY29" s="327">
        <v>203765</v>
      </c>
      <c r="AZ29" s="327">
        <v>306938</v>
      </c>
      <c r="BA29" s="327">
        <v>129866</v>
      </c>
      <c r="BB29" s="327">
        <v>369524</v>
      </c>
      <c r="BC29" s="327">
        <v>199986</v>
      </c>
      <c r="BD29" s="328">
        <v>1210079</v>
      </c>
      <c r="BE29" s="330">
        <v>1388708</v>
      </c>
      <c r="BF29" s="326">
        <v>0</v>
      </c>
      <c r="BG29" s="327">
        <v>0</v>
      </c>
      <c r="BH29" s="331">
        <v>0</v>
      </c>
      <c r="BI29" s="332">
        <v>0</v>
      </c>
      <c r="BJ29" s="327">
        <v>0</v>
      </c>
      <c r="BK29" s="327">
        <v>0</v>
      </c>
      <c r="BL29" s="327">
        <v>0</v>
      </c>
      <c r="BM29" s="327">
        <v>0</v>
      </c>
      <c r="BN29" s="327">
        <v>19251</v>
      </c>
      <c r="BO29" s="328">
        <v>19251</v>
      </c>
      <c r="BP29" s="330">
        <v>19251</v>
      </c>
      <c r="BQ29" s="326">
        <v>21231</v>
      </c>
      <c r="BR29" s="327">
        <v>19824</v>
      </c>
      <c r="BS29" s="328">
        <v>41055</v>
      </c>
      <c r="BT29" s="326">
        <v>0</v>
      </c>
      <c r="BU29" s="327">
        <v>152530</v>
      </c>
      <c r="BV29" s="327">
        <v>153279</v>
      </c>
      <c r="BW29" s="327">
        <v>106162</v>
      </c>
      <c r="BX29" s="327">
        <v>120638</v>
      </c>
      <c r="BY29" s="327">
        <v>174776</v>
      </c>
      <c r="BZ29" s="328">
        <v>707385</v>
      </c>
      <c r="CA29" s="330">
        <v>748440</v>
      </c>
      <c r="CB29" s="326">
        <v>55346</v>
      </c>
      <c r="CC29" s="327">
        <v>35994</v>
      </c>
      <c r="CD29" s="328">
        <v>91340</v>
      </c>
      <c r="CE29" s="326">
        <v>0</v>
      </c>
      <c r="CF29" s="327">
        <v>572280</v>
      </c>
      <c r="CG29" s="327">
        <v>429954</v>
      </c>
      <c r="CH29" s="327">
        <v>227141</v>
      </c>
      <c r="CI29" s="327">
        <v>129557</v>
      </c>
      <c r="CJ29" s="327">
        <v>188722</v>
      </c>
      <c r="CK29" s="328">
        <v>1547654</v>
      </c>
      <c r="CL29" s="330">
        <v>1638994</v>
      </c>
      <c r="CM29" s="326">
        <v>0</v>
      </c>
      <c r="CN29" s="327">
        <v>0</v>
      </c>
      <c r="CO29" s="328">
        <v>0</v>
      </c>
      <c r="CP29" s="332">
        <v>0</v>
      </c>
      <c r="CQ29" s="327">
        <v>299934</v>
      </c>
      <c r="CR29" s="327">
        <v>261442</v>
      </c>
      <c r="CS29" s="327">
        <v>103952</v>
      </c>
      <c r="CT29" s="327">
        <v>129557</v>
      </c>
      <c r="CU29" s="327">
        <v>0</v>
      </c>
      <c r="CV29" s="328">
        <v>794885</v>
      </c>
      <c r="CW29" s="330">
        <v>794885</v>
      </c>
      <c r="CX29" s="326">
        <v>55346</v>
      </c>
      <c r="CY29" s="327">
        <v>35994</v>
      </c>
      <c r="CZ29" s="328">
        <v>91340</v>
      </c>
      <c r="DA29" s="326">
        <v>0</v>
      </c>
      <c r="DB29" s="327">
        <v>272346</v>
      </c>
      <c r="DC29" s="327">
        <v>168512</v>
      </c>
      <c r="DD29" s="327">
        <v>123189</v>
      </c>
      <c r="DE29" s="327">
        <v>0</v>
      </c>
      <c r="DF29" s="327">
        <v>188722</v>
      </c>
      <c r="DG29" s="328">
        <v>752769</v>
      </c>
      <c r="DH29" s="330">
        <v>844109</v>
      </c>
      <c r="DI29" s="326">
        <v>0</v>
      </c>
      <c r="DJ29" s="327">
        <v>0</v>
      </c>
      <c r="DK29" s="331">
        <v>0</v>
      </c>
      <c r="DL29" s="332">
        <v>0</v>
      </c>
      <c r="DM29" s="327">
        <v>0</v>
      </c>
      <c r="DN29" s="327">
        <v>0</v>
      </c>
      <c r="DO29" s="327">
        <v>23132</v>
      </c>
      <c r="DP29" s="327">
        <v>0</v>
      </c>
      <c r="DQ29" s="327">
        <v>88531</v>
      </c>
      <c r="DR29" s="328">
        <v>111663</v>
      </c>
      <c r="DS29" s="330">
        <v>111663</v>
      </c>
      <c r="DT29" s="326">
        <v>0</v>
      </c>
      <c r="DU29" s="327">
        <v>0</v>
      </c>
      <c r="DV29" s="328">
        <v>0</v>
      </c>
      <c r="DW29" s="326">
        <v>0</v>
      </c>
      <c r="DX29" s="327">
        <v>0</v>
      </c>
      <c r="DY29" s="327">
        <v>0</v>
      </c>
      <c r="DZ29" s="327">
        <v>23132</v>
      </c>
      <c r="EA29" s="327">
        <v>0</v>
      </c>
      <c r="EB29" s="327">
        <v>88531</v>
      </c>
      <c r="EC29" s="328">
        <v>111663</v>
      </c>
      <c r="ED29" s="330">
        <v>111663</v>
      </c>
      <c r="EE29" s="326">
        <v>0</v>
      </c>
      <c r="EF29" s="331">
        <v>0</v>
      </c>
      <c r="EG29" s="328">
        <v>0</v>
      </c>
      <c r="EH29" s="326">
        <v>0</v>
      </c>
      <c r="EI29" s="327">
        <v>0</v>
      </c>
      <c r="EJ29" s="327">
        <v>0</v>
      </c>
      <c r="EK29" s="327">
        <v>0</v>
      </c>
      <c r="EL29" s="327">
        <v>0</v>
      </c>
      <c r="EM29" s="327">
        <v>0</v>
      </c>
      <c r="EN29" s="331">
        <v>0</v>
      </c>
      <c r="EO29" s="330">
        <v>0</v>
      </c>
      <c r="EP29" s="326">
        <v>0</v>
      </c>
      <c r="EQ29" s="327">
        <v>0</v>
      </c>
      <c r="ER29" s="331">
        <v>0</v>
      </c>
      <c r="ES29" s="332">
        <v>0</v>
      </c>
      <c r="ET29" s="327">
        <v>0</v>
      </c>
      <c r="EU29" s="327">
        <v>0</v>
      </c>
      <c r="EV29" s="327">
        <v>0</v>
      </c>
      <c r="EW29" s="327">
        <v>0</v>
      </c>
      <c r="EX29" s="327">
        <v>0</v>
      </c>
      <c r="EY29" s="328">
        <v>0</v>
      </c>
      <c r="EZ29" s="330">
        <v>0</v>
      </c>
      <c r="FA29" s="326">
        <v>0</v>
      </c>
      <c r="FB29" s="327">
        <v>0</v>
      </c>
      <c r="FC29" s="331">
        <v>0</v>
      </c>
      <c r="FD29" s="404">
        <v>0</v>
      </c>
      <c r="FE29" s="327">
        <v>0</v>
      </c>
      <c r="FF29" s="327">
        <v>0</v>
      </c>
      <c r="FG29" s="327">
        <v>0</v>
      </c>
      <c r="FH29" s="327">
        <v>0</v>
      </c>
      <c r="FI29" s="327">
        <v>0</v>
      </c>
      <c r="FJ29" s="328">
        <v>0</v>
      </c>
      <c r="FK29" s="330">
        <v>0</v>
      </c>
      <c r="FL29" s="326">
        <v>17626</v>
      </c>
      <c r="FM29" s="327">
        <v>36904</v>
      </c>
      <c r="FN29" s="328">
        <v>54530</v>
      </c>
      <c r="FO29" s="326">
        <v>0</v>
      </c>
      <c r="FP29" s="327">
        <v>134582</v>
      </c>
      <c r="FQ29" s="327">
        <v>239141</v>
      </c>
      <c r="FR29" s="327">
        <v>73976</v>
      </c>
      <c r="FS29" s="327">
        <v>26579</v>
      </c>
      <c r="FT29" s="327">
        <v>137753</v>
      </c>
      <c r="FU29" s="328">
        <v>612031</v>
      </c>
      <c r="FV29" s="330">
        <v>666561</v>
      </c>
      <c r="FW29" s="333">
        <v>17626</v>
      </c>
      <c r="FX29" s="327">
        <v>36904</v>
      </c>
      <c r="FY29" s="331">
        <v>54530</v>
      </c>
      <c r="FZ29" s="332">
        <v>0</v>
      </c>
      <c r="GA29" s="327">
        <v>39550</v>
      </c>
      <c r="GB29" s="327">
        <v>224091</v>
      </c>
      <c r="GC29" s="327">
        <v>73976</v>
      </c>
      <c r="GD29" s="327">
        <v>26579</v>
      </c>
      <c r="GE29" s="327">
        <v>137753</v>
      </c>
      <c r="GF29" s="328">
        <v>501949</v>
      </c>
      <c r="GG29" s="334">
        <v>556479</v>
      </c>
      <c r="GH29" s="333">
        <v>0</v>
      </c>
      <c r="GI29" s="327">
        <v>0</v>
      </c>
      <c r="GJ29" s="331">
        <v>0</v>
      </c>
      <c r="GK29" s="332">
        <v>0</v>
      </c>
      <c r="GL29" s="327">
        <v>39732</v>
      </c>
      <c r="GM29" s="327">
        <v>15050</v>
      </c>
      <c r="GN29" s="327">
        <v>0</v>
      </c>
      <c r="GO29" s="327">
        <v>0</v>
      </c>
      <c r="GP29" s="327">
        <v>0</v>
      </c>
      <c r="GQ29" s="328">
        <v>54782</v>
      </c>
      <c r="GR29" s="330">
        <v>54782</v>
      </c>
      <c r="GS29" s="326">
        <v>0</v>
      </c>
      <c r="GT29" s="327">
        <v>0</v>
      </c>
      <c r="GU29" s="328">
        <v>0</v>
      </c>
      <c r="GV29" s="326">
        <v>0</v>
      </c>
      <c r="GW29" s="327">
        <v>55300</v>
      </c>
      <c r="GX29" s="327">
        <v>0</v>
      </c>
      <c r="GY29" s="327">
        <v>0</v>
      </c>
      <c r="GZ29" s="327">
        <v>0</v>
      </c>
      <c r="HA29" s="327">
        <v>0</v>
      </c>
      <c r="HB29" s="331">
        <v>55300</v>
      </c>
      <c r="HC29" s="330">
        <v>55300</v>
      </c>
      <c r="HD29" s="326">
        <v>99292</v>
      </c>
      <c r="HE29" s="327">
        <v>246599</v>
      </c>
      <c r="HF29" s="331">
        <v>345891</v>
      </c>
      <c r="HG29" s="332">
        <v>0</v>
      </c>
      <c r="HH29" s="327">
        <v>905833</v>
      </c>
      <c r="HI29" s="327">
        <v>1159973</v>
      </c>
      <c r="HJ29" s="327">
        <v>739077</v>
      </c>
      <c r="HK29" s="327">
        <v>586600</v>
      </c>
      <c r="HL29" s="327">
        <v>1094540</v>
      </c>
      <c r="HM29" s="328">
        <v>4486023</v>
      </c>
      <c r="HN29" s="329">
        <v>4831914</v>
      </c>
      <c r="HO29" s="333">
        <v>0</v>
      </c>
      <c r="HP29" s="327">
        <v>0</v>
      </c>
      <c r="HQ29" s="328">
        <v>0</v>
      </c>
      <c r="HR29" s="326">
        <v>0</v>
      </c>
      <c r="HS29" s="327">
        <v>0</v>
      </c>
      <c r="HT29" s="327">
        <v>0</v>
      </c>
      <c r="HU29" s="327">
        <v>0</v>
      </c>
      <c r="HV29" s="327">
        <v>0</v>
      </c>
      <c r="HW29" s="327">
        <v>0</v>
      </c>
      <c r="HX29" s="331">
        <v>0</v>
      </c>
      <c r="HY29" s="330">
        <v>0</v>
      </c>
      <c r="HZ29" s="335">
        <v>0</v>
      </c>
      <c r="IA29" s="336">
        <v>0</v>
      </c>
      <c r="IB29" s="337">
        <v>0</v>
      </c>
      <c r="IC29" s="338">
        <v>0</v>
      </c>
      <c r="ID29" s="336">
        <v>192164</v>
      </c>
      <c r="IE29" s="339">
        <v>355933</v>
      </c>
      <c r="IF29" s="337">
        <v>220572</v>
      </c>
      <c r="IG29" s="336">
        <v>610181</v>
      </c>
      <c r="IH29" s="337">
        <v>251650</v>
      </c>
      <c r="II29" s="340">
        <v>1630500</v>
      </c>
      <c r="IJ29" s="341">
        <v>1630500</v>
      </c>
      <c r="IK29" s="342">
        <v>0</v>
      </c>
      <c r="IL29" s="343">
        <v>0</v>
      </c>
      <c r="IM29" s="344">
        <v>0</v>
      </c>
      <c r="IN29" s="404">
        <v>0</v>
      </c>
      <c r="IO29" s="345">
        <v>0</v>
      </c>
      <c r="IP29" s="345">
        <v>0</v>
      </c>
      <c r="IQ29" s="345">
        <v>0</v>
      </c>
      <c r="IR29" s="345">
        <v>389030</v>
      </c>
      <c r="IS29" s="345">
        <v>0</v>
      </c>
      <c r="IT29" s="346">
        <v>389030</v>
      </c>
      <c r="IU29" s="347">
        <v>389030</v>
      </c>
      <c r="IV29" s="348">
        <v>0</v>
      </c>
      <c r="IW29" s="345">
        <v>0</v>
      </c>
      <c r="IX29" s="349">
        <v>0</v>
      </c>
      <c r="IY29" s="404">
        <v>0</v>
      </c>
      <c r="IZ29" s="345">
        <v>0</v>
      </c>
      <c r="JA29" s="345">
        <v>0</v>
      </c>
      <c r="JB29" s="345">
        <v>0</v>
      </c>
      <c r="JC29" s="345">
        <v>0</v>
      </c>
      <c r="JD29" s="345">
        <v>0</v>
      </c>
      <c r="JE29" s="349">
        <v>0</v>
      </c>
      <c r="JF29" s="350">
        <v>0</v>
      </c>
      <c r="JG29" s="348">
        <v>0</v>
      </c>
      <c r="JH29" s="345">
        <v>0</v>
      </c>
      <c r="JI29" s="346">
        <v>0</v>
      </c>
      <c r="JJ29" s="351">
        <v>0</v>
      </c>
      <c r="JK29" s="345">
        <v>0</v>
      </c>
      <c r="JL29" s="345">
        <v>13250</v>
      </c>
      <c r="JM29" s="345">
        <v>0</v>
      </c>
      <c r="JN29" s="345">
        <v>160366</v>
      </c>
      <c r="JO29" s="345">
        <v>0</v>
      </c>
      <c r="JP29" s="349">
        <v>173616</v>
      </c>
      <c r="JQ29" s="347">
        <v>173616</v>
      </c>
      <c r="JR29" s="348">
        <v>0</v>
      </c>
      <c r="JS29" s="345">
        <v>0</v>
      </c>
      <c r="JT29" s="346">
        <v>0</v>
      </c>
      <c r="JU29" s="351">
        <v>0</v>
      </c>
      <c r="JV29" s="345">
        <v>0</v>
      </c>
      <c r="JW29" s="345">
        <v>0</v>
      </c>
      <c r="JX29" s="345">
        <v>0</v>
      </c>
      <c r="JY29" s="345">
        <v>0</v>
      </c>
      <c r="JZ29" s="345">
        <v>23262</v>
      </c>
      <c r="KA29" s="349">
        <v>23262</v>
      </c>
      <c r="KB29" s="347">
        <v>23262</v>
      </c>
      <c r="KC29" s="352">
        <v>0</v>
      </c>
      <c r="KD29" s="353">
        <v>0</v>
      </c>
      <c r="KE29" s="349">
        <v>0</v>
      </c>
      <c r="KF29" s="351">
        <v>0</v>
      </c>
      <c r="KG29" s="345">
        <v>192164</v>
      </c>
      <c r="KH29" s="345">
        <v>130322</v>
      </c>
      <c r="KI29" s="345">
        <v>0</v>
      </c>
      <c r="KJ29" s="345">
        <v>60785</v>
      </c>
      <c r="KK29" s="345">
        <v>0</v>
      </c>
      <c r="KL29" s="349">
        <v>383271</v>
      </c>
      <c r="KM29" s="354">
        <v>383271</v>
      </c>
      <c r="KN29" s="342">
        <v>0</v>
      </c>
      <c r="KO29" s="343">
        <v>0</v>
      </c>
      <c r="KP29" s="344">
        <v>0</v>
      </c>
      <c r="KQ29" s="404">
        <v>0</v>
      </c>
      <c r="KR29" s="345">
        <v>0</v>
      </c>
      <c r="KS29" s="345">
        <v>212361</v>
      </c>
      <c r="KT29" s="345">
        <v>220572</v>
      </c>
      <c r="KU29" s="345">
        <v>0</v>
      </c>
      <c r="KV29" s="345">
        <v>228388</v>
      </c>
      <c r="KW29" s="349">
        <v>661321</v>
      </c>
      <c r="KX29" s="347">
        <v>661321</v>
      </c>
      <c r="KY29" s="348">
        <v>0</v>
      </c>
      <c r="KZ29" s="345">
        <v>0</v>
      </c>
      <c r="LA29" s="349">
        <v>0</v>
      </c>
      <c r="LB29" s="404">
        <v>0</v>
      </c>
      <c r="LC29" s="345">
        <v>0</v>
      </c>
      <c r="LD29" s="345">
        <v>0</v>
      </c>
      <c r="LE29" s="345">
        <v>0</v>
      </c>
      <c r="LF29" s="345">
        <v>0</v>
      </c>
      <c r="LG29" s="345">
        <v>0</v>
      </c>
      <c r="LH29" s="349">
        <v>0</v>
      </c>
      <c r="LI29" s="350">
        <v>0</v>
      </c>
      <c r="LJ29" s="348">
        <v>0</v>
      </c>
      <c r="LK29" s="345">
        <v>0</v>
      </c>
      <c r="LL29" s="349">
        <v>0</v>
      </c>
      <c r="LM29" s="404">
        <v>0</v>
      </c>
      <c r="LN29" s="345">
        <v>0</v>
      </c>
      <c r="LO29" s="345">
        <v>0</v>
      </c>
      <c r="LP29" s="345">
        <v>0</v>
      </c>
      <c r="LQ29" s="345">
        <v>0</v>
      </c>
      <c r="LR29" s="345">
        <v>0</v>
      </c>
      <c r="LS29" s="349">
        <v>0</v>
      </c>
      <c r="LT29" s="347">
        <v>0</v>
      </c>
      <c r="LU29" s="348">
        <v>0</v>
      </c>
      <c r="LV29" s="345">
        <v>0</v>
      </c>
      <c r="LW29" s="349">
        <v>0</v>
      </c>
      <c r="LX29" s="404">
        <v>0</v>
      </c>
      <c r="LY29" s="345">
        <v>0</v>
      </c>
      <c r="LZ29" s="345">
        <v>0</v>
      </c>
      <c r="MA29" s="345">
        <v>0</v>
      </c>
      <c r="MB29" s="345">
        <v>0</v>
      </c>
      <c r="MC29" s="345">
        <v>0</v>
      </c>
      <c r="MD29" s="349">
        <v>0</v>
      </c>
      <c r="ME29" s="350">
        <v>0</v>
      </c>
      <c r="MF29" s="348">
        <v>0</v>
      </c>
      <c r="MG29" s="345">
        <v>0</v>
      </c>
      <c r="MH29" s="349">
        <v>0</v>
      </c>
      <c r="MI29" s="404">
        <v>0</v>
      </c>
      <c r="MJ29" s="345">
        <v>300498</v>
      </c>
      <c r="MK29" s="345">
        <v>0</v>
      </c>
      <c r="ML29" s="345">
        <v>712900</v>
      </c>
      <c r="MM29" s="345">
        <v>968364</v>
      </c>
      <c r="MN29" s="345">
        <v>0</v>
      </c>
      <c r="MO29" s="349">
        <v>1981762</v>
      </c>
      <c r="MP29" s="354">
        <v>1981762</v>
      </c>
      <c r="MQ29" s="348">
        <v>0</v>
      </c>
      <c r="MR29" s="345">
        <v>0</v>
      </c>
      <c r="MS29" s="349">
        <v>0</v>
      </c>
      <c r="MT29" s="404">
        <v>0</v>
      </c>
      <c r="MU29" s="345">
        <v>0</v>
      </c>
      <c r="MV29" s="345">
        <v>0</v>
      </c>
      <c r="MW29" s="345">
        <v>467907</v>
      </c>
      <c r="MX29" s="345">
        <v>968364</v>
      </c>
      <c r="MY29" s="345">
        <v>0</v>
      </c>
      <c r="MZ29" s="349">
        <v>1436271</v>
      </c>
      <c r="NA29" s="354">
        <v>1436271</v>
      </c>
      <c r="NB29" s="348">
        <v>0</v>
      </c>
      <c r="NC29" s="345">
        <v>0</v>
      </c>
      <c r="ND29" s="349">
        <v>0</v>
      </c>
      <c r="NE29" s="404">
        <v>0</v>
      </c>
      <c r="NF29" s="345">
        <v>300498</v>
      </c>
      <c r="NG29" s="345">
        <v>0</v>
      </c>
      <c r="NH29" s="345">
        <v>244993</v>
      </c>
      <c r="NI29" s="345">
        <v>0</v>
      </c>
      <c r="NJ29" s="345">
        <v>0</v>
      </c>
      <c r="NK29" s="349">
        <v>545491</v>
      </c>
      <c r="NL29" s="347">
        <v>545491</v>
      </c>
      <c r="NM29" s="348">
        <v>0</v>
      </c>
      <c r="NN29" s="345">
        <v>0</v>
      </c>
      <c r="NO29" s="349">
        <v>0</v>
      </c>
      <c r="NP29" s="404">
        <v>0</v>
      </c>
      <c r="NQ29" s="345">
        <v>0</v>
      </c>
      <c r="NR29" s="345">
        <v>0</v>
      </c>
      <c r="NS29" s="345">
        <v>0</v>
      </c>
      <c r="NT29" s="345">
        <v>0</v>
      </c>
      <c r="NU29" s="345">
        <v>0</v>
      </c>
      <c r="NV29" s="349">
        <v>0</v>
      </c>
      <c r="NW29" s="350">
        <v>0</v>
      </c>
      <c r="NX29" s="348">
        <v>0</v>
      </c>
      <c r="NY29" s="345">
        <v>0</v>
      </c>
      <c r="NZ29" s="349">
        <v>0</v>
      </c>
      <c r="OA29" s="404">
        <v>0</v>
      </c>
      <c r="OB29" s="345">
        <v>0</v>
      </c>
      <c r="OC29" s="345">
        <v>0</v>
      </c>
      <c r="OD29" s="345">
        <v>0</v>
      </c>
      <c r="OE29" s="345">
        <v>0</v>
      </c>
      <c r="OF29" s="345">
        <v>0</v>
      </c>
      <c r="OG29" s="349">
        <v>0</v>
      </c>
      <c r="OH29" s="350">
        <v>0</v>
      </c>
      <c r="OI29" s="348">
        <v>252877</v>
      </c>
      <c r="OJ29" s="345">
        <v>458568</v>
      </c>
      <c r="OK29" s="346">
        <v>711445</v>
      </c>
      <c r="OL29" s="351">
        <v>0</v>
      </c>
      <c r="OM29" s="345">
        <v>2681772</v>
      </c>
      <c r="ON29" s="345">
        <v>2940148</v>
      </c>
      <c r="OO29" s="345">
        <v>2264146</v>
      </c>
      <c r="OP29" s="345">
        <v>2903112</v>
      </c>
      <c r="OQ29" s="345">
        <v>2924889</v>
      </c>
      <c r="OR29" s="349">
        <v>13714067</v>
      </c>
      <c r="OS29" s="354">
        <v>14425512</v>
      </c>
    </row>
    <row r="30" spans="2:409" s="70" customFormat="1" ht="21" customHeight="1" x14ac:dyDescent="0.2">
      <c r="B30" s="106" t="s">
        <v>25</v>
      </c>
      <c r="C30" s="326">
        <v>95265</v>
      </c>
      <c r="D30" s="327">
        <v>134053</v>
      </c>
      <c r="E30" s="328">
        <v>229318</v>
      </c>
      <c r="F30" s="329">
        <v>0</v>
      </c>
      <c r="G30" s="327">
        <v>629930</v>
      </c>
      <c r="H30" s="327">
        <v>748685</v>
      </c>
      <c r="I30" s="327">
        <v>985552</v>
      </c>
      <c r="J30" s="327">
        <v>838569</v>
      </c>
      <c r="K30" s="327">
        <v>237370</v>
      </c>
      <c r="L30" s="367">
        <v>3440106</v>
      </c>
      <c r="M30" s="330">
        <v>3669424</v>
      </c>
      <c r="N30" s="326">
        <v>79417</v>
      </c>
      <c r="O30" s="327">
        <v>83989</v>
      </c>
      <c r="P30" s="328">
        <v>163406</v>
      </c>
      <c r="Q30" s="326">
        <v>0</v>
      </c>
      <c r="R30" s="327">
        <v>128451</v>
      </c>
      <c r="S30" s="327">
        <v>11851</v>
      </c>
      <c r="T30" s="327">
        <v>263944</v>
      </c>
      <c r="U30" s="327">
        <v>497707</v>
      </c>
      <c r="V30" s="327">
        <v>181625</v>
      </c>
      <c r="W30" s="328">
        <v>1083578</v>
      </c>
      <c r="X30" s="330">
        <v>1246984</v>
      </c>
      <c r="Y30" s="326">
        <v>0</v>
      </c>
      <c r="Z30" s="327">
        <v>0</v>
      </c>
      <c r="AA30" s="328">
        <v>0</v>
      </c>
      <c r="AB30" s="326">
        <v>0</v>
      </c>
      <c r="AC30" s="327">
        <v>67237</v>
      </c>
      <c r="AD30" s="327">
        <v>-217</v>
      </c>
      <c r="AE30" s="327">
        <v>62457</v>
      </c>
      <c r="AF30" s="327">
        <v>483035</v>
      </c>
      <c r="AG30" s="327">
        <v>0</v>
      </c>
      <c r="AH30" s="328">
        <v>612512</v>
      </c>
      <c r="AI30" s="330">
        <v>612512</v>
      </c>
      <c r="AJ30" s="326">
        <v>0</v>
      </c>
      <c r="AK30" s="327">
        <v>0</v>
      </c>
      <c r="AL30" s="328">
        <v>0</v>
      </c>
      <c r="AM30" s="326">
        <v>0</v>
      </c>
      <c r="AN30" s="327">
        <v>34027</v>
      </c>
      <c r="AO30" s="327">
        <v>0</v>
      </c>
      <c r="AP30" s="327">
        <v>93362</v>
      </c>
      <c r="AQ30" s="327">
        <v>0</v>
      </c>
      <c r="AR30" s="327">
        <v>93362</v>
      </c>
      <c r="AS30" s="328">
        <v>220751</v>
      </c>
      <c r="AT30" s="330">
        <v>220751</v>
      </c>
      <c r="AU30" s="326">
        <v>73264</v>
      </c>
      <c r="AV30" s="327">
        <v>78543</v>
      </c>
      <c r="AW30" s="328">
        <v>151807</v>
      </c>
      <c r="AX30" s="326">
        <v>0</v>
      </c>
      <c r="AY30" s="327">
        <v>3527</v>
      </c>
      <c r="AZ30" s="327">
        <v>0</v>
      </c>
      <c r="BA30" s="327">
        <v>85249</v>
      </c>
      <c r="BB30" s="327">
        <v>0</v>
      </c>
      <c r="BC30" s="327">
        <v>73864</v>
      </c>
      <c r="BD30" s="328">
        <v>162640</v>
      </c>
      <c r="BE30" s="330">
        <v>314447</v>
      </c>
      <c r="BF30" s="326">
        <v>0</v>
      </c>
      <c r="BG30" s="327">
        <v>0</v>
      </c>
      <c r="BH30" s="331">
        <v>0</v>
      </c>
      <c r="BI30" s="332">
        <v>0</v>
      </c>
      <c r="BJ30" s="327">
        <v>0</v>
      </c>
      <c r="BK30" s="327">
        <v>0</v>
      </c>
      <c r="BL30" s="327">
        <v>0</v>
      </c>
      <c r="BM30" s="327">
        <v>0</v>
      </c>
      <c r="BN30" s="327">
        <v>0</v>
      </c>
      <c r="BO30" s="328">
        <v>0</v>
      </c>
      <c r="BP30" s="330">
        <v>0</v>
      </c>
      <c r="BQ30" s="326">
        <v>6153</v>
      </c>
      <c r="BR30" s="327">
        <v>5446</v>
      </c>
      <c r="BS30" s="328">
        <v>11599</v>
      </c>
      <c r="BT30" s="326">
        <v>0</v>
      </c>
      <c r="BU30" s="327">
        <v>23660</v>
      </c>
      <c r="BV30" s="327">
        <v>12068</v>
      </c>
      <c r="BW30" s="327">
        <v>22876</v>
      </c>
      <c r="BX30" s="327">
        <v>14672</v>
      </c>
      <c r="BY30" s="327">
        <v>14399</v>
      </c>
      <c r="BZ30" s="328">
        <v>87675</v>
      </c>
      <c r="CA30" s="330">
        <v>99274</v>
      </c>
      <c r="CB30" s="326">
        <v>0</v>
      </c>
      <c r="CC30" s="327">
        <v>0</v>
      </c>
      <c r="CD30" s="328">
        <v>0</v>
      </c>
      <c r="CE30" s="326">
        <v>0</v>
      </c>
      <c r="CF30" s="327">
        <v>262038</v>
      </c>
      <c r="CG30" s="327">
        <v>347253</v>
      </c>
      <c r="CH30" s="327">
        <v>166468</v>
      </c>
      <c r="CI30" s="327">
        <v>0</v>
      </c>
      <c r="CJ30" s="327">
        <v>10357</v>
      </c>
      <c r="CK30" s="328">
        <v>786116</v>
      </c>
      <c r="CL30" s="330">
        <v>786116</v>
      </c>
      <c r="CM30" s="326">
        <v>0</v>
      </c>
      <c r="CN30" s="327">
        <v>0</v>
      </c>
      <c r="CO30" s="328">
        <v>0</v>
      </c>
      <c r="CP30" s="332">
        <v>0</v>
      </c>
      <c r="CQ30" s="327">
        <v>59543</v>
      </c>
      <c r="CR30" s="327">
        <v>223778</v>
      </c>
      <c r="CS30" s="327">
        <v>55088</v>
      </c>
      <c r="CT30" s="327">
        <v>0</v>
      </c>
      <c r="CU30" s="327">
        <v>10357</v>
      </c>
      <c r="CV30" s="328">
        <v>348766</v>
      </c>
      <c r="CW30" s="330">
        <v>348766</v>
      </c>
      <c r="CX30" s="326">
        <v>0</v>
      </c>
      <c r="CY30" s="327">
        <v>0</v>
      </c>
      <c r="CZ30" s="328">
        <v>0</v>
      </c>
      <c r="DA30" s="326">
        <v>0</v>
      </c>
      <c r="DB30" s="327">
        <v>202495</v>
      </c>
      <c r="DC30" s="327">
        <v>123475</v>
      </c>
      <c r="DD30" s="327">
        <v>111380</v>
      </c>
      <c r="DE30" s="327">
        <v>0</v>
      </c>
      <c r="DF30" s="327">
        <v>0</v>
      </c>
      <c r="DG30" s="328">
        <v>437350</v>
      </c>
      <c r="DH30" s="330">
        <v>437350</v>
      </c>
      <c r="DI30" s="326">
        <v>0</v>
      </c>
      <c r="DJ30" s="327">
        <v>0</v>
      </c>
      <c r="DK30" s="331">
        <v>0</v>
      </c>
      <c r="DL30" s="332">
        <v>0</v>
      </c>
      <c r="DM30" s="327">
        <v>77837</v>
      </c>
      <c r="DN30" s="327">
        <v>0</v>
      </c>
      <c r="DO30" s="327">
        <v>171812</v>
      </c>
      <c r="DP30" s="327">
        <v>150417</v>
      </c>
      <c r="DQ30" s="327">
        <v>0</v>
      </c>
      <c r="DR30" s="328">
        <v>400066</v>
      </c>
      <c r="DS30" s="330">
        <v>400066</v>
      </c>
      <c r="DT30" s="326">
        <v>0</v>
      </c>
      <c r="DU30" s="327">
        <v>0</v>
      </c>
      <c r="DV30" s="328">
        <v>0</v>
      </c>
      <c r="DW30" s="326">
        <v>0</v>
      </c>
      <c r="DX30" s="327">
        <v>77837</v>
      </c>
      <c r="DY30" s="327">
        <v>0</v>
      </c>
      <c r="DZ30" s="327">
        <v>171812</v>
      </c>
      <c r="EA30" s="327">
        <v>150417</v>
      </c>
      <c r="EB30" s="327">
        <v>0</v>
      </c>
      <c r="EC30" s="328">
        <v>400066</v>
      </c>
      <c r="ED30" s="330">
        <v>400066</v>
      </c>
      <c r="EE30" s="326">
        <v>0</v>
      </c>
      <c r="EF30" s="331">
        <v>0</v>
      </c>
      <c r="EG30" s="328">
        <v>0</v>
      </c>
      <c r="EH30" s="326">
        <v>0</v>
      </c>
      <c r="EI30" s="327">
        <v>0</v>
      </c>
      <c r="EJ30" s="327">
        <v>0</v>
      </c>
      <c r="EK30" s="327">
        <v>0</v>
      </c>
      <c r="EL30" s="327">
        <v>0</v>
      </c>
      <c r="EM30" s="327">
        <v>0</v>
      </c>
      <c r="EN30" s="331">
        <v>0</v>
      </c>
      <c r="EO30" s="330">
        <v>0</v>
      </c>
      <c r="EP30" s="326">
        <v>0</v>
      </c>
      <c r="EQ30" s="327">
        <v>0</v>
      </c>
      <c r="ER30" s="331">
        <v>0</v>
      </c>
      <c r="ES30" s="332">
        <v>0</v>
      </c>
      <c r="ET30" s="327">
        <v>0</v>
      </c>
      <c r="EU30" s="327">
        <v>0</v>
      </c>
      <c r="EV30" s="327">
        <v>0</v>
      </c>
      <c r="EW30" s="327">
        <v>0</v>
      </c>
      <c r="EX30" s="327">
        <v>0</v>
      </c>
      <c r="EY30" s="328">
        <v>0</v>
      </c>
      <c r="EZ30" s="330">
        <v>0</v>
      </c>
      <c r="FA30" s="326">
        <v>0</v>
      </c>
      <c r="FB30" s="327">
        <v>0</v>
      </c>
      <c r="FC30" s="331">
        <v>0</v>
      </c>
      <c r="FD30" s="404">
        <v>0</v>
      </c>
      <c r="FE30" s="327">
        <v>0</v>
      </c>
      <c r="FF30" s="327">
        <v>0</v>
      </c>
      <c r="FG30" s="327">
        <v>0</v>
      </c>
      <c r="FH30" s="327">
        <v>0</v>
      </c>
      <c r="FI30" s="327">
        <v>0</v>
      </c>
      <c r="FJ30" s="328">
        <v>0</v>
      </c>
      <c r="FK30" s="330">
        <v>0</v>
      </c>
      <c r="FL30" s="326">
        <v>15848</v>
      </c>
      <c r="FM30" s="327">
        <v>50064</v>
      </c>
      <c r="FN30" s="328">
        <v>65912</v>
      </c>
      <c r="FO30" s="326">
        <v>0</v>
      </c>
      <c r="FP30" s="327">
        <v>11060</v>
      </c>
      <c r="FQ30" s="327">
        <v>68012</v>
      </c>
      <c r="FR30" s="327">
        <v>208222</v>
      </c>
      <c r="FS30" s="327">
        <v>0</v>
      </c>
      <c r="FT30" s="327">
        <v>45388</v>
      </c>
      <c r="FU30" s="328">
        <v>332682</v>
      </c>
      <c r="FV30" s="330">
        <v>398594</v>
      </c>
      <c r="FW30" s="333">
        <v>15848</v>
      </c>
      <c r="FX30" s="327">
        <v>50064</v>
      </c>
      <c r="FY30" s="331">
        <v>65912</v>
      </c>
      <c r="FZ30" s="332">
        <v>0</v>
      </c>
      <c r="GA30" s="327">
        <v>11060</v>
      </c>
      <c r="GB30" s="327">
        <v>68012</v>
      </c>
      <c r="GC30" s="327">
        <v>88732</v>
      </c>
      <c r="GD30" s="327">
        <v>0</v>
      </c>
      <c r="GE30" s="327">
        <v>45388</v>
      </c>
      <c r="GF30" s="328">
        <v>213192</v>
      </c>
      <c r="GG30" s="334">
        <v>279104</v>
      </c>
      <c r="GH30" s="333">
        <v>0</v>
      </c>
      <c r="GI30" s="327">
        <v>0</v>
      </c>
      <c r="GJ30" s="331">
        <v>0</v>
      </c>
      <c r="GK30" s="332">
        <v>0</v>
      </c>
      <c r="GL30" s="327">
        <v>0</v>
      </c>
      <c r="GM30" s="327">
        <v>0</v>
      </c>
      <c r="GN30" s="327">
        <v>43890</v>
      </c>
      <c r="GO30" s="327">
        <v>0</v>
      </c>
      <c r="GP30" s="327">
        <v>0</v>
      </c>
      <c r="GQ30" s="328">
        <v>43890</v>
      </c>
      <c r="GR30" s="330">
        <v>43890</v>
      </c>
      <c r="GS30" s="326">
        <v>0</v>
      </c>
      <c r="GT30" s="327">
        <v>0</v>
      </c>
      <c r="GU30" s="328">
        <v>0</v>
      </c>
      <c r="GV30" s="326">
        <v>0</v>
      </c>
      <c r="GW30" s="327">
        <v>0</v>
      </c>
      <c r="GX30" s="327">
        <v>0</v>
      </c>
      <c r="GY30" s="327">
        <v>75600</v>
      </c>
      <c r="GZ30" s="327">
        <v>0</v>
      </c>
      <c r="HA30" s="327">
        <v>0</v>
      </c>
      <c r="HB30" s="331">
        <v>75600</v>
      </c>
      <c r="HC30" s="330">
        <v>75600</v>
      </c>
      <c r="HD30" s="326">
        <v>0</v>
      </c>
      <c r="HE30" s="327">
        <v>0</v>
      </c>
      <c r="HF30" s="331">
        <v>0</v>
      </c>
      <c r="HG30" s="332">
        <v>0</v>
      </c>
      <c r="HH30" s="327">
        <v>150544</v>
      </c>
      <c r="HI30" s="327">
        <v>321569</v>
      </c>
      <c r="HJ30" s="327">
        <v>175106</v>
      </c>
      <c r="HK30" s="327">
        <v>190445</v>
      </c>
      <c r="HL30" s="327">
        <v>0</v>
      </c>
      <c r="HM30" s="328">
        <v>837664</v>
      </c>
      <c r="HN30" s="329">
        <v>837664</v>
      </c>
      <c r="HO30" s="333">
        <v>0</v>
      </c>
      <c r="HP30" s="327">
        <v>0</v>
      </c>
      <c r="HQ30" s="328">
        <v>0</v>
      </c>
      <c r="HR30" s="326">
        <v>0</v>
      </c>
      <c r="HS30" s="327">
        <v>0</v>
      </c>
      <c r="HT30" s="327">
        <v>0</v>
      </c>
      <c r="HU30" s="327">
        <v>0</v>
      </c>
      <c r="HV30" s="327">
        <v>0</v>
      </c>
      <c r="HW30" s="327">
        <v>0</v>
      </c>
      <c r="HX30" s="331">
        <v>0</v>
      </c>
      <c r="HY30" s="330">
        <v>0</v>
      </c>
      <c r="HZ30" s="358">
        <v>0</v>
      </c>
      <c r="IA30" s="356">
        <v>0</v>
      </c>
      <c r="IB30" s="358">
        <v>0</v>
      </c>
      <c r="IC30" s="355">
        <v>0</v>
      </c>
      <c r="ID30" s="356">
        <v>312428</v>
      </c>
      <c r="IE30" s="357">
        <v>98414</v>
      </c>
      <c r="IF30" s="358">
        <v>57517</v>
      </c>
      <c r="IG30" s="356">
        <v>0</v>
      </c>
      <c r="IH30" s="358">
        <v>0</v>
      </c>
      <c r="II30" s="359">
        <v>468359</v>
      </c>
      <c r="IJ30" s="358">
        <v>468359</v>
      </c>
      <c r="IK30" s="342">
        <v>0</v>
      </c>
      <c r="IL30" s="343">
        <v>0</v>
      </c>
      <c r="IM30" s="344">
        <v>0</v>
      </c>
      <c r="IN30" s="404">
        <v>0</v>
      </c>
      <c r="IO30" s="345">
        <v>0</v>
      </c>
      <c r="IP30" s="345">
        <v>0</v>
      </c>
      <c r="IQ30" s="345">
        <v>0</v>
      </c>
      <c r="IR30" s="345">
        <v>0</v>
      </c>
      <c r="IS30" s="345">
        <v>0</v>
      </c>
      <c r="IT30" s="346">
        <v>0</v>
      </c>
      <c r="IU30" s="347">
        <v>0</v>
      </c>
      <c r="IV30" s="348">
        <v>0</v>
      </c>
      <c r="IW30" s="345">
        <v>0</v>
      </c>
      <c r="IX30" s="349">
        <v>0</v>
      </c>
      <c r="IY30" s="404">
        <v>0</v>
      </c>
      <c r="IZ30" s="345">
        <v>0</v>
      </c>
      <c r="JA30" s="345">
        <v>0</v>
      </c>
      <c r="JB30" s="345">
        <v>0</v>
      </c>
      <c r="JC30" s="345">
        <v>0</v>
      </c>
      <c r="JD30" s="345">
        <v>0</v>
      </c>
      <c r="JE30" s="349">
        <v>0</v>
      </c>
      <c r="JF30" s="350">
        <v>0</v>
      </c>
      <c r="JG30" s="348">
        <v>0</v>
      </c>
      <c r="JH30" s="345">
        <v>0</v>
      </c>
      <c r="JI30" s="346">
        <v>0</v>
      </c>
      <c r="JJ30" s="351">
        <v>0</v>
      </c>
      <c r="JK30" s="345">
        <v>109635</v>
      </c>
      <c r="JL30" s="345">
        <v>98414</v>
      </c>
      <c r="JM30" s="345">
        <v>57517</v>
      </c>
      <c r="JN30" s="345">
        <v>0</v>
      </c>
      <c r="JO30" s="345">
        <v>0</v>
      </c>
      <c r="JP30" s="349">
        <v>265566</v>
      </c>
      <c r="JQ30" s="347">
        <v>265566</v>
      </c>
      <c r="JR30" s="348">
        <v>0</v>
      </c>
      <c r="JS30" s="345">
        <v>0</v>
      </c>
      <c r="JT30" s="346">
        <v>0</v>
      </c>
      <c r="JU30" s="351">
        <v>0</v>
      </c>
      <c r="JV30" s="345">
        <v>0</v>
      </c>
      <c r="JW30" s="345">
        <v>0</v>
      </c>
      <c r="JX30" s="345">
        <v>0</v>
      </c>
      <c r="JY30" s="345">
        <v>0</v>
      </c>
      <c r="JZ30" s="345">
        <v>0</v>
      </c>
      <c r="KA30" s="349">
        <v>0</v>
      </c>
      <c r="KB30" s="347">
        <v>0</v>
      </c>
      <c r="KC30" s="352">
        <v>0</v>
      </c>
      <c r="KD30" s="353">
        <v>0</v>
      </c>
      <c r="KE30" s="349">
        <v>0</v>
      </c>
      <c r="KF30" s="351">
        <v>0</v>
      </c>
      <c r="KG30" s="345">
        <v>0</v>
      </c>
      <c r="KH30" s="345">
        <v>0</v>
      </c>
      <c r="KI30" s="345">
        <v>0</v>
      </c>
      <c r="KJ30" s="345">
        <v>0</v>
      </c>
      <c r="KK30" s="345">
        <v>0</v>
      </c>
      <c r="KL30" s="349">
        <v>0</v>
      </c>
      <c r="KM30" s="354">
        <v>0</v>
      </c>
      <c r="KN30" s="342">
        <v>0</v>
      </c>
      <c r="KO30" s="343">
        <v>0</v>
      </c>
      <c r="KP30" s="344">
        <v>0</v>
      </c>
      <c r="KQ30" s="404">
        <v>0</v>
      </c>
      <c r="KR30" s="345">
        <v>202793</v>
      </c>
      <c r="KS30" s="345">
        <v>0</v>
      </c>
      <c r="KT30" s="345">
        <v>0</v>
      </c>
      <c r="KU30" s="345">
        <v>0</v>
      </c>
      <c r="KV30" s="345">
        <v>0</v>
      </c>
      <c r="KW30" s="349">
        <v>202793</v>
      </c>
      <c r="KX30" s="347">
        <v>202793</v>
      </c>
      <c r="KY30" s="348">
        <v>0</v>
      </c>
      <c r="KZ30" s="345">
        <v>0</v>
      </c>
      <c r="LA30" s="349">
        <v>0</v>
      </c>
      <c r="LB30" s="404">
        <v>0</v>
      </c>
      <c r="LC30" s="345">
        <v>0</v>
      </c>
      <c r="LD30" s="345">
        <v>0</v>
      </c>
      <c r="LE30" s="345">
        <v>0</v>
      </c>
      <c r="LF30" s="345">
        <v>0</v>
      </c>
      <c r="LG30" s="345">
        <v>0</v>
      </c>
      <c r="LH30" s="349">
        <v>0</v>
      </c>
      <c r="LI30" s="350">
        <v>0</v>
      </c>
      <c r="LJ30" s="348">
        <v>0</v>
      </c>
      <c r="LK30" s="345">
        <v>0</v>
      </c>
      <c r="LL30" s="349">
        <v>0</v>
      </c>
      <c r="LM30" s="404">
        <v>0</v>
      </c>
      <c r="LN30" s="345">
        <v>0</v>
      </c>
      <c r="LO30" s="345">
        <v>0</v>
      </c>
      <c r="LP30" s="345">
        <v>0</v>
      </c>
      <c r="LQ30" s="345">
        <v>0</v>
      </c>
      <c r="LR30" s="345">
        <v>0</v>
      </c>
      <c r="LS30" s="349">
        <v>0</v>
      </c>
      <c r="LT30" s="347">
        <v>0</v>
      </c>
      <c r="LU30" s="348">
        <v>0</v>
      </c>
      <c r="LV30" s="345">
        <v>0</v>
      </c>
      <c r="LW30" s="349">
        <v>0</v>
      </c>
      <c r="LX30" s="404">
        <v>0</v>
      </c>
      <c r="LY30" s="345">
        <v>0</v>
      </c>
      <c r="LZ30" s="345">
        <v>0</v>
      </c>
      <c r="MA30" s="345">
        <v>0</v>
      </c>
      <c r="MB30" s="345">
        <v>0</v>
      </c>
      <c r="MC30" s="345">
        <v>0</v>
      </c>
      <c r="MD30" s="349">
        <v>0</v>
      </c>
      <c r="ME30" s="350">
        <v>0</v>
      </c>
      <c r="MF30" s="348">
        <v>0</v>
      </c>
      <c r="MG30" s="345">
        <v>0</v>
      </c>
      <c r="MH30" s="349">
        <v>0</v>
      </c>
      <c r="MI30" s="404">
        <v>0</v>
      </c>
      <c r="MJ30" s="345">
        <v>245424</v>
      </c>
      <c r="MK30" s="345">
        <v>698164</v>
      </c>
      <c r="ML30" s="345">
        <v>708067</v>
      </c>
      <c r="MM30" s="345">
        <v>686693</v>
      </c>
      <c r="MN30" s="345">
        <v>1370593</v>
      </c>
      <c r="MO30" s="349">
        <v>3708941</v>
      </c>
      <c r="MP30" s="354">
        <v>3708941</v>
      </c>
      <c r="MQ30" s="348">
        <v>0</v>
      </c>
      <c r="MR30" s="345">
        <v>0</v>
      </c>
      <c r="MS30" s="349">
        <v>0</v>
      </c>
      <c r="MT30" s="404">
        <v>0</v>
      </c>
      <c r="MU30" s="345">
        <v>0</v>
      </c>
      <c r="MV30" s="345">
        <v>0</v>
      </c>
      <c r="MW30" s="345">
        <v>474799</v>
      </c>
      <c r="MX30" s="345">
        <v>435657</v>
      </c>
      <c r="MY30" s="345">
        <v>760429</v>
      </c>
      <c r="MZ30" s="349">
        <v>1670885</v>
      </c>
      <c r="NA30" s="354">
        <v>1670885</v>
      </c>
      <c r="NB30" s="348">
        <v>0</v>
      </c>
      <c r="NC30" s="345">
        <v>0</v>
      </c>
      <c r="ND30" s="349">
        <v>0</v>
      </c>
      <c r="NE30" s="404">
        <v>0</v>
      </c>
      <c r="NF30" s="345">
        <v>245424</v>
      </c>
      <c r="NG30" s="345">
        <v>698164</v>
      </c>
      <c r="NH30" s="345">
        <v>233268</v>
      </c>
      <c r="NI30" s="345">
        <v>251036</v>
      </c>
      <c r="NJ30" s="345">
        <v>610164</v>
      </c>
      <c r="NK30" s="349">
        <v>2038056</v>
      </c>
      <c r="NL30" s="347">
        <v>2038056</v>
      </c>
      <c r="NM30" s="348">
        <v>0</v>
      </c>
      <c r="NN30" s="345">
        <v>0</v>
      </c>
      <c r="NO30" s="349">
        <v>0</v>
      </c>
      <c r="NP30" s="404">
        <v>0</v>
      </c>
      <c r="NQ30" s="345">
        <v>0</v>
      </c>
      <c r="NR30" s="345">
        <v>0</v>
      </c>
      <c r="NS30" s="345">
        <v>0</v>
      </c>
      <c r="NT30" s="345">
        <v>0</v>
      </c>
      <c r="NU30" s="345">
        <v>0</v>
      </c>
      <c r="NV30" s="349">
        <v>0</v>
      </c>
      <c r="NW30" s="350">
        <v>0</v>
      </c>
      <c r="NX30" s="348">
        <v>0</v>
      </c>
      <c r="NY30" s="345">
        <v>0</v>
      </c>
      <c r="NZ30" s="349">
        <v>0</v>
      </c>
      <c r="OA30" s="404">
        <v>0</v>
      </c>
      <c r="OB30" s="345">
        <v>0</v>
      </c>
      <c r="OC30" s="345">
        <v>0</v>
      </c>
      <c r="OD30" s="345">
        <v>0</v>
      </c>
      <c r="OE30" s="345">
        <v>0</v>
      </c>
      <c r="OF30" s="345">
        <v>0</v>
      </c>
      <c r="OG30" s="349">
        <v>0</v>
      </c>
      <c r="OH30" s="350">
        <v>0</v>
      </c>
      <c r="OI30" s="348">
        <v>95265</v>
      </c>
      <c r="OJ30" s="345">
        <v>134053</v>
      </c>
      <c r="OK30" s="346">
        <v>229318</v>
      </c>
      <c r="OL30" s="351">
        <v>0</v>
      </c>
      <c r="OM30" s="345">
        <v>1187782</v>
      </c>
      <c r="ON30" s="345">
        <v>1545263</v>
      </c>
      <c r="OO30" s="345">
        <v>1751136</v>
      </c>
      <c r="OP30" s="345">
        <v>1525262</v>
      </c>
      <c r="OQ30" s="345">
        <v>1607963</v>
      </c>
      <c r="OR30" s="349">
        <v>7617406</v>
      </c>
      <c r="OS30" s="354">
        <v>7846724</v>
      </c>
    </row>
    <row r="31" spans="2:409" s="70" customFormat="1" ht="21" customHeight="1" x14ac:dyDescent="0.2">
      <c r="B31" s="106" t="s">
        <v>26</v>
      </c>
      <c r="C31" s="326">
        <v>86907</v>
      </c>
      <c r="D31" s="327">
        <v>137434</v>
      </c>
      <c r="E31" s="328">
        <v>224341</v>
      </c>
      <c r="F31" s="329">
        <v>0</v>
      </c>
      <c r="G31" s="327">
        <v>1608920</v>
      </c>
      <c r="H31" s="327">
        <v>1277749</v>
      </c>
      <c r="I31" s="327">
        <v>2656656</v>
      </c>
      <c r="J31" s="327">
        <v>1400903</v>
      </c>
      <c r="K31" s="327">
        <v>1258041</v>
      </c>
      <c r="L31" s="367">
        <v>8202269</v>
      </c>
      <c r="M31" s="330">
        <v>8426610</v>
      </c>
      <c r="N31" s="326">
        <v>33351</v>
      </c>
      <c r="O31" s="327">
        <v>22663</v>
      </c>
      <c r="P31" s="328">
        <v>56014</v>
      </c>
      <c r="Q31" s="326">
        <v>0</v>
      </c>
      <c r="R31" s="327">
        <v>301165</v>
      </c>
      <c r="S31" s="327">
        <v>414583</v>
      </c>
      <c r="T31" s="327">
        <v>452587</v>
      </c>
      <c r="U31" s="327">
        <v>39620</v>
      </c>
      <c r="V31" s="327">
        <v>468670</v>
      </c>
      <c r="W31" s="328">
        <v>1676625</v>
      </c>
      <c r="X31" s="330">
        <v>1732639</v>
      </c>
      <c r="Y31" s="326">
        <v>0</v>
      </c>
      <c r="Z31" s="327">
        <v>0</v>
      </c>
      <c r="AA31" s="328">
        <v>0</v>
      </c>
      <c r="AB31" s="326">
        <v>0</v>
      </c>
      <c r="AC31" s="327">
        <v>27242</v>
      </c>
      <c r="AD31" s="327">
        <v>156720</v>
      </c>
      <c r="AE31" s="327">
        <v>110493</v>
      </c>
      <c r="AF31" s="327">
        <v>0</v>
      </c>
      <c r="AG31" s="327">
        <v>301000</v>
      </c>
      <c r="AH31" s="328">
        <v>595455</v>
      </c>
      <c r="AI31" s="330">
        <v>595455</v>
      </c>
      <c r="AJ31" s="326">
        <v>0</v>
      </c>
      <c r="AK31" s="327">
        <v>0</v>
      </c>
      <c r="AL31" s="328">
        <v>0</v>
      </c>
      <c r="AM31" s="326">
        <v>0</v>
      </c>
      <c r="AN31" s="327">
        <v>0</v>
      </c>
      <c r="AO31" s="327">
        <v>0</v>
      </c>
      <c r="AP31" s="327">
        <v>0</v>
      </c>
      <c r="AQ31" s="327">
        <v>0</v>
      </c>
      <c r="AR31" s="327">
        <v>0</v>
      </c>
      <c r="AS31" s="328">
        <v>0</v>
      </c>
      <c r="AT31" s="330">
        <v>0</v>
      </c>
      <c r="AU31" s="326">
        <v>0</v>
      </c>
      <c r="AV31" s="327">
        <v>22663</v>
      </c>
      <c r="AW31" s="328">
        <v>22663</v>
      </c>
      <c r="AX31" s="326">
        <v>0</v>
      </c>
      <c r="AY31" s="327">
        <v>154427</v>
      </c>
      <c r="AZ31" s="327">
        <v>220924</v>
      </c>
      <c r="BA31" s="327">
        <v>186607</v>
      </c>
      <c r="BB31" s="327">
        <v>0</v>
      </c>
      <c r="BC31" s="327">
        <v>87632</v>
      </c>
      <c r="BD31" s="328">
        <v>649590</v>
      </c>
      <c r="BE31" s="330">
        <v>672253</v>
      </c>
      <c r="BF31" s="326">
        <v>23775</v>
      </c>
      <c r="BG31" s="327">
        <v>0</v>
      </c>
      <c r="BH31" s="331">
        <v>23775</v>
      </c>
      <c r="BI31" s="332">
        <v>0</v>
      </c>
      <c r="BJ31" s="327">
        <v>20803</v>
      </c>
      <c r="BK31" s="327">
        <v>0</v>
      </c>
      <c r="BL31" s="327">
        <v>27737</v>
      </c>
      <c r="BM31" s="327">
        <v>0</v>
      </c>
      <c r="BN31" s="327">
        <v>0</v>
      </c>
      <c r="BO31" s="328">
        <v>48540</v>
      </c>
      <c r="BP31" s="330">
        <v>72315</v>
      </c>
      <c r="BQ31" s="326">
        <v>9576</v>
      </c>
      <c r="BR31" s="327">
        <v>0</v>
      </c>
      <c r="BS31" s="328">
        <v>9576</v>
      </c>
      <c r="BT31" s="326">
        <v>0</v>
      </c>
      <c r="BU31" s="327">
        <v>98693</v>
      </c>
      <c r="BV31" s="327">
        <v>36939</v>
      </c>
      <c r="BW31" s="327">
        <v>127750</v>
      </c>
      <c r="BX31" s="327">
        <v>39620</v>
      </c>
      <c r="BY31" s="327">
        <v>80038</v>
      </c>
      <c r="BZ31" s="328">
        <v>383040</v>
      </c>
      <c r="CA31" s="330">
        <v>392616</v>
      </c>
      <c r="CB31" s="326">
        <v>0</v>
      </c>
      <c r="CC31" s="327">
        <v>0</v>
      </c>
      <c r="CD31" s="328">
        <v>0</v>
      </c>
      <c r="CE31" s="326">
        <v>0</v>
      </c>
      <c r="CF31" s="327">
        <v>325519</v>
      </c>
      <c r="CG31" s="327">
        <v>292154</v>
      </c>
      <c r="CH31" s="327">
        <v>229486</v>
      </c>
      <c r="CI31" s="327">
        <v>0</v>
      </c>
      <c r="CJ31" s="327">
        <v>73895</v>
      </c>
      <c r="CK31" s="328">
        <v>921054</v>
      </c>
      <c r="CL31" s="330">
        <v>921054</v>
      </c>
      <c r="CM31" s="326">
        <v>0</v>
      </c>
      <c r="CN31" s="327">
        <v>0</v>
      </c>
      <c r="CO31" s="328">
        <v>0</v>
      </c>
      <c r="CP31" s="332">
        <v>0</v>
      </c>
      <c r="CQ31" s="327">
        <v>325519</v>
      </c>
      <c r="CR31" s="327">
        <v>93702</v>
      </c>
      <c r="CS31" s="327">
        <v>162824</v>
      </c>
      <c r="CT31" s="327">
        <v>0</v>
      </c>
      <c r="CU31" s="327">
        <v>73895</v>
      </c>
      <c r="CV31" s="328">
        <v>655940</v>
      </c>
      <c r="CW31" s="330">
        <v>655940</v>
      </c>
      <c r="CX31" s="326">
        <v>0</v>
      </c>
      <c r="CY31" s="327">
        <v>0</v>
      </c>
      <c r="CZ31" s="328">
        <v>0</v>
      </c>
      <c r="DA31" s="326">
        <v>0</v>
      </c>
      <c r="DB31" s="327">
        <v>0</v>
      </c>
      <c r="DC31" s="327">
        <v>198452</v>
      </c>
      <c r="DD31" s="327">
        <v>66662</v>
      </c>
      <c r="DE31" s="327">
        <v>0</v>
      </c>
      <c r="DF31" s="327">
        <v>0</v>
      </c>
      <c r="DG31" s="328">
        <v>265114</v>
      </c>
      <c r="DH31" s="330">
        <v>265114</v>
      </c>
      <c r="DI31" s="326">
        <v>0</v>
      </c>
      <c r="DJ31" s="327">
        <v>0</v>
      </c>
      <c r="DK31" s="331">
        <v>0</v>
      </c>
      <c r="DL31" s="332">
        <v>0</v>
      </c>
      <c r="DM31" s="327">
        <v>203032</v>
      </c>
      <c r="DN31" s="327">
        <v>103336</v>
      </c>
      <c r="DO31" s="327">
        <v>260451</v>
      </c>
      <c r="DP31" s="327">
        <v>499762</v>
      </c>
      <c r="DQ31" s="327">
        <v>38518</v>
      </c>
      <c r="DR31" s="328">
        <v>1105099</v>
      </c>
      <c r="DS31" s="330">
        <v>1105099</v>
      </c>
      <c r="DT31" s="326">
        <v>0</v>
      </c>
      <c r="DU31" s="327">
        <v>0</v>
      </c>
      <c r="DV31" s="328">
        <v>0</v>
      </c>
      <c r="DW31" s="326">
        <v>0</v>
      </c>
      <c r="DX31" s="327">
        <v>203032</v>
      </c>
      <c r="DY31" s="327">
        <v>103336</v>
      </c>
      <c r="DZ31" s="327">
        <v>260451</v>
      </c>
      <c r="EA31" s="327">
        <v>499762</v>
      </c>
      <c r="EB31" s="327">
        <v>0</v>
      </c>
      <c r="EC31" s="328">
        <v>1066581</v>
      </c>
      <c r="ED31" s="330">
        <v>1066581</v>
      </c>
      <c r="EE31" s="326">
        <v>0</v>
      </c>
      <c r="EF31" s="331">
        <v>0</v>
      </c>
      <c r="EG31" s="328">
        <v>0</v>
      </c>
      <c r="EH31" s="326">
        <v>0</v>
      </c>
      <c r="EI31" s="327">
        <v>0</v>
      </c>
      <c r="EJ31" s="327">
        <v>0</v>
      </c>
      <c r="EK31" s="327">
        <v>0</v>
      </c>
      <c r="EL31" s="327">
        <v>0</v>
      </c>
      <c r="EM31" s="327">
        <v>38518</v>
      </c>
      <c r="EN31" s="331">
        <v>38518</v>
      </c>
      <c r="EO31" s="330">
        <v>38518</v>
      </c>
      <c r="EP31" s="326">
        <v>0</v>
      </c>
      <c r="EQ31" s="327">
        <v>0</v>
      </c>
      <c r="ER31" s="331">
        <v>0</v>
      </c>
      <c r="ES31" s="332">
        <v>0</v>
      </c>
      <c r="ET31" s="327">
        <v>0</v>
      </c>
      <c r="EU31" s="327">
        <v>0</v>
      </c>
      <c r="EV31" s="327">
        <v>0</v>
      </c>
      <c r="EW31" s="327">
        <v>0</v>
      </c>
      <c r="EX31" s="327">
        <v>0</v>
      </c>
      <c r="EY31" s="328">
        <v>0</v>
      </c>
      <c r="EZ31" s="330">
        <v>0</v>
      </c>
      <c r="FA31" s="326">
        <v>0</v>
      </c>
      <c r="FB31" s="327">
        <v>0</v>
      </c>
      <c r="FC31" s="331">
        <v>0</v>
      </c>
      <c r="FD31" s="404">
        <v>0</v>
      </c>
      <c r="FE31" s="327">
        <v>0</v>
      </c>
      <c r="FF31" s="327">
        <v>0</v>
      </c>
      <c r="FG31" s="327">
        <v>0</v>
      </c>
      <c r="FH31" s="327">
        <v>0</v>
      </c>
      <c r="FI31" s="327">
        <v>0</v>
      </c>
      <c r="FJ31" s="328">
        <v>0</v>
      </c>
      <c r="FK31" s="330">
        <v>0</v>
      </c>
      <c r="FL31" s="326">
        <v>3500</v>
      </c>
      <c r="FM31" s="327">
        <v>26194</v>
      </c>
      <c r="FN31" s="328">
        <v>29694</v>
      </c>
      <c r="FO31" s="326">
        <v>0</v>
      </c>
      <c r="FP31" s="327">
        <v>59598</v>
      </c>
      <c r="FQ31" s="327">
        <v>151354</v>
      </c>
      <c r="FR31" s="327">
        <v>132321</v>
      </c>
      <c r="FS31" s="327">
        <v>0</v>
      </c>
      <c r="FT31" s="327">
        <v>33271</v>
      </c>
      <c r="FU31" s="328">
        <v>376544</v>
      </c>
      <c r="FV31" s="330">
        <v>406238</v>
      </c>
      <c r="FW31" s="333">
        <v>3500</v>
      </c>
      <c r="FX31" s="327">
        <v>21112</v>
      </c>
      <c r="FY31" s="331">
        <v>24612</v>
      </c>
      <c r="FZ31" s="332">
        <v>0</v>
      </c>
      <c r="GA31" s="327">
        <v>20860</v>
      </c>
      <c r="GB31" s="327">
        <v>151354</v>
      </c>
      <c r="GC31" s="327">
        <v>71855</v>
      </c>
      <c r="GD31" s="327">
        <v>0</v>
      </c>
      <c r="GE31" s="327">
        <v>33271</v>
      </c>
      <c r="GF31" s="328">
        <v>277340</v>
      </c>
      <c r="GG31" s="334">
        <v>301952</v>
      </c>
      <c r="GH31" s="333">
        <v>0</v>
      </c>
      <c r="GI31" s="327">
        <v>0</v>
      </c>
      <c r="GJ31" s="331">
        <v>0</v>
      </c>
      <c r="GK31" s="332">
        <v>0</v>
      </c>
      <c r="GL31" s="327">
        <v>38738</v>
      </c>
      <c r="GM31" s="327">
        <v>0</v>
      </c>
      <c r="GN31" s="327">
        <v>16016</v>
      </c>
      <c r="GO31" s="327">
        <v>0</v>
      </c>
      <c r="GP31" s="327">
        <v>0</v>
      </c>
      <c r="GQ31" s="328">
        <v>54754</v>
      </c>
      <c r="GR31" s="330">
        <v>54754</v>
      </c>
      <c r="GS31" s="326">
        <v>0</v>
      </c>
      <c r="GT31" s="327">
        <v>5082</v>
      </c>
      <c r="GU31" s="328">
        <v>5082</v>
      </c>
      <c r="GV31" s="326">
        <v>0</v>
      </c>
      <c r="GW31" s="327">
        <v>0</v>
      </c>
      <c r="GX31" s="327">
        <v>0</v>
      </c>
      <c r="GY31" s="327">
        <v>44450</v>
      </c>
      <c r="GZ31" s="327">
        <v>0</v>
      </c>
      <c r="HA31" s="327">
        <v>0</v>
      </c>
      <c r="HB31" s="331">
        <v>44450</v>
      </c>
      <c r="HC31" s="330">
        <v>49532</v>
      </c>
      <c r="HD31" s="326">
        <v>50056</v>
      </c>
      <c r="HE31" s="327">
        <v>88577</v>
      </c>
      <c r="HF31" s="331">
        <v>138633</v>
      </c>
      <c r="HG31" s="332">
        <v>0</v>
      </c>
      <c r="HH31" s="327">
        <v>719606</v>
      </c>
      <c r="HI31" s="327">
        <v>316322</v>
      </c>
      <c r="HJ31" s="327">
        <v>1581811</v>
      </c>
      <c r="HK31" s="327">
        <v>861521</v>
      </c>
      <c r="HL31" s="327">
        <v>643687</v>
      </c>
      <c r="HM31" s="328">
        <v>4122947</v>
      </c>
      <c r="HN31" s="329">
        <v>4261580</v>
      </c>
      <c r="HO31" s="333">
        <v>0</v>
      </c>
      <c r="HP31" s="327">
        <v>0</v>
      </c>
      <c r="HQ31" s="328">
        <v>0</v>
      </c>
      <c r="HR31" s="326">
        <v>0</v>
      </c>
      <c r="HS31" s="327">
        <v>0</v>
      </c>
      <c r="HT31" s="327">
        <v>0</v>
      </c>
      <c r="HU31" s="327">
        <v>0</v>
      </c>
      <c r="HV31" s="327">
        <v>0</v>
      </c>
      <c r="HW31" s="327">
        <v>0</v>
      </c>
      <c r="HX31" s="331">
        <v>0</v>
      </c>
      <c r="HY31" s="330">
        <v>0</v>
      </c>
      <c r="HZ31" s="335">
        <v>0</v>
      </c>
      <c r="IA31" s="336">
        <v>0</v>
      </c>
      <c r="IB31" s="337">
        <v>0</v>
      </c>
      <c r="IC31" s="338">
        <v>0</v>
      </c>
      <c r="ID31" s="336">
        <v>31406</v>
      </c>
      <c r="IE31" s="339">
        <v>638779</v>
      </c>
      <c r="IF31" s="337">
        <v>822096</v>
      </c>
      <c r="IG31" s="336">
        <v>0</v>
      </c>
      <c r="IH31" s="337">
        <v>0</v>
      </c>
      <c r="II31" s="340">
        <v>1492281</v>
      </c>
      <c r="IJ31" s="341">
        <v>1492281</v>
      </c>
      <c r="IK31" s="342">
        <v>0</v>
      </c>
      <c r="IL31" s="343">
        <v>0</v>
      </c>
      <c r="IM31" s="344">
        <v>0</v>
      </c>
      <c r="IN31" s="404">
        <v>0</v>
      </c>
      <c r="IO31" s="345">
        <v>0</v>
      </c>
      <c r="IP31" s="345">
        <v>0</v>
      </c>
      <c r="IQ31" s="345">
        <v>0</v>
      </c>
      <c r="IR31" s="345">
        <v>0</v>
      </c>
      <c r="IS31" s="345">
        <v>0</v>
      </c>
      <c r="IT31" s="346">
        <v>0</v>
      </c>
      <c r="IU31" s="347">
        <v>0</v>
      </c>
      <c r="IV31" s="348">
        <v>0</v>
      </c>
      <c r="IW31" s="345">
        <v>0</v>
      </c>
      <c r="IX31" s="349">
        <v>0</v>
      </c>
      <c r="IY31" s="404">
        <v>0</v>
      </c>
      <c r="IZ31" s="345">
        <v>0</v>
      </c>
      <c r="JA31" s="345">
        <v>0</v>
      </c>
      <c r="JB31" s="345">
        <v>0</v>
      </c>
      <c r="JC31" s="345">
        <v>0</v>
      </c>
      <c r="JD31" s="345">
        <v>0</v>
      </c>
      <c r="JE31" s="349">
        <v>0</v>
      </c>
      <c r="JF31" s="350">
        <v>0</v>
      </c>
      <c r="JG31" s="348">
        <v>0</v>
      </c>
      <c r="JH31" s="345">
        <v>0</v>
      </c>
      <c r="JI31" s="346">
        <v>0</v>
      </c>
      <c r="JJ31" s="351">
        <v>0</v>
      </c>
      <c r="JK31" s="345">
        <v>31406</v>
      </c>
      <c r="JL31" s="345">
        <v>101635</v>
      </c>
      <c r="JM31" s="345">
        <v>153743</v>
      </c>
      <c r="JN31" s="345">
        <v>0</v>
      </c>
      <c r="JO31" s="345">
        <v>0</v>
      </c>
      <c r="JP31" s="349">
        <v>286784</v>
      </c>
      <c r="JQ31" s="347">
        <v>286784</v>
      </c>
      <c r="JR31" s="348">
        <v>0</v>
      </c>
      <c r="JS31" s="345">
        <v>0</v>
      </c>
      <c r="JT31" s="346">
        <v>0</v>
      </c>
      <c r="JU31" s="351">
        <v>0</v>
      </c>
      <c r="JV31" s="345">
        <v>0</v>
      </c>
      <c r="JW31" s="345">
        <v>0</v>
      </c>
      <c r="JX31" s="345">
        <v>0</v>
      </c>
      <c r="JY31" s="345">
        <v>0</v>
      </c>
      <c r="JZ31" s="345">
        <v>0</v>
      </c>
      <c r="KA31" s="349">
        <v>0</v>
      </c>
      <c r="KB31" s="347">
        <v>0</v>
      </c>
      <c r="KC31" s="352">
        <v>0</v>
      </c>
      <c r="KD31" s="353">
        <v>0</v>
      </c>
      <c r="KE31" s="349">
        <v>0</v>
      </c>
      <c r="KF31" s="351">
        <v>0</v>
      </c>
      <c r="KG31" s="345">
        <v>0</v>
      </c>
      <c r="KH31" s="345">
        <v>319376</v>
      </c>
      <c r="KI31" s="345">
        <v>0</v>
      </c>
      <c r="KJ31" s="345">
        <v>0</v>
      </c>
      <c r="KK31" s="345">
        <v>0</v>
      </c>
      <c r="KL31" s="349">
        <v>319376</v>
      </c>
      <c r="KM31" s="354">
        <v>319376</v>
      </c>
      <c r="KN31" s="342">
        <v>0</v>
      </c>
      <c r="KO31" s="343">
        <v>0</v>
      </c>
      <c r="KP31" s="344">
        <v>0</v>
      </c>
      <c r="KQ31" s="404">
        <v>0</v>
      </c>
      <c r="KR31" s="345">
        <v>0</v>
      </c>
      <c r="KS31" s="345">
        <v>217768</v>
      </c>
      <c r="KT31" s="345">
        <v>668353</v>
      </c>
      <c r="KU31" s="345">
        <v>0</v>
      </c>
      <c r="KV31" s="345">
        <v>0</v>
      </c>
      <c r="KW31" s="349">
        <v>886121</v>
      </c>
      <c r="KX31" s="347">
        <v>886121</v>
      </c>
      <c r="KY31" s="348">
        <v>0</v>
      </c>
      <c r="KZ31" s="345">
        <v>0</v>
      </c>
      <c r="LA31" s="349">
        <v>0</v>
      </c>
      <c r="LB31" s="404">
        <v>0</v>
      </c>
      <c r="LC31" s="345">
        <v>0</v>
      </c>
      <c r="LD31" s="345">
        <v>0</v>
      </c>
      <c r="LE31" s="345">
        <v>0</v>
      </c>
      <c r="LF31" s="345">
        <v>0</v>
      </c>
      <c r="LG31" s="345">
        <v>0</v>
      </c>
      <c r="LH31" s="349">
        <v>0</v>
      </c>
      <c r="LI31" s="350">
        <v>0</v>
      </c>
      <c r="LJ31" s="348">
        <v>0</v>
      </c>
      <c r="LK31" s="345">
        <v>0</v>
      </c>
      <c r="LL31" s="349">
        <v>0</v>
      </c>
      <c r="LM31" s="404">
        <v>0</v>
      </c>
      <c r="LN31" s="345">
        <v>0</v>
      </c>
      <c r="LO31" s="345">
        <v>0</v>
      </c>
      <c r="LP31" s="345">
        <v>0</v>
      </c>
      <c r="LQ31" s="345">
        <v>0</v>
      </c>
      <c r="LR31" s="345">
        <v>0</v>
      </c>
      <c r="LS31" s="349">
        <v>0</v>
      </c>
      <c r="LT31" s="347">
        <v>0</v>
      </c>
      <c r="LU31" s="348">
        <v>0</v>
      </c>
      <c r="LV31" s="345">
        <v>0</v>
      </c>
      <c r="LW31" s="349">
        <v>0</v>
      </c>
      <c r="LX31" s="404">
        <v>0</v>
      </c>
      <c r="LY31" s="345">
        <v>0</v>
      </c>
      <c r="LZ31" s="345">
        <v>0</v>
      </c>
      <c r="MA31" s="345">
        <v>0</v>
      </c>
      <c r="MB31" s="345">
        <v>0</v>
      </c>
      <c r="MC31" s="345">
        <v>0</v>
      </c>
      <c r="MD31" s="349">
        <v>0</v>
      </c>
      <c r="ME31" s="350">
        <v>0</v>
      </c>
      <c r="MF31" s="348">
        <v>0</v>
      </c>
      <c r="MG31" s="345">
        <v>0</v>
      </c>
      <c r="MH31" s="349">
        <v>0</v>
      </c>
      <c r="MI31" s="404">
        <v>0</v>
      </c>
      <c r="MJ31" s="345">
        <v>0</v>
      </c>
      <c r="MK31" s="345">
        <v>0</v>
      </c>
      <c r="ML31" s="345">
        <v>245564</v>
      </c>
      <c r="MM31" s="345">
        <v>1422906</v>
      </c>
      <c r="MN31" s="345">
        <v>120659</v>
      </c>
      <c r="MO31" s="349">
        <v>1789129</v>
      </c>
      <c r="MP31" s="354">
        <v>1789129</v>
      </c>
      <c r="MQ31" s="348">
        <v>0</v>
      </c>
      <c r="MR31" s="345">
        <v>0</v>
      </c>
      <c r="MS31" s="349">
        <v>0</v>
      </c>
      <c r="MT31" s="404">
        <v>0</v>
      </c>
      <c r="MU31" s="345">
        <v>0</v>
      </c>
      <c r="MV31" s="345">
        <v>0</v>
      </c>
      <c r="MW31" s="345">
        <v>0</v>
      </c>
      <c r="MX31" s="345">
        <v>458822</v>
      </c>
      <c r="MY31" s="345">
        <v>120659</v>
      </c>
      <c r="MZ31" s="349">
        <v>579481</v>
      </c>
      <c r="NA31" s="354">
        <v>579481</v>
      </c>
      <c r="NB31" s="348">
        <v>0</v>
      </c>
      <c r="NC31" s="345">
        <v>0</v>
      </c>
      <c r="ND31" s="349">
        <v>0</v>
      </c>
      <c r="NE31" s="404">
        <v>0</v>
      </c>
      <c r="NF31" s="345">
        <v>0</v>
      </c>
      <c r="NG31" s="345">
        <v>0</v>
      </c>
      <c r="NH31" s="345">
        <v>245564</v>
      </c>
      <c r="NI31" s="345">
        <v>964084</v>
      </c>
      <c r="NJ31" s="345">
        <v>0</v>
      </c>
      <c r="NK31" s="349">
        <v>1209648</v>
      </c>
      <c r="NL31" s="347">
        <v>1209648</v>
      </c>
      <c r="NM31" s="348">
        <v>0</v>
      </c>
      <c r="NN31" s="345">
        <v>0</v>
      </c>
      <c r="NO31" s="349">
        <v>0</v>
      </c>
      <c r="NP31" s="404">
        <v>0</v>
      </c>
      <c r="NQ31" s="345">
        <v>0</v>
      </c>
      <c r="NR31" s="345">
        <v>0</v>
      </c>
      <c r="NS31" s="345">
        <v>0</v>
      </c>
      <c r="NT31" s="345">
        <v>0</v>
      </c>
      <c r="NU31" s="345">
        <v>0</v>
      </c>
      <c r="NV31" s="349">
        <v>0</v>
      </c>
      <c r="NW31" s="350">
        <v>0</v>
      </c>
      <c r="NX31" s="348">
        <v>0</v>
      </c>
      <c r="NY31" s="345">
        <v>0</v>
      </c>
      <c r="NZ31" s="349">
        <v>0</v>
      </c>
      <c r="OA31" s="404">
        <v>0</v>
      </c>
      <c r="OB31" s="345">
        <v>0</v>
      </c>
      <c r="OC31" s="345">
        <v>0</v>
      </c>
      <c r="OD31" s="345">
        <v>0</v>
      </c>
      <c r="OE31" s="345">
        <v>0</v>
      </c>
      <c r="OF31" s="345">
        <v>0</v>
      </c>
      <c r="OG31" s="349">
        <v>0</v>
      </c>
      <c r="OH31" s="350">
        <v>0</v>
      </c>
      <c r="OI31" s="348">
        <v>86907</v>
      </c>
      <c r="OJ31" s="345">
        <v>137434</v>
      </c>
      <c r="OK31" s="346">
        <v>224341</v>
      </c>
      <c r="OL31" s="351">
        <v>0</v>
      </c>
      <c r="OM31" s="345">
        <v>1640326</v>
      </c>
      <c r="ON31" s="345">
        <v>1916528</v>
      </c>
      <c r="OO31" s="345">
        <v>3724316</v>
      </c>
      <c r="OP31" s="345">
        <v>2823809</v>
      </c>
      <c r="OQ31" s="345">
        <v>1378700</v>
      </c>
      <c r="OR31" s="349">
        <v>11483679</v>
      </c>
      <c r="OS31" s="354">
        <v>11708020</v>
      </c>
    </row>
    <row r="32" spans="2:409" s="70" customFormat="1" ht="21" customHeight="1" x14ac:dyDescent="0.2">
      <c r="B32" s="106" t="s">
        <v>27</v>
      </c>
      <c r="C32" s="326">
        <v>70704</v>
      </c>
      <c r="D32" s="327">
        <v>325716</v>
      </c>
      <c r="E32" s="328">
        <v>396420</v>
      </c>
      <c r="F32" s="329">
        <v>0</v>
      </c>
      <c r="G32" s="327">
        <v>852538</v>
      </c>
      <c r="H32" s="327">
        <v>1615338</v>
      </c>
      <c r="I32" s="327">
        <v>1501777</v>
      </c>
      <c r="J32" s="327">
        <v>1206049</v>
      </c>
      <c r="K32" s="327">
        <v>1259248</v>
      </c>
      <c r="L32" s="367">
        <v>6434950</v>
      </c>
      <c r="M32" s="330">
        <v>6831370</v>
      </c>
      <c r="N32" s="326">
        <v>20824</v>
      </c>
      <c r="O32" s="327">
        <v>86587</v>
      </c>
      <c r="P32" s="328">
        <v>107411</v>
      </c>
      <c r="Q32" s="326">
        <v>0</v>
      </c>
      <c r="R32" s="327">
        <v>34490</v>
      </c>
      <c r="S32" s="327">
        <v>601151</v>
      </c>
      <c r="T32" s="327">
        <v>542450</v>
      </c>
      <c r="U32" s="327">
        <v>390586</v>
      </c>
      <c r="V32" s="327">
        <v>150372</v>
      </c>
      <c r="W32" s="328">
        <v>1719049</v>
      </c>
      <c r="X32" s="330">
        <v>1826460</v>
      </c>
      <c r="Y32" s="326">
        <v>0</v>
      </c>
      <c r="Z32" s="327">
        <v>0</v>
      </c>
      <c r="AA32" s="328">
        <v>0</v>
      </c>
      <c r="AB32" s="326">
        <v>0</v>
      </c>
      <c r="AC32" s="327">
        <v>22072</v>
      </c>
      <c r="AD32" s="327">
        <v>413827</v>
      </c>
      <c r="AE32" s="327">
        <v>341814</v>
      </c>
      <c r="AF32" s="327">
        <v>154026</v>
      </c>
      <c r="AG32" s="327">
        <v>56717</v>
      </c>
      <c r="AH32" s="328">
        <v>988456</v>
      </c>
      <c r="AI32" s="330">
        <v>988456</v>
      </c>
      <c r="AJ32" s="326">
        <v>0</v>
      </c>
      <c r="AK32" s="327">
        <v>0</v>
      </c>
      <c r="AL32" s="328">
        <v>0</v>
      </c>
      <c r="AM32" s="326">
        <v>0</v>
      </c>
      <c r="AN32" s="327">
        <v>0</v>
      </c>
      <c r="AO32" s="327">
        <v>0</v>
      </c>
      <c r="AP32" s="327">
        <v>0</v>
      </c>
      <c r="AQ32" s="327">
        <v>50510</v>
      </c>
      <c r="AR32" s="327">
        <v>20204</v>
      </c>
      <c r="AS32" s="328">
        <v>70714</v>
      </c>
      <c r="AT32" s="330">
        <v>70714</v>
      </c>
      <c r="AU32" s="326">
        <v>20824</v>
      </c>
      <c r="AV32" s="327">
        <v>86587</v>
      </c>
      <c r="AW32" s="328">
        <v>107411</v>
      </c>
      <c r="AX32" s="326">
        <v>0</v>
      </c>
      <c r="AY32" s="327">
        <v>0</v>
      </c>
      <c r="AZ32" s="327">
        <v>127264</v>
      </c>
      <c r="BA32" s="327">
        <v>130223</v>
      </c>
      <c r="BB32" s="327">
        <v>156811</v>
      </c>
      <c r="BC32" s="327">
        <v>0</v>
      </c>
      <c r="BD32" s="328">
        <v>414298</v>
      </c>
      <c r="BE32" s="330">
        <v>521709</v>
      </c>
      <c r="BF32" s="326">
        <v>0</v>
      </c>
      <c r="BG32" s="327">
        <v>0</v>
      </c>
      <c r="BH32" s="331">
        <v>0</v>
      </c>
      <c r="BI32" s="332">
        <v>0</v>
      </c>
      <c r="BJ32" s="327">
        <v>0</v>
      </c>
      <c r="BK32" s="327">
        <v>0</v>
      </c>
      <c r="BL32" s="327">
        <v>0</v>
      </c>
      <c r="BM32" s="327">
        <v>0</v>
      </c>
      <c r="BN32" s="327">
        <v>0</v>
      </c>
      <c r="BO32" s="328">
        <v>0</v>
      </c>
      <c r="BP32" s="330">
        <v>0</v>
      </c>
      <c r="BQ32" s="326">
        <v>0</v>
      </c>
      <c r="BR32" s="327">
        <v>0</v>
      </c>
      <c r="BS32" s="328">
        <v>0</v>
      </c>
      <c r="BT32" s="326">
        <v>0</v>
      </c>
      <c r="BU32" s="327">
        <v>12418</v>
      </c>
      <c r="BV32" s="327">
        <v>60060</v>
      </c>
      <c r="BW32" s="327">
        <v>70413</v>
      </c>
      <c r="BX32" s="327">
        <v>29239</v>
      </c>
      <c r="BY32" s="327">
        <v>73451</v>
      </c>
      <c r="BZ32" s="328">
        <v>245581</v>
      </c>
      <c r="CA32" s="330">
        <v>245581</v>
      </c>
      <c r="CB32" s="326">
        <v>36580</v>
      </c>
      <c r="CC32" s="327">
        <v>34585</v>
      </c>
      <c r="CD32" s="328">
        <v>71165</v>
      </c>
      <c r="CE32" s="326">
        <v>0</v>
      </c>
      <c r="CF32" s="327">
        <v>194887</v>
      </c>
      <c r="CG32" s="327">
        <v>334684</v>
      </c>
      <c r="CH32" s="327">
        <v>215651</v>
      </c>
      <c r="CI32" s="327">
        <v>430020</v>
      </c>
      <c r="CJ32" s="327">
        <v>0</v>
      </c>
      <c r="CK32" s="328">
        <v>1175242</v>
      </c>
      <c r="CL32" s="330">
        <v>1246407</v>
      </c>
      <c r="CM32" s="326">
        <v>0</v>
      </c>
      <c r="CN32" s="327">
        <v>0</v>
      </c>
      <c r="CO32" s="328">
        <v>0</v>
      </c>
      <c r="CP32" s="332">
        <v>0</v>
      </c>
      <c r="CQ32" s="327">
        <v>98644</v>
      </c>
      <c r="CR32" s="327">
        <v>220111</v>
      </c>
      <c r="CS32" s="327">
        <v>140240</v>
      </c>
      <c r="CT32" s="327">
        <v>430020</v>
      </c>
      <c r="CU32" s="327">
        <v>0</v>
      </c>
      <c r="CV32" s="328">
        <v>889015</v>
      </c>
      <c r="CW32" s="330">
        <v>889015</v>
      </c>
      <c r="CX32" s="326">
        <v>36580</v>
      </c>
      <c r="CY32" s="327">
        <v>34585</v>
      </c>
      <c r="CZ32" s="328">
        <v>71165</v>
      </c>
      <c r="DA32" s="326">
        <v>0</v>
      </c>
      <c r="DB32" s="327">
        <v>96243</v>
      </c>
      <c r="DC32" s="327">
        <v>114573</v>
      </c>
      <c r="DD32" s="327">
        <v>75411</v>
      </c>
      <c r="DE32" s="327">
        <v>0</v>
      </c>
      <c r="DF32" s="327">
        <v>0</v>
      </c>
      <c r="DG32" s="328">
        <v>286227</v>
      </c>
      <c r="DH32" s="330">
        <v>357392</v>
      </c>
      <c r="DI32" s="326">
        <v>0</v>
      </c>
      <c r="DJ32" s="327">
        <v>0</v>
      </c>
      <c r="DK32" s="331">
        <v>0</v>
      </c>
      <c r="DL32" s="332">
        <v>0</v>
      </c>
      <c r="DM32" s="327">
        <v>174434</v>
      </c>
      <c r="DN32" s="327">
        <v>0</v>
      </c>
      <c r="DO32" s="327">
        <v>89143</v>
      </c>
      <c r="DP32" s="327">
        <v>30427</v>
      </c>
      <c r="DQ32" s="327">
        <v>53436</v>
      </c>
      <c r="DR32" s="328">
        <v>347440</v>
      </c>
      <c r="DS32" s="330">
        <v>347440</v>
      </c>
      <c r="DT32" s="326">
        <v>0</v>
      </c>
      <c r="DU32" s="327">
        <v>0</v>
      </c>
      <c r="DV32" s="328">
        <v>0</v>
      </c>
      <c r="DW32" s="326">
        <v>0</v>
      </c>
      <c r="DX32" s="327">
        <v>144392</v>
      </c>
      <c r="DY32" s="327">
        <v>0</v>
      </c>
      <c r="DZ32" s="327">
        <v>89143</v>
      </c>
      <c r="EA32" s="327">
        <v>30427</v>
      </c>
      <c r="EB32" s="327">
        <v>53436</v>
      </c>
      <c r="EC32" s="328">
        <v>317398</v>
      </c>
      <c r="ED32" s="330">
        <v>317398</v>
      </c>
      <c r="EE32" s="326">
        <v>0</v>
      </c>
      <c r="EF32" s="331">
        <v>0</v>
      </c>
      <c r="EG32" s="328">
        <v>0</v>
      </c>
      <c r="EH32" s="326">
        <v>0</v>
      </c>
      <c r="EI32" s="327">
        <v>30042</v>
      </c>
      <c r="EJ32" s="327">
        <v>0</v>
      </c>
      <c r="EK32" s="327">
        <v>0</v>
      </c>
      <c r="EL32" s="327">
        <v>0</v>
      </c>
      <c r="EM32" s="327">
        <v>0</v>
      </c>
      <c r="EN32" s="331">
        <v>30042</v>
      </c>
      <c r="EO32" s="330">
        <v>30042</v>
      </c>
      <c r="EP32" s="326">
        <v>0</v>
      </c>
      <c r="EQ32" s="327">
        <v>0</v>
      </c>
      <c r="ER32" s="331">
        <v>0</v>
      </c>
      <c r="ES32" s="332">
        <v>0</v>
      </c>
      <c r="ET32" s="327">
        <v>0</v>
      </c>
      <c r="EU32" s="327">
        <v>0</v>
      </c>
      <c r="EV32" s="327">
        <v>0</v>
      </c>
      <c r="EW32" s="327">
        <v>0</v>
      </c>
      <c r="EX32" s="327">
        <v>0</v>
      </c>
      <c r="EY32" s="328">
        <v>0</v>
      </c>
      <c r="EZ32" s="330">
        <v>0</v>
      </c>
      <c r="FA32" s="326">
        <v>0</v>
      </c>
      <c r="FB32" s="327">
        <v>0</v>
      </c>
      <c r="FC32" s="331">
        <v>0</v>
      </c>
      <c r="FD32" s="404">
        <v>0</v>
      </c>
      <c r="FE32" s="327">
        <v>0</v>
      </c>
      <c r="FF32" s="327">
        <v>0</v>
      </c>
      <c r="FG32" s="327">
        <v>0</v>
      </c>
      <c r="FH32" s="327">
        <v>0</v>
      </c>
      <c r="FI32" s="327">
        <v>0</v>
      </c>
      <c r="FJ32" s="328">
        <v>0</v>
      </c>
      <c r="FK32" s="330">
        <v>0</v>
      </c>
      <c r="FL32" s="326">
        <v>13300</v>
      </c>
      <c r="FM32" s="327">
        <v>118930</v>
      </c>
      <c r="FN32" s="328">
        <v>132230</v>
      </c>
      <c r="FO32" s="326">
        <v>0</v>
      </c>
      <c r="FP32" s="327">
        <v>28525</v>
      </c>
      <c r="FQ32" s="327">
        <v>189663</v>
      </c>
      <c r="FR32" s="327">
        <v>122514</v>
      </c>
      <c r="FS32" s="327">
        <v>70945</v>
      </c>
      <c r="FT32" s="327">
        <v>5425</v>
      </c>
      <c r="FU32" s="328">
        <v>417072</v>
      </c>
      <c r="FV32" s="330">
        <v>549302</v>
      </c>
      <c r="FW32" s="333">
        <v>13300</v>
      </c>
      <c r="FX32" s="327">
        <v>76580</v>
      </c>
      <c r="FY32" s="331">
        <v>89880</v>
      </c>
      <c r="FZ32" s="332">
        <v>0</v>
      </c>
      <c r="GA32" s="327">
        <v>28525</v>
      </c>
      <c r="GB32" s="327">
        <v>59010</v>
      </c>
      <c r="GC32" s="327">
        <v>122514</v>
      </c>
      <c r="GD32" s="327">
        <v>70945</v>
      </c>
      <c r="GE32" s="327">
        <v>5425</v>
      </c>
      <c r="GF32" s="328">
        <v>286419</v>
      </c>
      <c r="GG32" s="334">
        <v>376299</v>
      </c>
      <c r="GH32" s="333">
        <v>0</v>
      </c>
      <c r="GI32" s="327">
        <v>0</v>
      </c>
      <c r="GJ32" s="331">
        <v>0</v>
      </c>
      <c r="GK32" s="332">
        <v>0</v>
      </c>
      <c r="GL32" s="327">
        <v>0</v>
      </c>
      <c r="GM32" s="327">
        <v>18653</v>
      </c>
      <c r="GN32" s="327">
        <v>0</v>
      </c>
      <c r="GO32" s="327">
        <v>0</v>
      </c>
      <c r="GP32" s="327">
        <v>0</v>
      </c>
      <c r="GQ32" s="328">
        <v>18653</v>
      </c>
      <c r="GR32" s="330">
        <v>18653</v>
      </c>
      <c r="GS32" s="326">
        <v>0</v>
      </c>
      <c r="GT32" s="327">
        <v>42350</v>
      </c>
      <c r="GU32" s="328">
        <v>42350</v>
      </c>
      <c r="GV32" s="326">
        <v>0</v>
      </c>
      <c r="GW32" s="327">
        <v>0</v>
      </c>
      <c r="GX32" s="327">
        <v>112000</v>
      </c>
      <c r="GY32" s="327">
        <v>0</v>
      </c>
      <c r="GZ32" s="327">
        <v>0</v>
      </c>
      <c r="HA32" s="327">
        <v>0</v>
      </c>
      <c r="HB32" s="331">
        <v>112000</v>
      </c>
      <c r="HC32" s="330">
        <v>154350</v>
      </c>
      <c r="HD32" s="326">
        <v>0</v>
      </c>
      <c r="HE32" s="327">
        <v>85614</v>
      </c>
      <c r="HF32" s="331">
        <v>85614</v>
      </c>
      <c r="HG32" s="332">
        <v>0</v>
      </c>
      <c r="HH32" s="327">
        <v>420202</v>
      </c>
      <c r="HI32" s="327">
        <v>489840</v>
      </c>
      <c r="HJ32" s="327">
        <v>532019</v>
      </c>
      <c r="HK32" s="327">
        <v>284071</v>
      </c>
      <c r="HL32" s="327">
        <v>1050015</v>
      </c>
      <c r="HM32" s="328">
        <v>2776147</v>
      </c>
      <c r="HN32" s="329">
        <v>2861761</v>
      </c>
      <c r="HO32" s="333">
        <v>0</v>
      </c>
      <c r="HP32" s="327">
        <v>0</v>
      </c>
      <c r="HQ32" s="328">
        <v>0</v>
      </c>
      <c r="HR32" s="326">
        <v>0</v>
      </c>
      <c r="HS32" s="327">
        <v>0</v>
      </c>
      <c r="HT32" s="327">
        <v>0</v>
      </c>
      <c r="HU32" s="327">
        <v>0</v>
      </c>
      <c r="HV32" s="327">
        <v>0</v>
      </c>
      <c r="HW32" s="327">
        <v>0</v>
      </c>
      <c r="HX32" s="331">
        <v>0</v>
      </c>
      <c r="HY32" s="330">
        <v>0</v>
      </c>
      <c r="HZ32" s="358">
        <v>0</v>
      </c>
      <c r="IA32" s="356">
        <v>0</v>
      </c>
      <c r="IB32" s="358">
        <v>0</v>
      </c>
      <c r="IC32" s="355">
        <v>0</v>
      </c>
      <c r="ID32" s="356">
        <v>170534</v>
      </c>
      <c r="IE32" s="357">
        <v>100753</v>
      </c>
      <c r="IF32" s="358">
        <v>255108</v>
      </c>
      <c r="IG32" s="356">
        <v>0</v>
      </c>
      <c r="IH32" s="358">
        <v>0</v>
      </c>
      <c r="II32" s="359">
        <v>526395</v>
      </c>
      <c r="IJ32" s="358">
        <v>526395</v>
      </c>
      <c r="IK32" s="342">
        <v>0</v>
      </c>
      <c r="IL32" s="343">
        <v>0</v>
      </c>
      <c r="IM32" s="344">
        <v>0</v>
      </c>
      <c r="IN32" s="404">
        <v>0</v>
      </c>
      <c r="IO32" s="345">
        <v>0</v>
      </c>
      <c r="IP32" s="345">
        <v>0</v>
      </c>
      <c r="IQ32" s="345">
        <v>0</v>
      </c>
      <c r="IR32" s="345">
        <v>0</v>
      </c>
      <c r="IS32" s="345">
        <v>0</v>
      </c>
      <c r="IT32" s="346">
        <v>0</v>
      </c>
      <c r="IU32" s="347">
        <v>0</v>
      </c>
      <c r="IV32" s="348">
        <v>0</v>
      </c>
      <c r="IW32" s="345">
        <v>0</v>
      </c>
      <c r="IX32" s="349">
        <v>0</v>
      </c>
      <c r="IY32" s="404">
        <v>0</v>
      </c>
      <c r="IZ32" s="345">
        <v>0</v>
      </c>
      <c r="JA32" s="345">
        <v>0</v>
      </c>
      <c r="JB32" s="345">
        <v>0</v>
      </c>
      <c r="JC32" s="345">
        <v>0</v>
      </c>
      <c r="JD32" s="345">
        <v>0</v>
      </c>
      <c r="JE32" s="349">
        <v>0</v>
      </c>
      <c r="JF32" s="350">
        <v>0</v>
      </c>
      <c r="JG32" s="348">
        <v>0</v>
      </c>
      <c r="JH32" s="345">
        <v>0</v>
      </c>
      <c r="JI32" s="346">
        <v>0</v>
      </c>
      <c r="JJ32" s="351">
        <v>0</v>
      </c>
      <c r="JK32" s="345">
        <v>170534</v>
      </c>
      <c r="JL32" s="345">
        <v>51055</v>
      </c>
      <c r="JM32" s="345">
        <v>25700</v>
      </c>
      <c r="JN32" s="345">
        <v>0</v>
      </c>
      <c r="JO32" s="345">
        <v>0</v>
      </c>
      <c r="JP32" s="349">
        <v>247289</v>
      </c>
      <c r="JQ32" s="347">
        <v>247289</v>
      </c>
      <c r="JR32" s="348">
        <v>0</v>
      </c>
      <c r="JS32" s="345">
        <v>0</v>
      </c>
      <c r="JT32" s="346">
        <v>0</v>
      </c>
      <c r="JU32" s="351">
        <v>0</v>
      </c>
      <c r="JV32" s="345">
        <v>0</v>
      </c>
      <c r="JW32" s="345">
        <v>49698</v>
      </c>
      <c r="JX32" s="345">
        <v>97762</v>
      </c>
      <c r="JY32" s="345">
        <v>0</v>
      </c>
      <c r="JZ32" s="345">
        <v>0</v>
      </c>
      <c r="KA32" s="349">
        <v>147460</v>
      </c>
      <c r="KB32" s="347">
        <v>147460</v>
      </c>
      <c r="KC32" s="352">
        <v>0</v>
      </c>
      <c r="KD32" s="353">
        <v>0</v>
      </c>
      <c r="KE32" s="349">
        <v>0</v>
      </c>
      <c r="KF32" s="351">
        <v>0</v>
      </c>
      <c r="KG32" s="345">
        <v>0</v>
      </c>
      <c r="KH32" s="345">
        <v>0</v>
      </c>
      <c r="KI32" s="345">
        <v>0</v>
      </c>
      <c r="KJ32" s="345">
        <v>0</v>
      </c>
      <c r="KK32" s="345">
        <v>0</v>
      </c>
      <c r="KL32" s="349">
        <v>0</v>
      </c>
      <c r="KM32" s="354">
        <v>0</v>
      </c>
      <c r="KN32" s="342">
        <v>0</v>
      </c>
      <c r="KO32" s="343">
        <v>0</v>
      </c>
      <c r="KP32" s="344">
        <v>0</v>
      </c>
      <c r="KQ32" s="404">
        <v>0</v>
      </c>
      <c r="KR32" s="345">
        <v>0</v>
      </c>
      <c r="KS32" s="345">
        <v>0</v>
      </c>
      <c r="KT32" s="345">
        <v>0</v>
      </c>
      <c r="KU32" s="345">
        <v>0</v>
      </c>
      <c r="KV32" s="345">
        <v>0</v>
      </c>
      <c r="KW32" s="349">
        <v>0</v>
      </c>
      <c r="KX32" s="347">
        <v>0</v>
      </c>
      <c r="KY32" s="348">
        <v>0</v>
      </c>
      <c r="KZ32" s="345">
        <v>0</v>
      </c>
      <c r="LA32" s="349">
        <v>0</v>
      </c>
      <c r="LB32" s="404">
        <v>0</v>
      </c>
      <c r="LC32" s="345">
        <v>0</v>
      </c>
      <c r="LD32" s="345">
        <v>0</v>
      </c>
      <c r="LE32" s="345">
        <v>0</v>
      </c>
      <c r="LF32" s="345">
        <v>0</v>
      </c>
      <c r="LG32" s="345">
        <v>0</v>
      </c>
      <c r="LH32" s="349">
        <v>0</v>
      </c>
      <c r="LI32" s="350">
        <v>0</v>
      </c>
      <c r="LJ32" s="348">
        <v>0</v>
      </c>
      <c r="LK32" s="345">
        <v>0</v>
      </c>
      <c r="LL32" s="349">
        <v>0</v>
      </c>
      <c r="LM32" s="404">
        <v>0</v>
      </c>
      <c r="LN32" s="345">
        <v>0</v>
      </c>
      <c r="LO32" s="345">
        <v>0</v>
      </c>
      <c r="LP32" s="345">
        <v>0</v>
      </c>
      <c r="LQ32" s="345">
        <v>0</v>
      </c>
      <c r="LR32" s="345">
        <v>0</v>
      </c>
      <c r="LS32" s="349">
        <v>0</v>
      </c>
      <c r="LT32" s="347">
        <v>0</v>
      </c>
      <c r="LU32" s="348">
        <v>0</v>
      </c>
      <c r="LV32" s="345">
        <v>0</v>
      </c>
      <c r="LW32" s="349">
        <v>0</v>
      </c>
      <c r="LX32" s="404">
        <v>0</v>
      </c>
      <c r="LY32" s="345">
        <v>0</v>
      </c>
      <c r="LZ32" s="345">
        <v>0</v>
      </c>
      <c r="MA32" s="345">
        <v>131646</v>
      </c>
      <c r="MB32" s="345">
        <v>0</v>
      </c>
      <c r="MC32" s="345">
        <v>0</v>
      </c>
      <c r="MD32" s="349">
        <v>131646</v>
      </c>
      <c r="ME32" s="350">
        <v>131646</v>
      </c>
      <c r="MF32" s="348">
        <v>0</v>
      </c>
      <c r="MG32" s="345">
        <v>0</v>
      </c>
      <c r="MH32" s="349">
        <v>0</v>
      </c>
      <c r="MI32" s="404">
        <v>0</v>
      </c>
      <c r="MJ32" s="345">
        <v>192801</v>
      </c>
      <c r="MK32" s="345">
        <v>0</v>
      </c>
      <c r="ML32" s="345">
        <v>228617</v>
      </c>
      <c r="MM32" s="345">
        <v>227934</v>
      </c>
      <c r="MN32" s="345">
        <v>962436</v>
      </c>
      <c r="MO32" s="349">
        <v>1611788</v>
      </c>
      <c r="MP32" s="354">
        <v>1611788</v>
      </c>
      <c r="MQ32" s="348">
        <v>0</v>
      </c>
      <c r="MR32" s="345">
        <v>0</v>
      </c>
      <c r="MS32" s="349">
        <v>0</v>
      </c>
      <c r="MT32" s="404">
        <v>0</v>
      </c>
      <c r="MU32" s="345">
        <v>0</v>
      </c>
      <c r="MV32" s="345">
        <v>0</v>
      </c>
      <c r="MW32" s="345">
        <v>228617</v>
      </c>
      <c r="MX32" s="345">
        <v>227934</v>
      </c>
      <c r="MY32" s="345">
        <v>330174</v>
      </c>
      <c r="MZ32" s="349">
        <v>786725</v>
      </c>
      <c r="NA32" s="354">
        <v>786725</v>
      </c>
      <c r="NB32" s="348">
        <v>0</v>
      </c>
      <c r="NC32" s="345">
        <v>0</v>
      </c>
      <c r="ND32" s="349">
        <v>0</v>
      </c>
      <c r="NE32" s="404">
        <v>0</v>
      </c>
      <c r="NF32" s="345">
        <v>192801</v>
      </c>
      <c r="NG32" s="345">
        <v>0</v>
      </c>
      <c r="NH32" s="345">
        <v>0</v>
      </c>
      <c r="NI32" s="345">
        <v>0</v>
      </c>
      <c r="NJ32" s="345">
        <v>263210</v>
      </c>
      <c r="NK32" s="349">
        <v>456011</v>
      </c>
      <c r="NL32" s="347">
        <v>456011</v>
      </c>
      <c r="NM32" s="348">
        <v>0</v>
      </c>
      <c r="NN32" s="345">
        <v>0</v>
      </c>
      <c r="NO32" s="349">
        <v>0</v>
      </c>
      <c r="NP32" s="404">
        <v>0</v>
      </c>
      <c r="NQ32" s="345">
        <v>0</v>
      </c>
      <c r="NR32" s="345">
        <v>0</v>
      </c>
      <c r="NS32" s="345">
        <v>0</v>
      </c>
      <c r="NT32" s="345">
        <v>0</v>
      </c>
      <c r="NU32" s="345">
        <v>0</v>
      </c>
      <c r="NV32" s="349">
        <v>0</v>
      </c>
      <c r="NW32" s="350">
        <v>0</v>
      </c>
      <c r="NX32" s="348">
        <v>0</v>
      </c>
      <c r="NY32" s="345">
        <v>0</v>
      </c>
      <c r="NZ32" s="349">
        <v>0</v>
      </c>
      <c r="OA32" s="404">
        <v>0</v>
      </c>
      <c r="OB32" s="345">
        <v>0</v>
      </c>
      <c r="OC32" s="345">
        <v>0</v>
      </c>
      <c r="OD32" s="345">
        <v>0</v>
      </c>
      <c r="OE32" s="345">
        <v>0</v>
      </c>
      <c r="OF32" s="345">
        <v>369052</v>
      </c>
      <c r="OG32" s="349">
        <v>369052</v>
      </c>
      <c r="OH32" s="350">
        <v>369052</v>
      </c>
      <c r="OI32" s="348">
        <v>70704</v>
      </c>
      <c r="OJ32" s="345">
        <v>325716</v>
      </c>
      <c r="OK32" s="346">
        <v>396420</v>
      </c>
      <c r="OL32" s="351">
        <v>0</v>
      </c>
      <c r="OM32" s="345">
        <v>1215873</v>
      </c>
      <c r="ON32" s="345">
        <v>1716091</v>
      </c>
      <c r="OO32" s="345">
        <v>1985502</v>
      </c>
      <c r="OP32" s="345">
        <v>1433983</v>
      </c>
      <c r="OQ32" s="345">
        <v>2221684</v>
      </c>
      <c r="OR32" s="349">
        <v>8573133</v>
      </c>
      <c r="OS32" s="354">
        <v>8969553</v>
      </c>
    </row>
    <row r="33" spans="2:409" s="70" customFormat="1" ht="21" customHeight="1" x14ac:dyDescent="0.2">
      <c r="B33" s="106" t="s">
        <v>28</v>
      </c>
      <c r="C33" s="326">
        <v>0</v>
      </c>
      <c r="D33" s="327">
        <v>31955</v>
      </c>
      <c r="E33" s="328">
        <v>31955</v>
      </c>
      <c r="F33" s="329">
        <v>0</v>
      </c>
      <c r="G33" s="327">
        <v>46825</v>
      </c>
      <c r="H33" s="327">
        <v>175540</v>
      </c>
      <c r="I33" s="327">
        <v>581046</v>
      </c>
      <c r="J33" s="327">
        <v>318054</v>
      </c>
      <c r="K33" s="327">
        <v>253814</v>
      </c>
      <c r="L33" s="367">
        <v>1375279</v>
      </c>
      <c r="M33" s="330">
        <v>1407234</v>
      </c>
      <c r="N33" s="326">
        <v>0</v>
      </c>
      <c r="O33" s="327">
        <v>0</v>
      </c>
      <c r="P33" s="328">
        <v>0</v>
      </c>
      <c r="Q33" s="326">
        <v>0</v>
      </c>
      <c r="R33" s="327">
        <v>42065</v>
      </c>
      <c r="S33" s="327">
        <v>107286</v>
      </c>
      <c r="T33" s="327">
        <v>30027</v>
      </c>
      <c r="U33" s="327">
        <v>102769</v>
      </c>
      <c r="V33" s="327">
        <v>30067</v>
      </c>
      <c r="W33" s="328">
        <v>312214</v>
      </c>
      <c r="X33" s="330">
        <v>312214</v>
      </c>
      <c r="Y33" s="326">
        <v>0</v>
      </c>
      <c r="Z33" s="327">
        <v>0</v>
      </c>
      <c r="AA33" s="328">
        <v>0</v>
      </c>
      <c r="AB33" s="326">
        <v>0</v>
      </c>
      <c r="AC33" s="327">
        <v>34813</v>
      </c>
      <c r="AD33" s="327">
        <v>46251</v>
      </c>
      <c r="AE33" s="327">
        <v>0</v>
      </c>
      <c r="AF33" s="327">
        <v>82903</v>
      </c>
      <c r="AG33" s="327">
        <v>0</v>
      </c>
      <c r="AH33" s="328">
        <v>163967</v>
      </c>
      <c r="AI33" s="330">
        <v>163967</v>
      </c>
      <c r="AJ33" s="326">
        <v>0</v>
      </c>
      <c r="AK33" s="327">
        <v>0</v>
      </c>
      <c r="AL33" s="328">
        <v>0</v>
      </c>
      <c r="AM33" s="326">
        <v>0</v>
      </c>
      <c r="AN33" s="327">
        <v>0</v>
      </c>
      <c r="AO33" s="327">
        <v>0</v>
      </c>
      <c r="AP33" s="327">
        <v>0</v>
      </c>
      <c r="AQ33" s="327">
        <v>0</v>
      </c>
      <c r="AR33" s="327">
        <v>11699</v>
      </c>
      <c r="AS33" s="328">
        <v>11699</v>
      </c>
      <c r="AT33" s="330">
        <v>11699</v>
      </c>
      <c r="AU33" s="326">
        <v>0</v>
      </c>
      <c r="AV33" s="327">
        <v>0</v>
      </c>
      <c r="AW33" s="328">
        <v>0</v>
      </c>
      <c r="AX33" s="326">
        <v>0</v>
      </c>
      <c r="AY33" s="327">
        <v>0</v>
      </c>
      <c r="AZ33" s="327">
        <v>43836</v>
      </c>
      <c r="BA33" s="327">
        <v>12793</v>
      </c>
      <c r="BB33" s="327">
        <v>0</v>
      </c>
      <c r="BC33" s="327">
        <v>0</v>
      </c>
      <c r="BD33" s="328">
        <v>56629</v>
      </c>
      <c r="BE33" s="330">
        <v>56629</v>
      </c>
      <c r="BF33" s="326">
        <v>0</v>
      </c>
      <c r="BG33" s="327">
        <v>0</v>
      </c>
      <c r="BH33" s="331">
        <v>0</v>
      </c>
      <c r="BI33" s="332">
        <v>0</v>
      </c>
      <c r="BJ33" s="327">
        <v>0</v>
      </c>
      <c r="BK33" s="327">
        <v>0</v>
      </c>
      <c r="BL33" s="327">
        <v>0</v>
      </c>
      <c r="BM33" s="327">
        <v>0</v>
      </c>
      <c r="BN33" s="327">
        <v>0</v>
      </c>
      <c r="BO33" s="328">
        <v>0</v>
      </c>
      <c r="BP33" s="330">
        <v>0</v>
      </c>
      <c r="BQ33" s="326">
        <v>0</v>
      </c>
      <c r="BR33" s="327">
        <v>0</v>
      </c>
      <c r="BS33" s="328">
        <v>0</v>
      </c>
      <c r="BT33" s="326">
        <v>0</v>
      </c>
      <c r="BU33" s="327">
        <v>7252</v>
      </c>
      <c r="BV33" s="327">
        <v>17199</v>
      </c>
      <c r="BW33" s="327">
        <v>17234</v>
      </c>
      <c r="BX33" s="327">
        <v>19866</v>
      </c>
      <c r="BY33" s="327">
        <v>18368</v>
      </c>
      <c r="BZ33" s="328">
        <v>79919</v>
      </c>
      <c r="CA33" s="330">
        <v>79919</v>
      </c>
      <c r="CB33" s="326">
        <v>0</v>
      </c>
      <c r="CC33" s="327">
        <v>0</v>
      </c>
      <c r="CD33" s="328">
        <v>0</v>
      </c>
      <c r="CE33" s="326">
        <v>0</v>
      </c>
      <c r="CF33" s="327">
        <v>0</v>
      </c>
      <c r="CG33" s="327">
        <v>40898</v>
      </c>
      <c r="CH33" s="327">
        <v>285876</v>
      </c>
      <c r="CI33" s="327">
        <v>0</v>
      </c>
      <c r="CJ33" s="327">
        <v>0</v>
      </c>
      <c r="CK33" s="328">
        <v>326774</v>
      </c>
      <c r="CL33" s="330">
        <v>326774</v>
      </c>
      <c r="CM33" s="326">
        <v>0</v>
      </c>
      <c r="CN33" s="327">
        <v>0</v>
      </c>
      <c r="CO33" s="328">
        <v>0</v>
      </c>
      <c r="CP33" s="332">
        <v>0</v>
      </c>
      <c r="CQ33" s="327">
        <v>0</v>
      </c>
      <c r="CR33" s="327">
        <v>40898</v>
      </c>
      <c r="CS33" s="327">
        <v>212663</v>
      </c>
      <c r="CT33" s="327">
        <v>0</v>
      </c>
      <c r="CU33" s="327">
        <v>0</v>
      </c>
      <c r="CV33" s="328">
        <v>253561</v>
      </c>
      <c r="CW33" s="330">
        <v>253561</v>
      </c>
      <c r="CX33" s="326">
        <v>0</v>
      </c>
      <c r="CY33" s="327">
        <v>0</v>
      </c>
      <c r="CZ33" s="328">
        <v>0</v>
      </c>
      <c r="DA33" s="326">
        <v>0</v>
      </c>
      <c r="DB33" s="327">
        <v>0</v>
      </c>
      <c r="DC33" s="327">
        <v>0</v>
      </c>
      <c r="DD33" s="327">
        <v>73213</v>
      </c>
      <c r="DE33" s="327">
        <v>0</v>
      </c>
      <c r="DF33" s="327">
        <v>0</v>
      </c>
      <c r="DG33" s="328">
        <v>73213</v>
      </c>
      <c r="DH33" s="330">
        <v>73213</v>
      </c>
      <c r="DI33" s="326">
        <v>0</v>
      </c>
      <c r="DJ33" s="327">
        <v>0</v>
      </c>
      <c r="DK33" s="331">
        <v>0</v>
      </c>
      <c r="DL33" s="332">
        <v>0</v>
      </c>
      <c r="DM33" s="327">
        <v>0</v>
      </c>
      <c r="DN33" s="327">
        <v>0</v>
      </c>
      <c r="DO33" s="327">
        <v>71297</v>
      </c>
      <c r="DP33" s="327">
        <v>0</v>
      </c>
      <c r="DQ33" s="327">
        <v>0</v>
      </c>
      <c r="DR33" s="328">
        <v>71297</v>
      </c>
      <c r="DS33" s="330">
        <v>71297</v>
      </c>
      <c r="DT33" s="326">
        <v>0</v>
      </c>
      <c r="DU33" s="327">
        <v>0</v>
      </c>
      <c r="DV33" s="328">
        <v>0</v>
      </c>
      <c r="DW33" s="326">
        <v>0</v>
      </c>
      <c r="DX33" s="327">
        <v>0</v>
      </c>
      <c r="DY33" s="327">
        <v>0</v>
      </c>
      <c r="DZ33" s="327">
        <v>71297</v>
      </c>
      <c r="EA33" s="327">
        <v>0</v>
      </c>
      <c r="EB33" s="327">
        <v>0</v>
      </c>
      <c r="EC33" s="328">
        <v>71297</v>
      </c>
      <c r="ED33" s="330">
        <v>71297</v>
      </c>
      <c r="EE33" s="326">
        <v>0</v>
      </c>
      <c r="EF33" s="331">
        <v>0</v>
      </c>
      <c r="EG33" s="328">
        <v>0</v>
      </c>
      <c r="EH33" s="326">
        <v>0</v>
      </c>
      <c r="EI33" s="327">
        <v>0</v>
      </c>
      <c r="EJ33" s="327">
        <v>0</v>
      </c>
      <c r="EK33" s="327">
        <v>0</v>
      </c>
      <c r="EL33" s="327">
        <v>0</v>
      </c>
      <c r="EM33" s="327">
        <v>0</v>
      </c>
      <c r="EN33" s="331">
        <v>0</v>
      </c>
      <c r="EO33" s="330">
        <v>0</v>
      </c>
      <c r="EP33" s="326">
        <v>0</v>
      </c>
      <c r="EQ33" s="327">
        <v>0</v>
      </c>
      <c r="ER33" s="331">
        <v>0</v>
      </c>
      <c r="ES33" s="332">
        <v>0</v>
      </c>
      <c r="ET33" s="327">
        <v>0</v>
      </c>
      <c r="EU33" s="327">
        <v>0</v>
      </c>
      <c r="EV33" s="327">
        <v>0</v>
      </c>
      <c r="EW33" s="327">
        <v>0</v>
      </c>
      <c r="EX33" s="327">
        <v>0</v>
      </c>
      <c r="EY33" s="328">
        <v>0</v>
      </c>
      <c r="EZ33" s="330">
        <v>0</v>
      </c>
      <c r="FA33" s="326">
        <v>0</v>
      </c>
      <c r="FB33" s="327">
        <v>0</v>
      </c>
      <c r="FC33" s="331">
        <v>0</v>
      </c>
      <c r="FD33" s="404">
        <v>0</v>
      </c>
      <c r="FE33" s="327">
        <v>0</v>
      </c>
      <c r="FF33" s="327">
        <v>0</v>
      </c>
      <c r="FG33" s="327">
        <v>0</v>
      </c>
      <c r="FH33" s="327">
        <v>0</v>
      </c>
      <c r="FI33" s="327">
        <v>0</v>
      </c>
      <c r="FJ33" s="328">
        <v>0</v>
      </c>
      <c r="FK33" s="330">
        <v>0</v>
      </c>
      <c r="FL33" s="326">
        <v>0</v>
      </c>
      <c r="FM33" s="327">
        <v>31955</v>
      </c>
      <c r="FN33" s="328">
        <v>31955</v>
      </c>
      <c r="FO33" s="326">
        <v>0</v>
      </c>
      <c r="FP33" s="327">
        <v>4760</v>
      </c>
      <c r="FQ33" s="327">
        <v>27356</v>
      </c>
      <c r="FR33" s="327">
        <v>19880</v>
      </c>
      <c r="FS33" s="327">
        <v>21350</v>
      </c>
      <c r="FT33" s="327">
        <v>19810</v>
      </c>
      <c r="FU33" s="328">
        <v>93156</v>
      </c>
      <c r="FV33" s="330">
        <v>125111</v>
      </c>
      <c r="FW33" s="333">
        <v>0</v>
      </c>
      <c r="FX33" s="327">
        <v>7700</v>
      </c>
      <c r="FY33" s="331">
        <v>7700</v>
      </c>
      <c r="FZ33" s="332">
        <v>0</v>
      </c>
      <c r="GA33" s="327">
        <v>4760</v>
      </c>
      <c r="GB33" s="327">
        <v>27356</v>
      </c>
      <c r="GC33" s="327">
        <v>19880</v>
      </c>
      <c r="GD33" s="327">
        <v>21350</v>
      </c>
      <c r="GE33" s="327">
        <v>19810</v>
      </c>
      <c r="GF33" s="328">
        <v>93156</v>
      </c>
      <c r="GG33" s="334">
        <v>100856</v>
      </c>
      <c r="GH33" s="333">
        <v>0</v>
      </c>
      <c r="GI33" s="327">
        <v>24255</v>
      </c>
      <c r="GJ33" s="331">
        <v>24255</v>
      </c>
      <c r="GK33" s="332">
        <v>0</v>
      </c>
      <c r="GL33" s="327">
        <v>0</v>
      </c>
      <c r="GM33" s="327">
        <v>0</v>
      </c>
      <c r="GN33" s="327">
        <v>0</v>
      </c>
      <c r="GO33" s="327">
        <v>0</v>
      </c>
      <c r="GP33" s="327">
        <v>0</v>
      </c>
      <c r="GQ33" s="328">
        <v>0</v>
      </c>
      <c r="GR33" s="330">
        <v>24255</v>
      </c>
      <c r="GS33" s="326">
        <v>0</v>
      </c>
      <c r="GT33" s="327">
        <v>0</v>
      </c>
      <c r="GU33" s="328">
        <v>0</v>
      </c>
      <c r="GV33" s="326">
        <v>0</v>
      </c>
      <c r="GW33" s="327">
        <v>0</v>
      </c>
      <c r="GX33" s="327">
        <v>0</v>
      </c>
      <c r="GY33" s="327">
        <v>0</v>
      </c>
      <c r="GZ33" s="327">
        <v>0</v>
      </c>
      <c r="HA33" s="327">
        <v>0</v>
      </c>
      <c r="HB33" s="331">
        <v>0</v>
      </c>
      <c r="HC33" s="330">
        <v>0</v>
      </c>
      <c r="HD33" s="326">
        <v>0</v>
      </c>
      <c r="HE33" s="327">
        <v>0</v>
      </c>
      <c r="HF33" s="331">
        <v>0</v>
      </c>
      <c r="HG33" s="332">
        <v>0</v>
      </c>
      <c r="HH33" s="327">
        <v>0</v>
      </c>
      <c r="HI33" s="327">
        <v>0</v>
      </c>
      <c r="HJ33" s="327">
        <v>173966</v>
      </c>
      <c r="HK33" s="327">
        <v>193935</v>
      </c>
      <c r="HL33" s="327">
        <v>203937</v>
      </c>
      <c r="HM33" s="328">
        <v>571838</v>
      </c>
      <c r="HN33" s="329">
        <v>571838</v>
      </c>
      <c r="HO33" s="333">
        <v>0</v>
      </c>
      <c r="HP33" s="327">
        <v>0</v>
      </c>
      <c r="HQ33" s="328">
        <v>0</v>
      </c>
      <c r="HR33" s="326">
        <v>0</v>
      </c>
      <c r="HS33" s="327">
        <v>0</v>
      </c>
      <c r="HT33" s="327">
        <v>0</v>
      </c>
      <c r="HU33" s="327">
        <v>0</v>
      </c>
      <c r="HV33" s="327">
        <v>0</v>
      </c>
      <c r="HW33" s="327">
        <v>0</v>
      </c>
      <c r="HX33" s="331">
        <v>0</v>
      </c>
      <c r="HY33" s="330">
        <v>0</v>
      </c>
      <c r="HZ33" s="335">
        <v>0</v>
      </c>
      <c r="IA33" s="336">
        <v>0</v>
      </c>
      <c r="IB33" s="337">
        <v>0</v>
      </c>
      <c r="IC33" s="338">
        <v>0</v>
      </c>
      <c r="ID33" s="336">
        <v>144243</v>
      </c>
      <c r="IE33" s="339">
        <v>257896</v>
      </c>
      <c r="IF33" s="337">
        <v>203570</v>
      </c>
      <c r="IG33" s="336">
        <v>0</v>
      </c>
      <c r="IH33" s="337">
        <v>0</v>
      </c>
      <c r="II33" s="340">
        <v>605709</v>
      </c>
      <c r="IJ33" s="341">
        <v>605709</v>
      </c>
      <c r="IK33" s="342">
        <v>0</v>
      </c>
      <c r="IL33" s="343">
        <v>0</v>
      </c>
      <c r="IM33" s="344">
        <v>0</v>
      </c>
      <c r="IN33" s="404">
        <v>0</v>
      </c>
      <c r="IO33" s="345">
        <v>0</v>
      </c>
      <c r="IP33" s="345">
        <v>0</v>
      </c>
      <c r="IQ33" s="345">
        <v>0</v>
      </c>
      <c r="IR33" s="345">
        <v>0</v>
      </c>
      <c r="IS33" s="345">
        <v>0</v>
      </c>
      <c r="IT33" s="346">
        <v>0</v>
      </c>
      <c r="IU33" s="347">
        <v>0</v>
      </c>
      <c r="IV33" s="348">
        <v>0</v>
      </c>
      <c r="IW33" s="345">
        <v>0</v>
      </c>
      <c r="IX33" s="349">
        <v>0</v>
      </c>
      <c r="IY33" s="404">
        <v>0</v>
      </c>
      <c r="IZ33" s="345">
        <v>0</v>
      </c>
      <c r="JA33" s="345">
        <v>0</v>
      </c>
      <c r="JB33" s="345">
        <v>0</v>
      </c>
      <c r="JC33" s="345">
        <v>0</v>
      </c>
      <c r="JD33" s="345">
        <v>0</v>
      </c>
      <c r="JE33" s="349">
        <v>0</v>
      </c>
      <c r="JF33" s="350">
        <v>0</v>
      </c>
      <c r="JG33" s="348">
        <v>0</v>
      </c>
      <c r="JH33" s="345">
        <v>0</v>
      </c>
      <c r="JI33" s="346">
        <v>0</v>
      </c>
      <c r="JJ33" s="351">
        <v>0</v>
      </c>
      <c r="JK33" s="345">
        <v>144243</v>
      </c>
      <c r="JL33" s="345">
        <v>34024</v>
      </c>
      <c r="JM33" s="345">
        <v>0</v>
      </c>
      <c r="JN33" s="345">
        <v>0</v>
      </c>
      <c r="JO33" s="345">
        <v>0</v>
      </c>
      <c r="JP33" s="349">
        <v>178267</v>
      </c>
      <c r="JQ33" s="347">
        <v>178267</v>
      </c>
      <c r="JR33" s="348">
        <v>0</v>
      </c>
      <c r="JS33" s="345">
        <v>0</v>
      </c>
      <c r="JT33" s="346">
        <v>0</v>
      </c>
      <c r="JU33" s="351">
        <v>0</v>
      </c>
      <c r="JV33" s="345">
        <v>0</v>
      </c>
      <c r="JW33" s="345">
        <v>0</v>
      </c>
      <c r="JX33" s="345">
        <v>0</v>
      </c>
      <c r="JY33" s="345">
        <v>0</v>
      </c>
      <c r="JZ33" s="345">
        <v>0</v>
      </c>
      <c r="KA33" s="349">
        <v>0</v>
      </c>
      <c r="KB33" s="347">
        <v>0</v>
      </c>
      <c r="KC33" s="352">
        <v>0</v>
      </c>
      <c r="KD33" s="353">
        <v>0</v>
      </c>
      <c r="KE33" s="349">
        <v>0</v>
      </c>
      <c r="KF33" s="351">
        <v>0</v>
      </c>
      <c r="KG33" s="345">
        <v>0</v>
      </c>
      <c r="KH33" s="345">
        <v>0</v>
      </c>
      <c r="KI33" s="345">
        <v>0</v>
      </c>
      <c r="KJ33" s="345">
        <v>0</v>
      </c>
      <c r="KK33" s="345">
        <v>0</v>
      </c>
      <c r="KL33" s="349">
        <v>0</v>
      </c>
      <c r="KM33" s="354">
        <v>0</v>
      </c>
      <c r="KN33" s="342">
        <v>0</v>
      </c>
      <c r="KO33" s="343">
        <v>0</v>
      </c>
      <c r="KP33" s="344">
        <v>0</v>
      </c>
      <c r="KQ33" s="404">
        <v>0</v>
      </c>
      <c r="KR33" s="345">
        <v>0</v>
      </c>
      <c r="KS33" s="345">
        <v>223872</v>
      </c>
      <c r="KT33" s="345">
        <v>203570</v>
      </c>
      <c r="KU33" s="345">
        <v>0</v>
      </c>
      <c r="KV33" s="345">
        <v>0</v>
      </c>
      <c r="KW33" s="349">
        <v>427442</v>
      </c>
      <c r="KX33" s="347">
        <v>427442</v>
      </c>
      <c r="KY33" s="348">
        <v>0</v>
      </c>
      <c r="KZ33" s="345">
        <v>0</v>
      </c>
      <c r="LA33" s="349">
        <v>0</v>
      </c>
      <c r="LB33" s="404">
        <v>0</v>
      </c>
      <c r="LC33" s="345">
        <v>0</v>
      </c>
      <c r="LD33" s="345">
        <v>0</v>
      </c>
      <c r="LE33" s="345">
        <v>0</v>
      </c>
      <c r="LF33" s="345">
        <v>0</v>
      </c>
      <c r="LG33" s="345">
        <v>0</v>
      </c>
      <c r="LH33" s="349">
        <v>0</v>
      </c>
      <c r="LI33" s="350">
        <v>0</v>
      </c>
      <c r="LJ33" s="348">
        <v>0</v>
      </c>
      <c r="LK33" s="345">
        <v>0</v>
      </c>
      <c r="LL33" s="349">
        <v>0</v>
      </c>
      <c r="LM33" s="404">
        <v>0</v>
      </c>
      <c r="LN33" s="345">
        <v>0</v>
      </c>
      <c r="LO33" s="345">
        <v>0</v>
      </c>
      <c r="LP33" s="345">
        <v>0</v>
      </c>
      <c r="LQ33" s="345">
        <v>0</v>
      </c>
      <c r="LR33" s="345">
        <v>0</v>
      </c>
      <c r="LS33" s="349">
        <v>0</v>
      </c>
      <c r="LT33" s="347">
        <v>0</v>
      </c>
      <c r="LU33" s="348">
        <v>0</v>
      </c>
      <c r="LV33" s="345">
        <v>0</v>
      </c>
      <c r="LW33" s="349">
        <v>0</v>
      </c>
      <c r="LX33" s="404">
        <v>0</v>
      </c>
      <c r="LY33" s="345">
        <v>0</v>
      </c>
      <c r="LZ33" s="345">
        <v>0</v>
      </c>
      <c r="MA33" s="345">
        <v>0</v>
      </c>
      <c r="MB33" s="345">
        <v>0</v>
      </c>
      <c r="MC33" s="345">
        <v>0</v>
      </c>
      <c r="MD33" s="349">
        <v>0</v>
      </c>
      <c r="ME33" s="350">
        <v>0</v>
      </c>
      <c r="MF33" s="348">
        <v>0</v>
      </c>
      <c r="MG33" s="345">
        <v>0</v>
      </c>
      <c r="MH33" s="349">
        <v>0</v>
      </c>
      <c r="MI33" s="404">
        <v>0</v>
      </c>
      <c r="MJ33" s="345">
        <v>0</v>
      </c>
      <c r="MK33" s="345">
        <v>0</v>
      </c>
      <c r="ML33" s="345">
        <v>0</v>
      </c>
      <c r="MM33" s="345">
        <v>0</v>
      </c>
      <c r="MN33" s="345">
        <v>0</v>
      </c>
      <c r="MO33" s="349">
        <v>0</v>
      </c>
      <c r="MP33" s="354">
        <v>0</v>
      </c>
      <c r="MQ33" s="348">
        <v>0</v>
      </c>
      <c r="MR33" s="345">
        <v>0</v>
      </c>
      <c r="MS33" s="349">
        <v>0</v>
      </c>
      <c r="MT33" s="404">
        <v>0</v>
      </c>
      <c r="MU33" s="345">
        <v>0</v>
      </c>
      <c r="MV33" s="345">
        <v>0</v>
      </c>
      <c r="MW33" s="345">
        <v>0</v>
      </c>
      <c r="MX33" s="345">
        <v>0</v>
      </c>
      <c r="MY33" s="345">
        <v>0</v>
      </c>
      <c r="MZ33" s="349">
        <v>0</v>
      </c>
      <c r="NA33" s="354">
        <v>0</v>
      </c>
      <c r="NB33" s="348">
        <v>0</v>
      </c>
      <c r="NC33" s="345">
        <v>0</v>
      </c>
      <c r="ND33" s="349">
        <v>0</v>
      </c>
      <c r="NE33" s="404">
        <v>0</v>
      </c>
      <c r="NF33" s="345">
        <v>0</v>
      </c>
      <c r="NG33" s="345">
        <v>0</v>
      </c>
      <c r="NH33" s="345">
        <v>0</v>
      </c>
      <c r="NI33" s="345">
        <v>0</v>
      </c>
      <c r="NJ33" s="345">
        <v>0</v>
      </c>
      <c r="NK33" s="349">
        <v>0</v>
      </c>
      <c r="NL33" s="347">
        <v>0</v>
      </c>
      <c r="NM33" s="348">
        <v>0</v>
      </c>
      <c r="NN33" s="345">
        <v>0</v>
      </c>
      <c r="NO33" s="349">
        <v>0</v>
      </c>
      <c r="NP33" s="404">
        <v>0</v>
      </c>
      <c r="NQ33" s="345">
        <v>0</v>
      </c>
      <c r="NR33" s="345">
        <v>0</v>
      </c>
      <c r="NS33" s="345">
        <v>0</v>
      </c>
      <c r="NT33" s="345">
        <v>0</v>
      </c>
      <c r="NU33" s="345">
        <v>0</v>
      </c>
      <c r="NV33" s="349">
        <v>0</v>
      </c>
      <c r="NW33" s="350">
        <v>0</v>
      </c>
      <c r="NX33" s="348">
        <v>0</v>
      </c>
      <c r="NY33" s="345">
        <v>0</v>
      </c>
      <c r="NZ33" s="349">
        <v>0</v>
      </c>
      <c r="OA33" s="404">
        <v>0</v>
      </c>
      <c r="OB33" s="345">
        <v>0</v>
      </c>
      <c r="OC33" s="345">
        <v>0</v>
      </c>
      <c r="OD33" s="345">
        <v>0</v>
      </c>
      <c r="OE33" s="345">
        <v>0</v>
      </c>
      <c r="OF33" s="345">
        <v>0</v>
      </c>
      <c r="OG33" s="349">
        <v>0</v>
      </c>
      <c r="OH33" s="350">
        <v>0</v>
      </c>
      <c r="OI33" s="348">
        <v>0</v>
      </c>
      <c r="OJ33" s="345">
        <v>31955</v>
      </c>
      <c r="OK33" s="346">
        <v>31955</v>
      </c>
      <c r="OL33" s="351">
        <v>0</v>
      </c>
      <c r="OM33" s="345">
        <v>191068</v>
      </c>
      <c r="ON33" s="345">
        <v>433436</v>
      </c>
      <c r="OO33" s="345">
        <v>784616</v>
      </c>
      <c r="OP33" s="345">
        <v>318054</v>
      </c>
      <c r="OQ33" s="345">
        <v>253814</v>
      </c>
      <c r="OR33" s="349">
        <v>1980988</v>
      </c>
      <c r="OS33" s="354">
        <v>2012943</v>
      </c>
    </row>
    <row r="34" spans="2:409" s="70" customFormat="1" ht="21" customHeight="1" x14ac:dyDescent="0.2">
      <c r="B34" s="106" t="s">
        <v>29</v>
      </c>
      <c r="C34" s="326">
        <v>73635</v>
      </c>
      <c r="D34" s="327">
        <v>91739</v>
      </c>
      <c r="E34" s="328">
        <v>165374</v>
      </c>
      <c r="F34" s="329">
        <v>0</v>
      </c>
      <c r="G34" s="327">
        <v>307841</v>
      </c>
      <c r="H34" s="327">
        <v>433821</v>
      </c>
      <c r="I34" s="327">
        <v>285315</v>
      </c>
      <c r="J34" s="327">
        <v>490299</v>
      </c>
      <c r="K34" s="327">
        <v>201908</v>
      </c>
      <c r="L34" s="367">
        <v>1719184</v>
      </c>
      <c r="M34" s="330">
        <v>1884558</v>
      </c>
      <c r="N34" s="326">
        <v>26747</v>
      </c>
      <c r="O34" s="327">
        <v>79139</v>
      </c>
      <c r="P34" s="328">
        <v>105886</v>
      </c>
      <c r="Q34" s="326">
        <v>0</v>
      </c>
      <c r="R34" s="327">
        <v>147306</v>
      </c>
      <c r="S34" s="327">
        <v>255121</v>
      </c>
      <c r="T34" s="327">
        <v>123904</v>
      </c>
      <c r="U34" s="327">
        <v>206752</v>
      </c>
      <c r="V34" s="327">
        <v>0</v>
      </c>
      <c r="W34" s="328">
        <v>733083</v>
      </c>
      <c r="X34" s="330">
        <v>838969</v>
      </c>
      <c r="Y34" s="326">
        <v>0</v>
      </c>
      <c r="Z34" s="327">
        <v>0</v>
      </c>
      <c r="AA34" s="328">
        <v>0</v>
      </c>
      <c r="AB34" s="326">
        <v>0</v>
      </c>
      <c r="AC34" s="327">
        <v>47000</v>
      </c>
      <c r="AD34" s="327">
        <v>170021</v>
      </c>
      <c r="AE34" s="327">
        <v>0</v>
      </c>
      <c r="AF34" s="327">
        <v>109112</v>
      </c>
      <c r="AG34" s="327">
        <v>0</v>
      </c>
      <c r="AH34" s="328">
        <v>326133</v>
      </c>
      <c r="AI34" s="330">
        <v>326133</v>
      </c>
      <c r="AJ34" s="326">
        <v>0</v>
      </c>
      <c r="AK34" s="327">
        <v>0</v>
      </c>
      <c r="AL34" s="328">
        <v>0</v>
      </c>
      <c r="AM34" s="326">
        <v>0</v>
      </c>
      <c r="AN34" s="327">
        <v>0</v>
      </c>
      <c r="AO34" s="327">
        <v>0</v>
      </c>
      <c r="AP34" s="327">
        <v>0</v>
      </c>
      <c r="AQ34" s="327">
        <v>0</v>
      </c>
      <c r="AR34" s="327">
        <v>0</v>
      </c>
      <c r="AS34" s="328">
        <v>0</v>
      </c>
      <c r="AT34" s="330">
        <v>0</v>
      </c>
      <c r="AU34" s="326">
        <v>26747</v>
      </c>
      <c r="AV34" s="327">
        <v>52199</v>
      </c>
      <c r="AW34" s="328">
        <v>78946</v>
      </c>
      <c r="AX34" s="326">
        <v>0</v>
      </c>
      <c r="AY34" s="327">
        <v>83191</v>
      </c>
      <c r="AZ34" s="327">
        <v>71814</v>
      </c>
      <c r="BA34" s="327">
        <v>123904</v>
      </c>
      <c r="BB34" s="327">
        <v>0</v>
      </c>
      <c r="BC34" s="327">
        <v>0</v>
      </c>
      <c r="BD34" s="328">
        <v>278909</v>
      </c>
      <c r="BE34" s="330">
        <v>357855</v>
      </c>
      <c r="BF34" s="326">
        <v>0</v>
      </c>
      <c r="BG34" s="327">
        <v>26940</v>
      </c>
      <c r="BH34" s="331">
        <v>26940</v>
      </c>
      <c r="BI34" s="332">
        <v>0</v>
      </c>
      <c r="BJ34" s="327">
        <v>0</v>
      </c>
      <c r="BK34" s="327">
        <v>0</v>
      </c>
      <c r="BL34" s="327">
        <v>0</v>
      </c>
      <c r="BM34" s="327">
        <v>77389</v>
      </c>
      <c r="BN34" s="327">
        <v>0</v>
      </c>
      <c r="BO34" s="328">
        <v>77389</v>
      </c>
      <c r="BP34" s="330">
        <v>104329</v>
      </c>
      <c r="BQ34" s="326">
        <v>0</v>
      </c>
      <c r="BR34" s="327">
        <v>0</v>
      </c>
      <c r="BS34" s="328">
        <v>0</v>
      </c>
      <c r="BT34" s="326">
        <v>0</v>
      </c>
      <c r="BU34" s="327">
        <v>17115</v>
      </c>
      <c r="BV34" s="327">
        <v>13286</v>
      </c>
      <c r="BW34" s="327">
        <v>0</v>
      </c>
      <c r="BX34" s="327">
        <v>20251</v>
      </c>
      <c r="BY34" s="327">
        <v>0</v>
      </c>
      <c r="BZ34" s="328">
        <v>50652</v>
      </c>
      <c r="CA34" s="330">
        <v>50652</v>
      </c>
      <c r="CB34" s="326">
        <v>0</v>
      </c>
      <c r="CC34" s="327">
        <v>0</v>
      </c>
      <c r="CD34" s="328">
        <v>0</v>
      </c>
      <c r="CE34" s="326">
        <v>0</v>
      </c>
      <c r="CF34" s="327">
        <v>156685</v>
      </c>
      <c r="CG34" s="327">
        <v>17304</v>
      </c>
      <c r="CH34" s="327">
        <v>114133</v>
      </c>
      <c r="CI34" s="327">
        <v>85104</v>
      </c>
      <c r="CJ34" s="327">
        <v>0</v>
      </c>
      <c r="CK34" s="328">
        <v>373226</v>
      </c>
      <c r="CL34" s="330">
        <v>373226</v>
      </c>
      <c r="CM34" s="326">
        <v>0</v>
      </c>
      <c r="CN34" s="327">
        <v>0</v>
      </c>
      <c r="CO34" s="328">
        <v>0</v>
      </c>
      <c r="CP34" s="332">
        <v>0</v>
      </c>
      <c r="CQ34" s="327">
        <v>100604</v>
      </c>
      <c r="CR34" s="327">
        <v>17304</v>
      </c>
      <c r="CS34" s="327">
        <v>0</v>
      </c>
      <c r="CT34" s="327">
        <v>0</v>
      </c>
      <c r="CU34" s="327">
        <v>0</v>
      </c>
      <c r="CV34" s="328">
        <v>117908</v>
      </c>
      <c r="CW34" s="330">
        <v>117908</v>
      </c>
      <c r="CX34" s="326">
        <v>0</v>
      </c>
      <c r="CY34" s="327">
        <v>0</v>
      </c>
      <c r="CZ34" s="328">
        <v>0</v>
      </c>
      <c r="DA34" s="326">
        <v>0</v>
      </c>
      <c r="DB34" s="327">
        <v>56081</v>
      </c>
      <c r="DC34" s="327">
        <v>0</v>
      </c>
      <c r="DD34" s="327">
        <v>114133</v>
      </c>
      <c r="DE34" s="327">
        <v>85104</v>
      </c>
      <c r="DF34" s="327">
        <v>0</v>
      </c>
      <c r="DG34" s="328">
        <v>255318</v>
      </c>
      <c r="DH34" s="330">
        <v>255318</v>
      </c>
      <c r="DI34" s="326">
        <v>0</v>
      </c>
      <c r="DJ34" s="327">
        <v>0</v>
      </c>
      <c r="DK34" s="331">
        <v>0</v>
      </c>
      <c r="DL34" s="332">
        <v>0</v>
      </c>
      <c r="DM34" s="327">
        <v>0</v>
      </c>
      <c r="DN34" s="327">
        <v>0</v>
      </c>
      <c r="DO34" s="327">
        <v>0</v>
      </c>
      <c r="DP34" s="327">
        <v>0</v>
      </c>
      <c r="DQ34" s="327">
        <v>0</v>
      </c>
      <c r="DR34" s="328">
        <v>0</v>
      </c>
      <c r="DS34" s="330">
        <v>0</v>
      </c>
      <c r="DT34" s="326">
        <v>0</v>
      </c>
      <c r="DU34" s="327">
        <v>0</v>
      </c>
      <c r="DV34" s="328">
        <v>0</v>
      </c>
      <c r="DW34" s="326">
        <v>0</v>
      </c>
      <c r="DX34" s="327">
        <v>0</v>
      </c>
      <c r="DY34" s="327">
        <v>0</v>
      </c>
      <c r="DZ34" s="327">
        <v>0</v>
      </c>
      <c r="EA34" s="327">
        <v>0</v>
      </c>
      <c r="EB34" s="327">
        <v>0</v>
      </c>
      <c r="EC34" s="328">
        <v>0</v>
      </c>
      <c r="ED34" s="330">
        <v>0</v>
      </c>
      <c r="EE34" s="326">
        <v>0</v>
      </c>
      <c r="EF34" s="331">
        <v>0</v>
      </c>
      <c r="EG34" s="328">
        <v>0</v>
      </c>
      <c r="EH34" s="326">
        <v>0</v>
      </c>
      <c r="EI34" s="327">
        <v>0</v>
      </c>
      <c r="EJ34" s="327">
        <v>0</v>
      </c>
      <c r="EK34" s="327">
        <v>0</v>
      </c>
      <c r="EL34" s="327">
        <v>0</v>
      </c>
      <c r="EM34" s="327">
        <v>0</v>
      </c>
      <c r="EN34" s="331">
        <v>0</v>
      </c>
      <c r="EO34" s="330">
        <v>0</v>
      </c>
      <c r="EP34" s="326">
        <v>0</v>
      </c>
      <c r="EQ34" s="327">
        <v>0</v>
      </c>
      <c r="ER34" s="331">
        <v>0</v>
      </c>
      <c r="ES34" s="332">
        <v>0</v>
      </c>
      <c r="ET34" s="327">
        <v>0</v>
      </c>
      <c r="EU34" s="327">
        <v>0</v>
      </c>
      <c r="EV34" s="327">
        <v>0</v>
      </c>
      <c r="EW34" s="327">
        <v>0</v>
      </c>
      <c r="EX34" s="327">
        <v>0</v>
      </c>
      <c r="EY34" s="328">
        <v>0</v>
      </c>
      <c r="EZ34" s="330">
        <v>0</v>
      </c>
      <c r="FA34" s="326">
        <v>0</v>
      </c>
      <c r="FB34" s="327">
        <v>0</v>
      </c>
      <c r="FC34" s="331">
        <v>0</v>
      </c>
      <c r="FD34" s="404">
        <v>0</v>
      </c>
      <c r="FE34" s="327">
        <v>0</v>
      </c>
      <c r="FF34" s="327">
        <v>0</v>
      </c>
      <c r="FG34" s="327">
        <v>0</v>
      </c>
      <c r="FH34" s="327">
        <v>0</v>
      </c>
      <c r="FI34" s="327">
        <v>0</v>
      </c>
      <c r="FJ34" s="328">
        <v>0</v>
      </c>
      <c r="FK34" s="330">
        <v>0</v>
      </c>
      <c r="FL34" s="326">
        <v>0</v>
      </c>
      <c r="FM34" s="327">
        <v>12600</v>
      </c>
      <c r="FN34" s="328">
        <v>12600</v>
      </c>
      <c r="FO34" s="326">
        <v>0</v>
      </c>
      <c r="FP34" s="327">
        <v>3850</v>
      </c>
      <c r="FQ34" s="327">
        <v>42784</v>
      </c>
      <c r="FR34" s="327">
        <v>47278</v>
      </c>
      <c r="FS34" s="327">
        <v>57666</v>
      </c>
      <c r="FT34" s="327">
        <v>0</v>
      </c>
      <c r="FU34" s="328">
        <v>151578</v>
      </c>
      <c r="FV34" s="330">
        <v>164178</v>
      </c>
      <c r="FW34" s="333">
        <v>0</v>
      </c>
      <c r="FX34" s="327">
        <v>12600</v>
      </c>
      <c r="FY34" s="331">
        <v>12600</v>
      </c>
      <c r="FZ34" s="332">
        <v>0</v>
      </c>
      <c r="GA34" s="327">
        <v>3850</v>
      </c>
      <c r="GB34" s="327">
        <v>42784</v>
      </c>
      <c r="GC34" s="327">
        <v>47278</v>
      </c>
      <c r="GD34" s="327">
        <v>57666</v>
      </c>
      <c r="GE34" s="327">
        <v>0</v>
      </c>
      <c r="GF34" s="328">
        <v>151578</v>
      </c>
      <c r="GG34" s="334">
        <v>164178</v>
      </c>
      <c r="GH34" s="333">
        <v>0</v>
      </c>
      <c r="GI34" s="327">
        <v>0</v>
      </c>
      <c r="GJ34" s="331">
        <v>0</v>
      </c>
      <c r="GK34" s="332">
        <v>0</v>
      </c>
      <c r="GL34" s="327">
        <v>0</v>
      </c>
      <c r="GM34" s="327">
        <v>0</v>
      </c>
      <c r="GN34" s="327">
        <v>0</v>
      </c>
      <c r="GO34" s="327">
        <v>0</v>
      </c>
      <c r="GP34" s="327">
        <v>0</v>
      </c>
      <c r="GQ34" s="328">
        <v>0</v>
      </c>
      <c r="GR34" s="330">
        <v>0</v>
      </c>
      <c r="GS34" s="326">
        <v>0</v>
      </c>
      <c r="GT34" s="327">
        <v>0</v>
      </c>
      <c r="GU34" s="328">
        <v>0</v>
      </c>
      <c r="GV34" s="326">
        <v>0</v>
      </c>
      <c r="GW34" s="327">
        <v>0</v>
      </c>
      <c r="GX34" s="327">
        <v>0</v>
      </c>
      <c r="GY34" s="327">
        <v>0</v>
      </c>
      <c r="GZ34" s="327">
        <v>0</v>
      </c>
      <c r="HA34" s="327">
        <v>0</v>
      </c>
      <c r="HB34" s="331">
        <v>0</v>
      </c>
      <c r="HC34" s="330">
        <v>0</v>
      </c>
      <c r="HD34" s="326">
        <v>46888</v>
      </c>
      <c r="HE34" s="327">
        <v>0</v>
      </c>
      <c r="HF34" s="331">
        <v>46888</v>
      </c>
      <c r="HG34" s="332">
        <v>0</v>
      </c>
      <c r="HH34" s="327">
        <v>0</v>
      </c>
      <c r="HI34" s="327">
        <v>118612</v>
      </c>
      <c r="HJ34" s="327">
        <v>0</v>
      </c>
      <c r="HK34" s="327">
        <v>140777</v>
      </c>
      <c r="HL34" s="327">
        <v>201908</v>
      </c>
      <c r="HM34" s="328">
        <v>461297</v>
      </c>
      <c r="HN34" s="329">
        <v>508185</v>
      </c>
      <c r="HO34" s="333">
        <v>0</v>
      </c>
      <c r="HP34" s="327">
        <v>0</v>
      </c>
      <c r="HQ34" s="328">
        <v>0</v>
      </c>
      <c r="HR34" s="326">
        <v>0</v>
      </c>
      <c r="HS34" s="327">
        <v>0</v>
      </c>
      <c r="HT34" s="327">
        <v>0</v>
      </c>
      <c r="HU34" s="327">
        <v>0</v>
      </c>
      <c r="HV34" s="327">
        <v>0</v>
      </c>
      <c r="HW34" s="327">
        <v>0</v>
      </c>
      <c r="HX34" s="331">
        <v>0</v>
      </c>
      <c r="HY34" s="330">
        <v>0</v>
      </c>
      <c r="HZ34" s="358">
        <v>0</v>
      </c>
      <c r="IA34" s="356">
        <v>0</v>
      </c>
      <c r="IB34" s="358">
        <v>0</v>
      </c>
      <c r="IC34" s="355">
        <v>0</v>
      </c>
      <c r="ID34" s="356">
        <v>321643</v>
      </c>
      <c r="IE34" s="357">
        <v>317863</v>
      </c>
      <c r="IF34" s="358">
        <v>56721</v>
      </c>
      <c r="IG34" s="356">
        <v>242088</v>
      </c>
      <c r="IH34" s="358">
        <v>0</v>
      </c>
      <c r="II34" s="359">
        <v>938315</v>
      </c>
      <c r="IJ34" s="358">
        <v>938315</v>
      </c>
      <c r="IK34" s="342">
        <v>0</v>
      </c>
      <c r="IL34" s="343">
        <v>0</v>
      </c>
      <c r="IM34" s="344">
        <v>0</v>
      </c>
      <c r="IN34" s="404">
        <v>0</v>
      </c>
      <c r="IO34" s="345">
        <v>53403</v>
      </c>
      <c r="IP34" s="345">
        <v>0</v>
      </c>
      <c r="IQ34" s="345">
        <v>0</v>
      </c>
      <c r="IR34" s="345">
        <v>0</v>
      </c>
      <c r="IS34" s="345">
        <v>0</v>
      </c>
      <c r="IT34" s="346">
        <v>53403</v>
      </c>
      <c r="IU34" s="347">
        <v>53403</v>
      </c>
      <c r="IV34" s="348">
        <v>0</v>
      </c>
      <c r="IW34" s="345">
        <v>0</v>
      </c>
      <c r="IX34" s="349">
        <v>0</v>
      </c>
      <c r="IY34" s="404">
        <v>0</v>
      </c>
      <c r="IZ34" s="345">
        <v>0</v>
      </c>
      <c r="JA34" s="345">
        <v>0</v>
      </c>
      <c r="JB34" s="345">
        <v>0</v>
      </c>
      <c r="JC34" s="345">
        <v>0</v>
      </c>
      <c r="JD34" s="345">
        <v>0</v>
      </c>
      <c r="JE34" s="349">
        <v>0</v>
      </c>
      <c r="JF34" s="350">
        <v>0</v>
      </c>
      <c r="JG34" s="348">
        <v>0</v>
      </c>
      <c r="JH34" s="345">
        <v>0</v>
      </c>
      <c r="JI34" s="346">
        <v>0</v>
      </c>
      <c r="JJ34" s="351">
        <v>0</v>
      </c>
      <c r="JK34" s="345">
        <v>33096</v>
      </c>
      <c r="JL34" s="345">
        <v>0</v>
      </c>
      <c r="JM34" s="345">
        <v>56721</v>
      </c>
      <c r="JN34" s="345">
        <v>0</v>
      </c>
      <c r="JO34" s="345">
        <v>0</v>
      </c>
      <c r="JP34" s="349">
        <v>89817</v>
      </c>
      <c r="JQ34" s="347">
        <v>89817</v>
      </c>
      <c r="JR34" s="348">
        <v>0</v>
      </c>
      <c r="JS34" s="345">
        <v>0</v>
      </c>
      <c r="JT34" s="346">
        <v>0</v>
      </c>
      <c r="JU34" s="351">
        <v>0</v>
      </c>
      <c r="JV34" s="345">
        <v>0</v>
      </c>
      <c r="JW34" s="345">
        <v>0</v>
      </c>
      <c r="JX34" s="345">
        <v>0</v>
      </c>
      <c r="JY34" s="345">
        <v>0</v>
      </c>
      <c r="JZ34" s="345">
        <v>0</v>
      </c>
      <c r="KA34" s="349">
        <v>0</v>
      </c>
      <c r="KB34" s="347">
        <v>0</v>
      </c>
      <c r="KC34" s="352">
        <v>0</v>
      </c>
      <c r="KD34" s="353">
        <v>0</v>
      </c>
      <c r="KE34" s="349">
        <v>0</v>
      </c>
      <c r="KF34" s="351">
        <v>0</v>
      </c>
      <c r="KG34" s="345">
        <v>235144</v>
      </c>
      <c r="KH34" s="345">
        <v>317863</v>
      </c>
      <c r="KI34" s="345">
        <v>0</v>
      </c>
      <c r="KJ34" s="345">
        <v>0</v>
      </c>
      <c r="KK34" s="345">
        <v>0</v>
      </c>
      <c r="KL34" s="349">
        <v>553007</v>
      </c>
      <c r="KM34" s="354">
        <v>553007</v>
      </c>
      <c r="KN34" s="342">
        <v>0</v>
      </c>
      <c r="KO34" s="343">
        <v>0</v>
      </c>
      <c r="KP34" s="344">
        <v>0</v>
      </c>
      <c r="KQ34" s="404">
        <v>0</v>
      </c>
      <c r="KR34" s="345">
        <v>0</v>
      </c>
      <c r="KS34" s="345">
        <v>0</v>
      </c>
      <c r="KT34" s="345">
        <v>0</v>
      </c>
      <c r="KU34" s="345">
        <v>0</v>
      </c>
      <c r="KV34" s="345">
        <v>0</v>
      </c>
      <c r="KW34" s="349">
        <v>0</v>
      </c>
      <c r="KX34" s="347">
        <v>0</v>
      </c>
      <c r="KY34" s="348">
        <v>0</v>
      </c>
      <c r="KZ34" s="345">
        <v>0</v>
      </c>
      <c r="LA34" s="349">
        <v>0</v>
      </c>
      <c r="LB34" s="404">
        <v>0</v>
      </c>
      <c r="LC34" s="345">
        <v>0</v>
      </c>
      <c r="LD34" s="345">
        <v>0</v>
      </c>
      <c r="LE34" s="345">
        <v>0</v>
      </c>
      <c r="LF34" s="345">
        <v>0</v>
      </c>
      <c r="LG34" s="345">
        <v>0</v>
      </c>
      <c r="LH34" s="349">
        <v>0</v>
      </c>
      <c r="LI34" s="350">
        <v>0</v>
      </c>
      <c r="LJ34" s="348">
        <v>0</v>
      </c>
      <c r="LK34" s="345">
        <v>0</v>
      </c>
      <c r="LL34" s="349">
        <v>0</v>
      </c>
      <c r="LM34" s="404">
        <v>0</v>
      </c>
      <c r="LN34" s="345">
        <v>0</v>
      </c>
      <c r="LO34" s="345">
        <v>0</v>
      </c>
      <c r="LP34" s="345">
        <v>0</v>
      </c>
      <c r="LQ34" s="345">
        <v>242088</v>
      </c>
      <c r="LR34" s="345">
        <v>0</v>
      </c>
      <c r="LS34" s="349">
        <v>242088</v>
      </c>
      <c r="LT34" s="347">
        <v>242088</v>
      </c>
      <c r="LU34" s="348">
        <v>0</v>
      </c>
      <c r="LV34" s="345">
        <v>0</v>
      </c>
      <c r="LW34" s="349">
        <v>0</v>
      </c>
      <c r="LX34" s="404">
        <v>0</v>
      </c>
      <c r="LY34" s="345">
        <v>0</v>
      </c>
      <c r="LZ34" s="345">
        <v>0</v>
      </c>
      <c r="MA34" s="345">
        <v>0</v>
      </c>
      <c r="MB34" s="345">
        <v>0</v>
      </c>
      <c r="MC34" s="345">
        <v>0</v>
      </c>
      <c r="MD34" s="349">
        <v>0</v>
      </c>
      <c r="ME34" s="350">
        <v>0</v>
      </c>
      <c r="MF34" s="348">
        <v>0</v>
      </c>
      <c r="MG34" s="345">
        <v>0</v>
      </c>
      <c r="MH34" s="349">
        <v>0</v>
      </c>
      <c r="MI34" s="404">
        <v>0</v>
      </c>
      <c r="MJ34" s="345">
        <v>0</v>
      </c>
      <c r="MK34" s="345">
        <v>0</v>
      </c>
      <c r="ML34" s="345">
        <v>0</v>
      </c>
      <c r="MM34" s="345">
        <v>250926</v>
      </c>
      <c r="MN34" s="345">
        <v>268286</v>
      </c>
      <c r="MO34" s="349">
        <v>519212</v>
      </c>
      <c r="MP34" s="354">
        <v>519212</v>
      </c>
      <c r="MQ34" s="348">
        <v>0</v>
      </c>
      <c r="MR34" s="345">
        <v>0</v>
      </c>
      <c r="MS34" s="349">
        <v>0</v>
      </c>
      <c r="MT34" s="404">
        <v>0</v>
      </c>
      <c r="MU34" s="345">
        <v>0</v>
      </c>
      <c r="MV34" s="345">
        <v>0</v>
      </c>
      <c r="MW34" s="345">
        <v>0</v>
      </c>
      <c r="MX34" s="345">
        <v>250926</v>
      </c>
      <c r="MY34" s="345">
        <v>0</v>
      </c>
      <c r="MZ34" s="349">
        <v>250926</v>
      </c>
      <c r="NA34" s="354">
        <v>250926</v>
      </c>
      <c r="NB34" s="348">
        <v>0</v>
      </c>
      <c r="NC34" s="345">
        <v>0</v>
      </c>
      <c r="ND34" s="349">
        <v>0</v>
      </c>
      <c r="NE34" s="404">
        <v>0</v>
      </c>
      <c r="NF34" s="345">
        <v>0</v>
      </c>
      <c r="NG34" s="345">
        <v>0</v>
      </c>
      <c r="NH34" s="345">
        <v>0</v>
      </c>
      <c r="NI34" s="345">
        <v>0</v>
      </c>
      <c r="NJ34" s="345">
        <v>268286</v>
      </c>
      <c r="NK34" s="349">
        <v>268286</v>
      </c>
      <c r="NL34" s="347">
        <v>268286</v>
      </c>
      <c r="NM34" s="348">
        <v>0</v>
      </c>
      <c r="NN34" s="345">
        <v>0</v>
      </c>
      <c r="NO34" s="349">
        <v>0</v>
      </c>
      <c r="NP34" s="404">
        <v>0</v>
      </c>
      <c r="NQ34" s="345">
        <v>0</v>
      </c>
      <c r="NR34" s="345">
        <v>0</v>
      </c>
      <c r="NS34" s="345">
        <v>0</v>
      </c>
      <c r="NT34" s="345">
        <v>0</v>
      </c>
      <c r="NU34" s="345">
        <v>0</v>
      </c>
      <c r="NV34" s="349">
        <v>0</v>
      </c>
      <c r="NW34" s="350">
        <v>0</v>
      </c>
      <c r="NX34" s="348">
        <v>0</v>
      </c>
      <c r="NY34" s="345">
        <v>0</v>
      </c>
      <c r="NZ34" s="349">
        <v>0</v>
      </c>
      <c r="OA34" s="404">
        <v>0</v>
      </c>
      <c r="OB34" s="345">
        <v>0</v>
      </c>
      <c r="OC34" s="345">
        <v>0</v>
      </c>
      <c r="OD34" s="345">
        <v>0</v>
      </c>
      <c r="OE34" s="345">
        <v>0</v>
      </c>
      <c r="OF34" s="345">
        <v>0</v>
      </c>
      <c r="OG34" s="349">
        <v>0</v>
      </c>
      <c r="OH34" s="350">
        <v>0</v>
      </c>
      <c r="OI34" s="348">
        <v>73635</v>
      </c>
      <c r="OJ34" s="345">
        <v>91739</v>
      </c>
      <c r="OK34" s="346">
        <v>165374</v>
      </c>
      <c r="OL34" s="351">
        <v>0</v>
      </c>
      <c r="OM34" s="345">
        <v>629484</v>
      </c>
      <c r="ON34" s="345">
        <v>751684</v>
      </c>
      <c r="OO34" s="345">
        <v>342036</v>
      </c>
      <c r="OP34" s="345">
        <v>983313</v>
      </c>
      <c r="OQ34" s="345">
        <v>470194</v>
      </c>
      <c r="OR34" s="349">
        <v>3176711</v>
      </c>
      <c r="OS34" s="354">
        <v>3342085</v>
      </c>
    </row>
    <row r="35" spans="2:409" s="70" customFormat="1" ht="21" customHeight="1" x14ac:dyDescent="0.2">
      <c r="B35" s="106" t="s">
        <v>30</v>
      </c>
      <c r="C35" s="326">
        <v>8610</v>
      </c>
      <c r="D35" s="327">
        <v>0</v>
      </c>
      <c r="E35" s="368">
        <v>8610</v>
      </c>
      <c r="F35" s="370">
        <v>0</v>
      </c>
      <c r="G35" s="369">
        <v>548571</v>
      </c>
      <c r="H35" s="369">
        <v>380119</v>
      </c>
      <c r="I35" s="369">
        <v>457418</v>
      </c>
      <c r="J35" s="369">
        <v>47235</v>
      </c>
      <c r="K35" s="369">
        <v>0</v>
      </c>
      <c r="L35" s="370">
        <v>1433343</v>
      </c>
      <c r="M35" s="330">
        <v>1441953</v>
      </c>
      <c r="N35" s="326">
        <v>0</v>
      </c>
      <c r="O35" s="327">
        <v>0</v>
      </c>
      <c r="P35" s="328">
        <v>0</v>
      </c>
      <c r="Q35" s="326">
        <v>0</v>
      </c>
      <c r="R35" s="327">
        <v>196980</v>
      </c>
      <c r="S35" s="327">
        <v>149564</v>
      </c>
      <c r="T35" s="327">
        <v>214048</v>
      </c>
      <c r="U35" s="327">
        <v>0</v>
      </c>
      <c r="V35" s="327">
        <v>0</v>
      </c>
      <c r="W35" s="328">
        <v>560592</v>
      </c>
      <c r="X35" s="330">
        <v>560592</v>
      </c>
      <c r="Y35" s="326">
        <v>0</v>
      </c>
      <c r="Z35" s="327">
        <v>0</v>
      </c>
      <c r="AA35" s="328">
        <v>0</v>
      </c>
      <c r="AB35" s="326">
        <v>0</v>
      </c>
      <c r="AC35" s="327">
        <v>43601</v>
      </c>
      <c r="AD35" s="327">
        <v>71153</v>
      </c>
      <c r="AE35" s="327">
        <v>119161</v>
      </c>
      <c r="AF35" s="327">
        <v>0</v>
      </c>
      <c r="AG35" s="327">
        <v>0</v>
      </c>
      <c r="AH35" s="328">
        <v>233915</v>
      </c>
      <c r="AI35" s="330">
        <v>233915</v>
      </c>
      <c r="AJ35" s="326">
        <v>0</v>
      </c>
      <c r="AK35" s="327">
        <v>0</v>
      </c>
      <c r="AL35" s="328">
        <v>0</v>
      </c>
      <c r="AM35" s="326">
        <v>0</v>
      </c>
      <c r="AN35" s="327">
        <v>0</v>
      </c>
      <c r="AO35" s="327">
        <v>0</v>
      </c>
      <c r="AP35" s="327">
        <v>51494</v>
      </c>
      <c r="AQ35" s="327">
        <v>0</v>
      </c>
      <c r="AR35" s="327">
        <v>0</v>
      </c>
      <c r="AS35" s="328">
        <v>51494</v>
      </c>
      <c r="AT35" s="330">
        <v>51494</v>
      </c>
      <c r="AU35" s="326">
        <v>0</v>
      </c>
      <c r="AV35" s="327">
        <v>0</v>
      </c>
      <c r="AW35" s="328">
        <v>0</v>
      </c>
      <c r="AX35" s="326">
        <v>0</v>
      </c>
      <c r="AY35" s="327">
        <v>99080</v>
      </c>
      <c r="AZ35" s="327">
        <v>23818</v>
      </c>
      <c r="BA35" s="327">
        <v>34965</v>
      </c>
      <c r="BB35" s="327">
        <v>0</v>
      </c>
      <c r="BC35" s="327">
        <v>0</v>
      </c>
      <c r="BD35" s="328">
        <v>157863</v>
      </c>
      <c r="BE35" s="330">
        <v>157863</v>
      </c>
      <c r="BF35" s="326">
        <v>0</v>
      </c>
      <c r="BG35" s="327">
        <v>0</v>
      </c>
      <c r="BH35" s="331">
        <v>0</v>
      </c>
      <c r="BI35" s="332">
        <v>0</v>
      </c>
      <c r="BJ35" s="327">
        <v>0</v>
      </c>
      <c r="BK35" s="327">
        <v>37359</v>
      </c>
      <c r="BL35" s="327">
        <v>0</v>
      </c>
      <c r="BM35" s="327">
        <v>0</v>
      </c>
      <c r="BN35" s="327">
        <v>0</v>
      </c>
      <c r="BO35" s="328">
        <v>37359</v>
      </c>
      <c r="BP35" s="330">
        <v>37359</v>
      </c>
      <c r="BQ35" s="326">
        <v>0</v>
      </c>
      <c r="BR35" s="327">
        <v>0</v>
      </c>
      <c r="BS35" s="328">
        <v>0</v>
      </c>
      <c r="BT35" s="326">
        <v>0</v>
      </c>
      <c r="BU35" s="327">
        <v>54299</v>
      </c>
      <c r="BV35" s="327">
        <v>17234</v>
      </c>
      <c r="BW35" s="327">
        <v>8428</v>
      </c>
      <c r="BX35" s="327">
        <v>0</v>
      </c>
      <c r="BY35" s="327">
        <v>0</v>
      </c>
      <c r="BZ35" s="328">
        <v>79961</v>
      </c>
      <c r="CA35" s="330">
        <v>79961</v>
      </c>
      <c r="CB35" s="326">
        <v>0</v>
      </c>
      <c r="CC35" s="327">
        <v>0</v>
      </c>
      <c r="CD35" s="328">
        <v>0</v>
      </c>
      <c r="CE35" s="326">
        <v>0</v>
      </c>
      <c r="CF35" s="327">
        <v>75128</v>
      </c>
      <c r="CG35" s="327">
        <v>15998</v>
      </c>
      <c r="CH35" s="327">
        <v>28686</v>
      </c>
      <c r="CI35" s="327">
        <v>17954</v>
      </c>
      <c r="CJ35" s="327">
        <v>0</v>
      </c>
      <c r="CK35" s="328">
        <v>137766</v>
      </c>
      <c r="CL35" s="330">
        <v>137766</v>
      </c>
      <c r="CM35" s="326">
        <v>0</v>
      </c>
      <c r="CN35" s="327">
        <v>0</v>
      </c>
      <c r="CO35" s="328">
        <v>0</v>
      </c>
      <c r="CP35" s="332">
        <v>0</v>
      </c>
      <c r="CQ35" s="327">
        <v>27318</v>
      </c>
      <c r="CR35" s="327">
        <v>15998</v>
      </c>
      <c r="CS35" s="327">
        <v>28686</v>
      </c>
      <c r="CT35" s="327">
        <v>0</v>
      </c>
      <c r="CU35" s="327">
        <v>0</v>
      </c>
      <c r="CV35" s="328">
        <v>72002</v>
      </c>
      <c r="CW35" s="330">
        <v>72002</v>
      </c>
      <c r="CX35" s="326">
        <v>0</v>
      </c>
      <c r="CY35" s="327">
        <v>0</v>
      </c>
      <c r="CZ35" s="328">
        <v>0</v>
      </c>
      <c r="DA35" s="326">
        <v>0</v>
      </c>
      <c r="DB35" s="327">
        <v>47810</v>
      </c>
      <c r="DC35" s="327">
        <v>0</v>
      </c>
      <c r="DD35" s="327">
        <v>0</v>
      </c>
      <c r="DE35" s="327">
        <v>17954</v>
      </c>
      <c r="DF35" s="327">
        <v>0</v>
      </c>
      <c r="DG35" s="328">
        <v>65764</v>
      </c>
      <c r="DH35" s="330">
        <v>65764</v>
      </c>
      <c r="DI35" s="326">
        <v>0</v>
      </c>
      <c r="DJ35" s="327">
        <v>0</v>
      </c>
      <c r="DK35" s="331">
        <v>0</v>
      </c>
      <c r="DL35" s="332">
        <v>0</v>
      </c>
      <c r="DM35" s="327">
        <v>0</v>
      </c>
      <c r="DN35" s="327">
        <v>14154</v>
      </c>
      <c r="DO35" s="327">
        <v>0</v>
      </c>
      <c r="DP35" s="327">
        <v>0</v>
      </c>
      <c r="DQ35" s="327">
        <v>0</v>
      </c>
      <c r="DR35" s="328">
        <v>14154</v>
      </c>
      <c r="DS35" s="330">
        <v>14154</v>
      </c>
      <c r="DT35" s="326">
        <v>0</v>
      </c>
      <c r="DU35" s="327">
        <v>0</v>
      </c>
      <c r="DV35" s="328">
        <v>0</v>
      </c>
      <c r="DW35" s="326">
        <v>0</v>
      </c>
      <c r="DX35" s="327">
        <v>0</v>
      </c>
      <c r="DY35" s="327">
        <v>14154</v>
      </c>
      <c r="DZ35" s="327">
        <v>0</v>
      </c>
      <c r="EA35" s="327">
        <v>0</v>
      </c>
      <c r="EB35" s="327">
        <v>0</v>
      </c>
      <c r="EC35" s="328">
        <v>14154</v>
      </c>
      <c r="ED35" s="330">
        <v>14154</v>
      </c>
      <c r="EE35" s="326">
        <v>0</v>
      </c>
      <c r="EF35" s="331">
        <v>0</v>
      </c>
      <c r="EG35" s="328">
        <v>0</v>
      </c>
      <c r="EH35" s="326">
        <v>0</v>
      </c>
      <c r="EI35" s="327">
        <v>0</v>
      </c>
      <c r="EJ35" s="327">
        <v>0</v>
      </c>
      <c r="EK35" s="327">
        <v>0</v>
      </c>
      <c r="EL35" s="327">
        <v>0</v>
      </c>
      <c r="EM35" s="327">
        <v>0</v>
      </c>
      <c r="EN35" s="331">
        <v>0</v>
      </c>
      <c r="EO35" s="330">
        <v>0</v>
      </c>
      <c r="EP35" s="326">
        <v>0</v>
      </c>
      <c r="EQ35" s="327">
        <v>0</v>
      </c>
      <c r="ER35" s="331">
        <v>0</v>
      </c>
      <c r="ES35" s="332">
        <v>0</v>
      </c>
      <c r="ET35" s="327">
        <v>0</v>
      </c>
      <c r="EU35" s="327">
        <v>0</v>
      </c>
      <c r="EV35" s="327">
        <v>0</v>
      </c>
      <c r="EW35" s="327">
        <v>0</v>
      </c>
      <c r="EX35" s="327">
        <v>0</v>
      </c>
      <c r="EY35" s="328">
        <v>0</v>
      </c>
      <c r="EZ35" s="330">
        <v>0</v>
      </c>
      <c r="FA35" s="326">
        <v>0</v>
      </c>
      <c r="FB35" s="327">
        <v>0</v>
      </c>
      <c r="FC35" s="331">
        <v>0</v>
      </c>
      <c r="FD35" s="404">
        <v>0</v>
      </c>
      <c r="FE35" s="327">
        <v>0</v>
      </c>
      <c r="FF35" s="327">
        <v>0</v>
      </c>
      <c r="FG35" s="327">
        <v>0</v>
      </c>
      <c r="FH35" s="327">
        <v>0</v>
      </c>
      <c r="FI35" s="327">
        <v>0</v>
      </c>
      <c r="FJ35" s="328">
        <v>0</v>
      </c>
      <c r="FK35" s="330">
        <v>0</v>
      </c>
      <c r="FL35" s="326">
        <v>8610</v>
      </c>
      <c r="FM35" s="327">
        <v>0</v>
      </c>
      <c r="FN35" s="328">
        <v>8610</v>
      </c>
      <c r="FO35" s="326">
        <v>0</v>
      </c>
      <c r="FP35" s="327">
        <v>1960</v>
      </c>
      <c r="FQ35" s="327">
        <v>31976</v>
      </c>
      <c r="FR35" s="327">
        <v>33299</v>
      </c>
      <c r="FS35" s="327">
        <v>29281</v>
      </c>
      <c r="FT35" s="327">
        <v>0</v>
      </c>
      <c r="FU35" s="328">
        <v>96516</v>
      </c>
      <c r="FV35" s="330">
        <v>105126</v>
      </c>
      <c r="FW35" s="333">
        <v>8610</v>
      </c>
      <c r="FX35" s="327">
        <v>0</v>
      </c>
      <c r="FY35" s="331">
        <v>8610</v>
      </c>
      <c r="FZ35" s="332">
        <v>0</v>
      </c>
      <c r="GA35" s="327">
        <v>1960</v>
      </c>
      <c r="GB35" s="327">
        <v>31976</v>
      </c>
      <c r="GC35" s="327">
        <v>33299</v>
      </c>
      <c r="GD35" s="327">
        <v>29281</v>
      </c>
      <c r="GE35" s="327">
        <v>0</v>
      </c>
      <c r="GF35" s="328">
        <v>96516</v>
      </c>
      <c r="GG35" s="334">
        <v>105126</v>
      </c>
      <c r="GH35" s="333">
        <v>0</v>
      </c>
      <c r="GI35" s="327">
        <v>0</v>
      </c>
      <c r="GJ35" s="331">
        <v>0</v>
      </c>
      <c r="GK35" s="332">
        <v>0</v>
      </c>
      <c r="GL35" s="327">
        <v>0</v>
      </c>
      <c r="GM35" s="327">
        <v>0</v>
      </c>
      <c r="GN35" s="327">
        <v>0</v>
      </c>
      <c r="GO35" s="327">
        <v>0</v>
      </c>
      <c r="GP35" s="327">
        <v>0</v>
      </c>
      <c r="GQ35" s="328">
        <v>0</v>
      </c>
      <c r="GR35" s="330">
        <v>0</v>
      </c>
      <c r="GS35" s="326">
        <v>0</v>
      </c>
      <c r="GT35" s="327">
        <v>0</v>
      </c>
      <c r="GU35" s="328">
        <v>0</v>
      </c>
      <c r="GV35" s="326">
        <v>0</v>
      </c>
      <c r="GW35" s="327">
        <v>0</v>
      </c>
      <c r="GX35" s="327">
        <v>0</v>
      </c>
      <c r="GY35" s="327">
        <v>0</v>
      </c>
      <c r="GZ35" s="327">
        <v>0</v>
      </c>
      <c r="HA35" s="327">
        <v>0</v>
      </c>
      <c r="HB35" s="331">
        <v>0</v>
      </c>
      <c r="HC35" s="330">
        <v>0</v>
      </c>
      <c r="HD35" s="326">
        <v>0</v>
      </c>
      <c r="HE35" s="327">
        <v>0</v>
      </c>
      <c r="HF35" s="331">
        <v>0</v>
      </c>
      <c r="HG35" s="332">
        <v>0</v>
      </c>
      <c r="HH35" s="327">
        <v>274503</v>
      </c>
      <c r="HI35" s="327">
        <v>168427</v>
      </c>
      <c r="HJ35" s="327">
        <v>181385</v>
      </c>
      <c r="HK35" s="327">
        <v>0</v>
      </c>
      <c r="HL35" s="327">
        <v>0</v>
      </c>
      <c r="HM35" s="328">
        <v>624315</v>
      </c>
      <c r="HN35" s="329">
        <v>624315</v>
      </c>
      <c r="HO35" s="333">
        <v>0</v>
      </c>
      <c r="HP35" s="327">
        <v>0</v>
      </c>
      <c r="HQ35" s="328">
        <v>0</v>
      </c>
      <c r="HR35" s="326">
        <v>0</v>
      </c>
      <c r="HS35" s="327">
        <v>0</v>
      </c>
      <c r="HT35" s="327">
        <v>0</v>
      </c>
      <c r="HU35" s="327">
        <v>0</v>
      </c>
      <c r="HV35" s="327">
        <v>0</v>
      </c>
      <c r="HW35" s="327">
        <v>0</v>
      </c>
      <c r="HX35" s="331">
        <v>0</v>
      </c>
      <c r="HY35" s="330">
        <v>0</v>
      </c>
      <c r="HZ35" s="335">
        <v>0</v>
      </c>
      <c r="IA35" s="336">
        <v>0</v>
      </c>
      <c r="IB35" s="337">
        <v>0</v>
      </c>
      <c r="IC35" s="338">
        <v>0</v>
      </c>
      <c r="ID35" s="336">
        <v>203098</v>
      </c>
      <c r="IE35" s="339">
        <v>39762</v>
      </c>
      <c r="IF35" s="337">
        <v>0</v>
      </c>
      <c r="IG35" s="336">
        <v>177695</v>
      </c>
      <c r="IH35" s="337">
        <v>0</v>
      </c>
      <c r="II35" s="340">
        <v>420555</v>
      </c>
      <c r="IJ35" s="341">
        <v>420555</v>
      </c>
      <c r="IK35" s="342">
        <v>0</v>
      </c>
      <c r="IL35" s="343">
        <v>0</v>
      </c>
      <c r="IM35" s="344">
        <v>0</v>
      </c>
      <c r="IN35" s="404">
        <v>0</v>
      </c>
      <c r="IO35" s="345">
        <v>0</v>
      </c>
      <c r="IP35" s="345">
        <v>0</v>
      </c>
      <c r="IQ35" s="345">
        <v>0</v>
      </c>
      <c r="IR35" s="345">
        <v>0</v>
      </c>
      <c r="IS35" s="345">
        <v>0</v>
      </c>
      <c r="IT35" s="346">
        <v>0</v>
      </c>
      <c r="IU35" s="347">
        <v>0</v>
      </c>
      <c r="IV35" s="348">
        <v>0</v>
      </c>
      <c r="IW35" s="345">
        <v>0</v>
      </c>
      <c r="IX35" s="349">
        <v>0</v>
      </c>
      <c r="IY35" s="404">
        <v>0</v>
      </c>
      <c r="IZ35" s="345">
        <v>0</v>
      </c>
      <c r="JA35" s="345">
        <v>0</v>
      </c>
      <c r="JB35" s="345">
        <v>0</v>
      </c>
      <c r="JC35" s="345">
        <v>0</v>
      </c>
      <c r="JD35" s="345">
        <v>0</v>
      </c>
      <c r="JE35" s="349">
        <v>0</v>
      </c>
      <c r="JF35" s="350">
        <v>0</v>
      </c>
      <c r="JG35" s="348">
        <v>0</v>
      </c>
      <c r="JH35" s="345">
        <v>0</v>
      </c>
      <c r="JI35" s="346">
        <v>0</v>
      </c>
      <c r="JJ35" s="351">
        <v>0</v>
      </c>
      <c r="JK35" s="345">
        <v>0</v>
      </c>
      <c r="JL35" s="345">
        <v>0</v>
      </c>
      <c r="JM35" s="345">
        <v>0</v>
      </c>
      <c r="JN35" s="345">
        <v>177695</v>
      </c>
      <c r="JO35" s="345">
        <v>0</v>
      </c>
      <c r="JP35" s="349">
        <v>177695</v>
      </c>
      <c r="JQ35" s="347">
        <v>177695</v>
      </c>
      <c r="JR35" s="348">
        <v>0</v>
      </c>
      <c r="JS35" s="345">
        <v>0</v>
      </c>
      <c r="JT35" s="346">
        <v>0</v>
      </c>
      <c r="JU35" s="351">
        <v>0</v>
      </c>
      <c r="JV35" s="345">
        <v>0</v>
      </c>
      <c r="JW35" s="345">
        <v>39762</v>
      </c>
      <c r="JX35" s="345">
        <v>0</v>
      </c>
      <c r="JY35" s="345">
        <v>0</v>
      </c>
      <c r="JZ35" s="345">
        <v>0</v>
      </c>
      <c r="KA35" s="349">
        <v>39762</v>
      </c>
      <c r="KB35" s="347">
        <v>39762</v>
      </c>
      <c r="KC35" s="352">
        <v>0</v>
      </c>
      <c r="KD35" s="353">
        <v>0</v>
      </c>
      <c r="KE35" s="349">
        <v>0</v>
      </c>
      <c r="KF35" s="351">
        <v>0</v>
      </c>
      <c r="KG35" s="345">
        <v>0</v>
      </c>
      <c r="KH35" s="345">
        <v>0</v>
      </c>
      <c r="KI35" s="345">
        <v>0</v>
      </c>
      <c r="KJ35" s="345">
        <v>0</v>
      </c>
      <c r="KK35" s="345">
        <v>0</v>
      </c>
      <c r="KL35" s="349">
        <v>0</v>
      </c>
      <c r="KM35" s="354">
        <v>0</v>
      </c>
      <c r="KN35" s="342">
        <v>0</v>
      </c>
      <c r="KO35" s="343">
        <v>0</v>
      </c>
      <c r="KP35" s="344">
        <v>0</v>
      </c>
      <c r="KQ35" s="404">
        <v>0</v>
      </c>
      <c r="KR35" s="345">
        <v>203098</v>
      </c>
      <c r="KS35" s="345">
        <v>0</v>
      </c>
      <c r="KT35" s="345">
        <v>0</v>
      </c>
      <c r="KU35" s="345">
        <v>0</v>
      </c>
      <c r="KV35" s="345">
        <v>0</v>
      </c>
      <c r="KW35" s="349">
        <v>203098</v>
      </c>
      <c r="KX35" s="347">
        <v>203098</v>
      </c>
      <c r="KY35" s="348">
        <v>0</v>
      </c>
      <c r="KZ35" s="345">
        <v>0</v>
      </c>
      <c r="LA35" s="349">
        <v>0</v>
      </c>
      <c r="LB35" s="404">
        <v>0</v>
      </c>
      <c r="LC35" s="345">
        <v>0</v>
      </c>
      <c r="LD35" s="345">
        <v>0</v>
      </c>
      <c r="LE35" s="345">
        <v>0</v>
      </c>
      <c r="LF35" s="345">
        <v>0</v>
      </c>
      <c r="LG35" s="345">
        <v>0</v>
      </c>
      <c r="LH35" s="349">
        <v>0</v>
      </c>
      <c r="LI35" s="350">
        <v>0</v>
      </c>
      <c r="LJ35" s="348">
        <v>0</v>
      </c>
      <c r="LK35" s="345">
        <v>0</v>
      </c>
      <c r="LL35" s="349">
        <v>0</v>
      </c>
      <c r="LM35" s="404">
        <v>0</v>
      </c>
      <c r="LN35" s="345">
        <v>0</v>
      </c>
      <c r="LO35" s="345">
        <v>0</v>
      </c>
      <c r="LP35" s="345">
        <v>0</v>
      </c>
      <c r="LQ35" s="345">
        <v>0</v>
      </c>
      <c r="LR35" s="345">
        <v>0</v>
      </c>
      <c r="LS35" s="349">
        <v>0</v>
      </c>
      <c r="LT35" s="347">
        <v>0</v>
      </c>
      <c r="LU35" s="348">
        <v>0</v>
      </c>
      <c r="LV35" s="345">
        <v>0</v>
      </c>
      <c r="LW35" s="349">
        <v>0</v>
      </c>
      <c r="LX35" s="404">
        <v>0</v>
      </c>
      <c r="LY35" s="345">
        <v>0</v>
      </c>
      <c r="LZ35" s="345">
        <v>0</v>
      </c>
      <c r="MA35" s="345">
        <v>0</v>
      </c>
      <c r="MB35" s="345">
        <v>0</v>
      </c>
      <c r="MC35" s="345">
        <v>0</v>
      </c>
      <c r="MD35" s="349">
        <v>0</v>
      </c>
      <c r="ME35" s="350">
        <v>0</v>
      </c>
      <c r="MF35" s="348">
        <v>0</v>
      </c>
      <c r="MG35" s="345">
        <v>0</v>
      </c>
      <c r="MH35" s="349">
        <v>0</v>
      </c>
      <c r="MI35" s="404">
        <v>0</v>
      </c>
      <c r="MJ35" s="345">
        <v>0</v>
      </c>
      <c r="MK35" s="345">
        <v>0</v>
      </c>
      <c r="ML35" s="345">
        <v>0</v>
      </c>
      <c r="MM35" s="345">
        <v>239218</v>
      </c>
      <c r="MN35" s="345">
        <v>262633</v>
      </c>
      <c r="MO35" s="349">
        <v>501851</v>
      </c>
      <c r="MP35" s="354">
        <v>501851</v>
      </c>
      <c r="MQ35" s="348">
        <v>0</v>
      </c>
      <c r="MR35" s="345">
        <v>0</v>
      </c>
      <c r="MS35" s="349">
        <v>0</v>
      </c>
      <c r="MT35" s="404">
        <v>0</v>
      </c>
      <c r="MU35" s="345">
        <v>0</v>
      </c>
      <c r="MV35" s="345">
        <v>0</v>
      </c>
      <c r="MW35" s="345">
        <v>0</v>
      </c>
      <c r="MX35" s="345">
        <v>239218</v>
      </c>
      <c r="MY35" s="345">
        <v>262633</v>
      </c>
      <c r="MZ35" s="349">
        <v>501851</v>
      </c>
      <c r="NA35" s="354">
        <v>501851</v>
      </c>
      <c r="NB35" s="348">
        <v>0</v>
      </c>
      <c r="NC35" s="345">
        <v>0</v>
      </c>
      <c r="ND35" s="349">
        <v>0</v>
      </c>
      <c r="NE35" s="404">
        <v>0</v>
      </c>
      <c r="NF35" s="345">
        <v>0</v>
      </c>
      <c r="NG35" s="345">
        <v>0</v>
      </c>
      <c r="NH35" s="345">
        <v>0</v>
      </c>
      <c r="NI35" s="345">
        <v>0</v>
      </c>
      <c r="NJ35" s="345">
        <v>0</v>
      </c>
      <c r="NK35" s="349">
        <v>0</v>
      </c>
      <c r="NL35" s="347">
        <v>0</v>
      </c>
      <c r="NM35" s="348">
        <v>0</v>
      </c>
      <c r="NN35" s="345">
        <v>0</v>
      </c>
      <c r="NO35" s="349">
        <v>0</v>
      </c>
      <c r="NP35" s="404">
        <v>0</v>
      </c>
      <c r="NQ35" s="345">
        <v>0</v>
      </c>
      <c r="NR35" s="345">
        <v>0</v>
      </c>
      <c r="NS35" s="345">
        <v>0</v>
      </c>
      <c r="NT35" s="345">
        <v>0</v>
      </c>
      <c r="NU35" s="345">
        <v>0</v>
      </c>
      <c r="NV35" s="349">
        <v>0</v>
      </c>
      <c r="NW35" s="350">
        <v>0</v>
      </c>
      <c r="NX35" s="348">
        <v>0</v>
      </c>
      <c r="NY35" s="345">
        <v>0</v>
      </c>
      <c r="NZ35" s="349">
        <v>0</v>
      </c>
      <c r="OA35" s="404">
        <v>0</v>
      </c>
      <c r="OB35" s="345">
        <v>0</v>
      </c>
      <c r="OC35" s="345">
        <v>0</v>
      </c>
      <c r="OD35" s="345">
        <v>0</v>
      </c>
      <c r="OE35" s="345">
        <v>0</v>
      </c>
      <c r="OF35" s="345">
        <v>0</v>
      </c>
      <c r="OG35" s="349">
        <v>0</v>
      </c>
      <c r="OH35" s="350">
        <v>0</v>
      </c>
      <c r="OI35" s="348">
        <v>8610</v>
      </c>
      <c r="OJ35" s="345">
        <v>0</v>
      </c>
      <c r="OK35" s="346">
        <v>8610</v>
      </c>
      <c r="OL35" s="351">
        <v>0</v>
      </c>
      <c r="OM35" s="345">
        <v>751669</v>
      </c>
      <c r="ON35" s="345">
        <v>419881</v>
      </c>
      <c r="OO35" s="345">
        <v>457418</v>
      </c>
      <c r="OP35" s="345">
        <v>464148</v>
      </c>
      <c r="OQ35" s="345">
        <v>262633</v>
      </c>
      <c r="OR35" s="349">
        <v>2355749</v>
      </c>
      <c r="OS35" s="354">
        <v>2364359</v>
      </c>
    </row>
    <row r="36" spans="2:409" s="70" customFormat="1" ht="21" customHeight="1" x14ac:dyDescent="0.2">
      <c r="B36" s="106" t="s">
        <v>31</v>
      </c>
      <c r="C36" s="326">
        <v>4480</v>
      </c>
      <c r="D36" s="327">
        <v>2100</v>
      </c>
      <c r="E36" s="328">
        <v>6580</v>
      </c>
      <c r="F36" s="329">
        <v>0</v>
      </c>
      <c r="G36" s="327">
        <v>182793</v>
      </c>
      <c r="H36" s="327">
        <v>120911</v>
      </c>
      <c r="I36" s="327">
        <v>456093</v>
      </c>
      <c r="J36" s="327">
        <v>0</v>
      </c>
      <c r="K36" s="327">
        <v>232659</v>
      </c>
      <c r="L36" s="367">
        <v>992456</v>
      </c>
      <c r="M36" s="330">
        <v>999036</v>
      </c>
      <c r="N36" s="326">
        <v>0</v>
      </c>
      <c r="O36" s="327">
        <v>0</v>
      </c>
      <c r="P36" s="328">
        <v>0</v>
      </c>
      <c r="Q36" s="326">
        <v>0</v>
      </c>
      <c r="R36" s="327">
        <v>62108</v>
      </c>
      <c r="S36" s="327">
        <v>0</v>
      </c>
      <c r="T36" s="327">
        <v>97230</v>
      </c>
      <c r="U36" s="327">
        <v>0</v>
      </c>
      <c r="V36" s="327">
        <v>201509</v>
      </c>
      <c r="W36" s="328">
        <v>360847</v>
      </c>
      <c r="X36" s="330">
        <v>360847</v>
      </c>
      <c r="Y36" s="326">
        <v>0</v>
      </c>
      <c r="Z36" s="327">
        <v>0</v>
      </c>
      <c r="AA36" s="328">
        <v>0</v>
      </c>
      <c r="AB36" s="326">
        <v>0</v>
      </c>
      <c r="AC36" s="327">
        <v>12099</v>
      </c>
      <c r="AD36" s="327">
        <v>0</v>
      </c>
      <c r="AE36" s="327">
        <v>0</v>
      </c>
      <c r="AF36" s="327">
        <v>0</v>
      </c>
      <c r="AG36" s="327">
        <v>0</v>
      </c>
      <c r="AH36" s="328">
        <v>12099</v>
      </c>
      <c r="AI36" s="330">
        <v>12099</v>
      </c>
      <c r="AJ36" s="326">
        <v>0</v>
      </c>
      <c r="AK36" s="327">
        <v>0</v>
      </c>
      <c r="AL36" s="328">
        <v>0</v>
      </c>
      <c r="AM36" s="326">
        <v>0</v>
      </c>
      <c r="AN36" s="327">
        <v>0</v>
      </c>
      <c r="AO36" s="327">
        <v>0</v>
      </c>
      <c r="AP36" s="327">
        <v>0</v>
      </c>
      <c r="AQ36" s="327">
        <v>0</v>
      </c>
      <c r="AR36" s="327">
        <v>128681</v>
      </c>
      <c r="AS36" s="328">
        <v>128681</v>
      </c>
      <c r="AT36" s="330">
        <v>128681</v>
      </c>
      <c r="AU36" s="326">
        <v>0</v>
      </c>
      <c r="AV36" s="327">
        <v>0</v>
      </c>
      <c r="AW36" s="328">
        <v>0</v>
      </c>
      <c r="AX36" s="326">
        <v>0</v>
      </c>
      <c r="AY36" s="327">
        <v>50009</v>
      </c>
      <c r="AZ36" s="327">
        <v>0</v>
      </c>
      <c r="BA36" s="327">
        <v>93044</v>
      </c>
      <c r="BB36" s="327">
        <v>0</v>
      </c>
      <c r="BC36" s="327">
        <v>72828</v>
      </c>
      <c r="BD36" s="328">
        <v>215881</v>
      </c>
      <c r="BE36" s="330">
        <v>215881</v>
      </c>
      <c r="BF36" s="326">
        <v>0</v>
      </c>
      <c r="BG36" s="327">
        <v>0</v>
      </c>
      <c r="BH36" s="331">
        <v>0</v>
      </c>
      <c r="BI36" s="332">
        <v>0</v>
      </c>
      <c r="BJ36" s="327">
        <v>0</v>
      </c>
      <c r="BK36" s="327">
        <v>0</v>
      </c>
      <c r="BL36" s="327">
        <v>0</v>
      </c>
      <c r="BM36" s="327">
        <v>0</v>
      </c>
      <c r="BN36" s="327">
        <v>0</v>
      </c>
      <c r="BO36" s="328">
        <v>0</v>
      </c>
      <c r="BP36" s="330">
        <v>0</v>
      </c>
      <c r="BQ36" s="326">
        <v>0</v>
      </c>
      <c r="BR36" s="327">
        <v>0</v>
      </c>
      <c r="BS36" s="328">
        <v>0</v>
      </c>
      <c r="BT36" s="326">
        <v>0</v>
      </c>
      <c r="BU36" s="327">
        <v>0</v>
      </c>
      <c r="BV36" s="327">
        <v>0</v>
      </c>
      <c r="BW36" s="327">
        <v>4186</v>
      </c>
      <c r="BX36" s="327">
        <v>0</v>
      </c>
      <c r="BY36" s="327">
        <v>0</v>
      </c>
      <c r="BZ36" s="328">
        <v>4186</v>
      </c>
      <c r="CA36" s="330">
        <v>4186</v>
      </c>
      <c r="CB36" s="326">
        <v>0</v>
      </c>
      <c r="CC36" s="327">
        <v>0</v>
      </c>
      <c r="CD36" s="328">
        <v>0</v>
      </c>
      <c r="CE36" s="326">
        <v>0</v>
      </c>
      <c r="CF36" s="327">
        <v>103535</v>
      </c>
      <c r="CG36" s="327">
        <v>114611</v>
      </c>
      <c r="CH36" s="327">
        <v>315428</v>
      </c>
      <c r="CI36" s="327">
        <v>0</v>
      </c>
      <c r="CJ36" s="327">
        <v>0</v>
      </c>
      <c r="CK36" s="328">
        <v>533574</v>
      </c>
      <c r="CL36" s="330">
        <v>533574</v>
      </c>
      <c r="CM36" s="326">
        <v>0</v>
      </c>
      <c r="CN36" s="327">
        <v>0</v>
      </c>
      <c r="CO36" s="328">
        <v>0</v>
      </c>
      <c r="CP36" s="332">
        <v>0</v>
      </c>
      <c r="CQ36" s="327">
        <v>76034</v>
      </c>
      <c r="CR36" s="327">
        <v>114611</v>
      </c>
      <c r="CS36" s="327">
        <v>218782</v>
      </c>
      <c r="CT36" s="327">
        <v>0</v>
      </c>
      <c r="CU36" s="327">
        <v>0</v>
      </c>
      <c r="CV36" s="328">
        <v>409427</v>
      </c>
      <c r="CW36" s="330">
        <v>409427</v>
      </c>
      <c r="CX36" s="326">
        <v>0</v>
      </c>
      <c r="CY36" s="327">
        <v>0</v>
      </c>
      <c r="CZ36" s="328">
        <v>0</v>
      </c>
      <c r="DA36" s="326">
        <v>0</v>
      </c>
      <c r="DB36" s="327">
        <v>27501</v>
      </c>
      <c r="DC36" s="327">
        <v>0</v>
      </c>
      <c r="DD36" s="327">
        <v>96646</v>
      </c>
      <c r="DE36" s="327">
        <v>0</v>
      </c>
      <c r="DF36" s="327">
        <v>0</v>
      </c>
      <c r="DG36" s="328">
        <v>124147</v>
      </c>
      <c r="DH36" s="330">
        <v>124147</v>
      </c>
      <c r="DI36" s="326">
        <v>0</v>
      </c>
      <c r="DJ36" s="327">
        <v>0</v>
      </c>
      <c r="DK36" s="331">
        <v>0</v>
      </c>
      <c r="DL36" s="332">
        <v>0</v>
      </c>
      <c r="DM36" s="327">
        <v>0</v>
      </c>
      <c r="DN36" s="327">
        <v>0</v>
      </c>
      <c r="DO36" s="327">
        <v>0</v>
      </c>
      <c r="DP36" s="327">
        <v>0</v>
      </c>
      <c r="DQ36" s="327">
        <v>0</v>
      </c>
      <c r="DR36" s="328">
        <v>0</v>
      </c>
      <c r="DS36" s="330">
        <v>0</v>
      </c>
      <c r="DT36" s="326">
        <v>0</v>
      </c>
      <c r="DU36" s="327">
        <v>0</v>
      </c>
      <c r="DV36" s="328">
        <v>0</v>
      </c>
      <c r="DW36" s="326">
        <v>0</v>
      </c>
      <c r="DX36" s="327">
        <v>0</v>
      </c>
      <c r="DY36" s="327">
        <v>0</v>
      </c>
      <c r="DZ36" s="327">
        <v>0</v>
      </c>
      <c r="EA36" s="327">
        <v>0</v>
      </c>
      <c r="EB36" s="327">
        <v>0</v>
      </c>
      <c r="EC36" s="328">
        <v>0</v>
      </c>
      <c r="ED36" s="330">
        <v>0</v>
      </c>
      <c r="EE36" s="326">
        <v>0</v>
      </c>
      <c r="EF36" s="331">
        <v>0</v>
      </c>
      <c r="EG36" s="328">
        <v>0</v>
      </c>
      <c r="EH36" s="326">
        <v>0</v>
      </c>
      <c r="EI36" s="327">
        <v>0</v>
      </c>
      <c r="EJ36" s="327">
        <v>0</v>
      </c>
      <c r="EK36" s="327">
        <v>0</v>
      </c>
      <c r="EL36" s="327">
        <v>0</v>
      </c>
      <c r="EM36" s="327">
        <v>0</v>
      </c>
      <c r="EN36" s="331">
        <v>0</v>
      </c>
      <c r="EO36" s="330">
        <v>0</v>
      </c>
      <c r="EP36" s="326">
        <v>0</v>
      </c>
      <c r="EQ36" s="327">
        <v>0</v>
      </c>
      <c r="ER36" s="331">
        <v>0</v>
      </c>
      <c r="ES36" s="332">
        <v>0</v>
      </c>
      <c r="ET36" s="327">
        <v>0</v>
      </c>
      <c r="EU36" s="327">
        <v>0</v>
      </c>
      <c r="EV36" s="327">
        <v>0</v>
      </c>
      <c r="EW36" s="327">
        <v>0</v>
      </c>
      <c r="EX36" s="327">
        <v>0</v>
      </c>
      <c r="EY36" s="328">
        <v>0</v>
      </c>
      <c r="EZ36" s="330">
        <v>0</v>
      </c>
      <c r="FA36" s="326">
        <v>0</v>
      </c>
      <c r="FB36" s="327">
        <v>0</v>
      </c>
      <c r="FC36" s="331">
        <v>0</v>
      </c>
      <c r="FD36" s="404">
        <v>0</v>
      </c>
      <c r="FE36" s="327">
        <v>0</v>
      </c>
      <c r="FF36" s="327">
        <v>0</v>
      </c>
      <c r="FG36" s="327">
        <v>0</v>
      </c>
      <c r="FH36" s="327">
        <v>0</v>
      </c>
      <c r="FI36" s="327">
        <v>0</v>
      </c>
      <c r="FJ36" s="328">
        <v>0</v>
      </c>
      <c r="FK36" s="330">
        <v>0</v>
      </c>
      <c r="FL36" s="326">
        <v>4480</v>
      </c>
      <c r="FM36" s="327">
        <v>2100</v>
      </c>
      <c r="FN36" s="328">
        <v>6580</v>
      </c>
      <c r="FO36" s="326">
        <v>0</v>
      </c>
      <c r="FP36" s="327">
        <v>17150</v>
      </c>
      <c r="FQ36" s="327">
        <v>6300</v>
      </c>
      <c r="FR36" s="327">
        <v>43435</v>
      </c>
      <c r="FS36" s="327">
        <v>0</v>
      </c>
      <c r="FT36" s="327">
        <v>31150</v>
      </c>
      <c r="FU36" s="328">
        <v>98035</v>
      </c>
      <c r="FV36" s="330">
        <v>104615</v>
      </c>
      <c r="FW36" s="333">
        <v>4480</v>
      </c>
      <c r="FX36" s="327">
        <v>2100</v>
      </c>
      <c r="FY36" s="331">
        <v>6580</v>
      </c>
      <c r="FZ36" s="332">
        <v>0</v>
      </c>
      <c r="GA36" s="327">
        <v>17150</v>
      </c>
      <c r="GB36" s="327">
        <v>6300</v>
      </c>
      <c r="GC36" s="327">
        <v>43435</v>
      </c>
      <c r="GD36" s="327">
        <v>0</v>
      </c>
      <c r="GE36" s="327">
        <v>31150</v>
      </c>
      <c r="GF36" s="328">
        <v>98035</v>
      </c>
      <c r="GG36" s="334">
        <v>104615</v>
      </c>
      <c r="GH36" s="333">
        <v>0</v>
      </c>
      <c r="GI36" s="327">
        <v>0</v>
      </c>
      <c r="GJ36" s="331">
        <v>0</v>
      </c>
      <c r="GK36" s="332">
        <v>0</v>
      </c>
      <c r="GL36" s="327">
        <v>0</v>
      </c>
      <c r="GM36" s="327">
        <v>0</v>
      </c>
      <c r="GN36" s="327">
        <v>0</v>
      </c>
      <c r="GO36" s="327">
        <v>0</v>
      </c>
      <c r="GP36" s="327">
        <v>0</v>
      </c>
      <c r="GQ36" s="328">
        <v>0</v>
      </c>
      <c r="GR36" s="330">
        <v>0</v>
      </c>
      <c r="GS36" s="326">
        <v>0</v>
      </c>
      <c r="GT36" s="327">
        <v>0</v>
      </c>
      <c r="GU36" s="328">
        <v>0</v>
      </c>
      <c r="GV36" s="326">
        <v>0</v>
      </c>
      <c r="GW36" s="327">
        <v>0</v>
      </c>
      <c r="GX36" s="327">
        <v>0</v>
      </c>
      <c r="GY36" s="327">
        <v>0</v>
      </c>
      <c r="GZ36" s="327">
        <v>0</v>
      </c>
      <c r="HA36" s="327">
        <v>0</v>
      </c>
      <c r="HB36" s="331">
        <v>0</v>
      </c>
      <c r="HC36" s="330">
        <v>0</v>
      </c>
      <c r="HD36" s="326">
        <v>0</v>
      </c>
      <c r="HE36" s="327">
        <v>0</v>
      </c>
      <c r="HF36" s="331">
        <v>0</v>
      </c>
      <c r="HG36" s="332">
        <v>0</v>
      </c>
      <c r="HH36" s="327">
        <v>0</v>
      </c>
      <c r="HI36" s="327">
        <v>0</v>
      </c>
      <c r="HJ36" s="327">
        <v>0</v>
      </c>
      <c r="HK36" s="327">
        <v>0</v>
      </c>
      <c r="HL36" s="327">
        <v>0</v>
      </c>
      <c r="HM36" s="328">
        <v>0</v>
      </c>
      <c r="HN36" s="329">
        <v>0</v>
      </c>
      <c r="HO36" s="333">
        <v>0</v>
      </c>
      <c r="HP36" s="327">
        <v>0</v>
      </c>
      <c r="HQ36" s="328">
        <v>0</v>
      </c>
      <c r="HR36" s="326">
        <v>0</v>
      </c>
      <c r="HS36" s="327">
        <v>0</v>
      </c>
      <c r="HT36" s="327">
        <v>0</v>
      </c>
      <c r="HU36" s="327">
        <v>0</v>
      </c>
      <c r="HV36" s="327">
        <v>0</v>
      </c>
      <c r="HW36" s="327">
        <v>0</v>
      </c>
      <c r="HX36" s="331">
        <v>0</v>
      </c>
      <c r="HY36" s="330">
        <v>0</v>
      </c>
      <c r="HZ36" s="358">
        <v>0</v>
      </c>
      <c r="IA36" s="356">
        <v>0</v>
      </c>
      <c r="IB36" s="358">
        <v>0</v>
      </c>
      <c r="IC36" s="355">
        <v>0</v>
      </c>
      <c r="ID36" s="356">
        <v>28944</v>
      </c>
      <c r="IE36" s="357">
        <v>12279</v>
      </c>
      <c r="IF36" s="358">
        <v>151164</v>
      </c>
      <c r="IG36" s="356">
        <v>0</v>
      </c>
      <c r="IH36" s="358">
        <v>0</v>
      </c>
      <c r="II36" s="359">
        <v>192387</v>
      </c>
      <c r="IJ36" s="358">
        <v>192387</v>
      </c>
      <c r="IK36" s="342">
        <v>0</v>
      </c>
      <c r="IL36" s="343">
        <v>0</v>
      </c>
      <c r="IM36" s="344">
        <v>0</v>
      </c>
      <c r="IN36" s="404">
        <v>0</v>
      </c>
      <c r="IO36" s="345">
        <v>0</v>
      </c>
      <c r="IP36" s="345">
        <v>0</v>
      </c>
      <c r="IQ36" s="345">
        <v>0</v>
      </c>
      <c r="IR36" s="345">
        <v>0</v>
      </c>
      <c r="IS36" s="345">
        <v>0</v>
      </c>
      <c r="IT36" s="346">
        <v>0</v>
      </c>
      <c r="IU36" s="347">
        <v>0</v>
      </c>
      <c r="IV36" s="348">
        <v>0</v>
      </c>
      <c r="IW36" s="345">
        <v>0</v>
      </c>
      <c r="IX36" s="349">
        <v>0</v>
      </c>
      <c r="IY36" s="404">
        <v>0</v>
      </c>
      <c r="IZ36" s="345">
        <v>0</v>
      </c>
      <c r="JA36" s="345">
        <v>0</v>
      </c>
      <c r="JB36" s="345">
        <v>0</v>
      </c>
      <c r="JC36" s="345">
        <v>0</v>
      </c>
      <c r="JD36" s="345">
        <v>0</v>
      </c>
      <c r="JE36" s="349">
        <v>0</v>
      </c>
      <c r="JF36" s="350">
        <v>0</v>
      </c>
      <c r="JG36" s="348">
        <v>0</v>
      </c>
      <c r="JH36" s="345">
        <v>0</v>
      </c>
      <c r="JI36" s="346">
        <v>0</v>
      </c>
      <c r="JJ36" s="351">
        <v>0</v>
      </c>
      <c r="JK36" s="345">
        <v>28944</v>
      </c>
      <c r="JL36" s="345">
        <v>12279</v>
      </c>
      <c r="JM36" s="345">
        <v>0</v>
      </c>
      <c r="JN36" s="345">
        <v>0</v>
      </c>
      <c r="JO36" s="345">
        <v>0</v>
      </c>
      <c r="JP36" s="349">
        <v>41223</v>
      </c>
      <c r="JQ36" s="347">
        <v>41223</v>
      </c>
      <c r="JR36" s="348">
        <v>0</v>
      </c>
      <c r="JS36" s="345">
        <v>0</v>
      </c>
      <c r="JT36" s="346">
        <v>0</v>
      </c>
      <c r="JU36" s="351">
        <v>0</v>
      </c>
      <c r="JV36" s="345">
        <v>0</v>
      </c>
      <c r="JW36" s="345">
        <v>0</v>
      </c>
      <c r="JX36" s="345">
        <v>0</v>
      </c>
      <c r="JY36" s="345">
        <v>0</v>
      </c>
      <c r="JZ36" s="345">
        <v>0</v>
      </c>
      <c r="KA36" s="349">
        <v>0</v>
      </c>
      <c r="KB36" s="347">
        <v>0</v>
      </c>
      <c r="KC36" s="352">
        <v>0</v>
      </c>
      <c r="KD36" s="353">
        <v>0</v>
      </c>
      <c r="KE36" s="349">
        <v>0</v>
      </c>
      <c r="KF36" s="351">
        <v>0</v>
      </c>
      <c r="KG36" s="345">
        <v>0</v>
      </c>
      <c r="KH36" s="345">
        <v>0</v>
      </c>
      <c r="KI36" s="345">
        <v>151164</v>
      </c>
      <c r="KJ36" s="345">
        <v>0</v>
      </c>
      <c r="KK36" s="345">
        <v>0</v>
      </c>
      <c r="KL36" s="349">
        <v>151164</v>
      </c>
      <c r="KM36" s="354">
        <v>151164</v>
      </c>
      <c r="KN36" s="342">
        <v>0</v>
      </c>
      <c r="KO36" s="343">
        <v>0</v>
      </c>
      <c r="KP36" s="344">
        <v>0</v>
      </c>
      <c r="KQ36" s="404">
        <v>0</v>
      </c>
      <c r="KR36" s="345">
        <v>0</v>
      </c>
      <c r="KS36" s="345">
        <v>0</v>
      </c>
      <c r="KT36" s="345">
        <v>0</v>
      </c>
      <c r="KU36" s="345">
        <v>0</v>
      </c>
      <c r="KV36" s="345">
        <v>0</v>
      </c>
      <c r="KW36" s="349">
        <v>0</v>
      </c>
      <c r="KX36" s="347">
        <v>0</v>
      </c>
      <c r="KY36" s="348">
        <v>0</v>
      </c>
      <c r="KZ36" s="345">
        <v>0</v>
      </c>
      <c r="LA36" s="349">
        <v>0</v>
      </c>
      <c r="LB36" s="404">
        <v>0</v>
      </c>
      <c r="LC36" s="345">
        <v>0</v>
      </c>
      <c r="LD36" s="345">
        <v>0</v>
      </c>
      <c r="LE36" s="345">
        <v>0</v>
      </c>
      <c r="LF36" s="345">
        <v>0</v>
      </c>
      <c r="LG36" s="345">
        <v>0</v>
      </c>
      <c r="LH36" s="349">
        <v>0</v>
      </c>
      <c r="LI36" s="350">
        <v>0</v>
      </c>
      <c r="LJ36" s="348">
        <v>0</v>
      </c>
      <c r="LK36" s="345">
        <v>0</v>
      </c>
      <c r="LL36" s="349">
        <v>0</v>
      </c>
      <c r="LM36" s="404">
        <v>0</v>
      </c>
      <c r="LN36" s="345">
        <v>0</v>
      </c>
      <c r="LO36" s="345">
        <v>0</v>
      </c>
      <c r="LP36" s="345">
        <v>0</v>
      </c>
      <c r="LQ36" s="345">
        <v>0</v>
      </c>
      <c r="LR36" s="345">
        <v>0</v>
      </c>
      <c r="LS36" s="349">
        <v>0</v>
      </c>
      <c r="LT36" s="347">
        <v>0</v>
      </c>
      <c r="LU36" s="348">
        <v>0</v>
      </c>
      <c r="LV36" s="345">
        <v>0</v>
      </c>
      <c r="LW36" s="349">
        <v>0</v>
      </c>
      <c r="LX36" s="404">
        <v>0</v>
      </c>
      <c r="LY36" s="345">
        <v>0</v>
      </c>
      <c r="LZ36" s="345">
        <v>0</v>
      </c>
      <c r="MA36" s="345">
        <v>0</v>
      </c>
      <c r="MB36" s="345">
        <v>0</v>
      </c>
      <c r="MC36" s="345">
        <v>0</v>
      </c>
      <c r="MD36" s="349">
        <v>0</v>
      </c>
      <c r="ME36" s="350">
        <v>0</v>
      </c>
      <c r="MF36" s="348">
        <v>0</v>
      </c>
      <c r="MG36" s="345">
        <v>0</v>
      </c>
      <c r="MH36" s="349">
        <v>0</v>
      </c>
      <c r="MI36" s="404">
        <v>0</v>
      </c>
      <c r="MJ36" s="345">
        <v>0</v>
      </c>
      <c r="MK36" s="345">
        <v>0</v>
      </c>
      <c r="ML36" s="345">
        <v>692103</v>
      </c>
      <c r="MM36" s="345">
        <v>266281</v>
      </c>
      <c r="MN36" s="345">
        <v>238875</v>
      </c>
      <c r="MO36" s="349">
        <v>1197259</v>
      </c>
      <c r="MP36" s="354">
        <v>1197259</v>
      </c>
      <c r="MQ36" s="348">
        <v>0</v>
      </c>
      <c r="MR36" s="345">
        <v>0</v>
      </c>
      <c r="MS36" s="349">
        <v>0</v>
      </c>
      <c r="MT36" s="404">
        <v>0</v>
      </c>
      <c r="MU36" s="345">
        <v>0</v>
      </c>
      <c r="MV36" s="345">
        <v>0</v>
      </c>
      <c r="MW36" s="345">
        <v>214068</v>
      </c>
      <c r="MX36" s="345">
        <v>0</v>
      </c>
      <c r="MY36" s="345">
        <v>238875</v>
      </c>
      <c r="MZ36" s="349">
        <v>452943</v>
      </c>
      <c r="NA36" s="354">
        <v>452943</v>
      </c>
      <c r="NB36" s="348">
        <v>0</v>
      </c>
      <c r="NC36" s="345">
        <v>0</v>
      </c>
      <c r="ND36" s="349">
        <v>0</v>
      </c>
      <c r="NE36" s="404">
        <v>0</v>
      </c>
      <c r="NF36" s="345">
        <v>0</v>
      </c>
      <c r="NG36" s="345">
        <v>0</v>
      </c>
      <c r="NH36" s="345">
        <v>478035</v>
      </c>
      <c r="NI36" s="345">
        <v>266281</v>
      </c>
      <c r="NJ36" s="345">
        <v>0</v>
      </c>
      <c r="NK36" s="349">
        <v>744316</v>
      </c>
      <c r="NL36" s="347">
        <v>744316</v>
      </c>
      <c r="NM36" s="348">
        <v>0</v>
      </c>
      <c r="NN36" s="345">
        <v>0</v>
      </c>
      <c r="NO36" s="349">
        <v>0</v>
      </c>
      <c r="NP36" s="404">
        <v>0</v>
      </c>
      <c r="NQ36" s="345">
        <v>0</v>
      </c>
      <c r="NR36" s="345">
        <v>0</v>
      </c>
      <c r="NS36" s="345">
        <v>0</v>
      </c>
      <c r="NT36" s="345">
        <v>0</v>
      </c>
      <c r="NU36" s="345">
        <v>0</v>
      </c>
      <c r="NV36" s="349">
        <v>0</v>
      </c>
      <c r="NW36" s="350">
        <v>0</v>
      </c>
      <c r="NX36" s="348">
        <v>0</v>
      </c>
      <c r="NY36" s="345">
        <v>0</v>
      </c>
      <c r="NZ36" s="349">
        <v>0</v>
      </c>
      <c r="OA36" s="404">
        <v>0</v>
      </c>
      <c r="OB36" s="345">
        <v>0</v>
      </c>
      <c r="OC36" s="345">
        <v>0</v>
      </c>
      <c r="OD36" s="345">
        <v>0</v>
      </c>
      <c r="OE36" s="345">
        <v>0</v>
      </c>
      <c r="OF36" s="345">
        <v>0</v>
      </c>
      <c r="OG36" s="349">
        <v>0</v>
      </c>
      <c r="OH36" s="350">
        <v>0</v>
      </c>
      <c r="OI36" s="348">
        <v>4480</v>
      </c>
      <c r="OJ36" s="345">
        <v>2100</v>
      </c>
      <c r="OK36" s="346">
        <v>6580</v>
      </c>
      <c r="OL36" s="351">
        <v>0</v>
      </c>
      <c r="OM36" s="345">
        <v>211737</v>
      </c>
      <c r="ON36" s="345">
        <v>133190</v>
      </c>
      <c r="OO36" s="345">
        <v>1299360</v>
      </c>
      <c r="OP36" s="345">
        <v>266281</v>
      </c>
      <c r="OQ36" s="345">
        <v>471534</v>
      </c>
      <c r="OR36" s="349">
        <v>2382102</v>
      </c>
      <c r="OS36" s="354">
        <v>2388682</v>
      </c>
    </row>
    <row r="37" spans="2:409" s="70" customFormat="1" ht="21" customHeight="1" x14ac:dyDescent="0.2">
      <c r="B37" s="106" t="s">
        <v>32</v>
      </c>
      <c r="C37" s="326">
        <v>19516</v>
      </c>
      <c r="D37" s="327">
        <v>75187</v>
      </c>
      <c r="E37" s="368">
        <v>94703</v>
      </c>
      <c r="F37" s="370">
        <v>0</v>
      </c>
      <c r="G37" s="369">
        <v>631554</v>
      </c>
      <c r="H37" s="369">
        <v>637856</v>
      </c>
      <c r="I37" s="369">
        <v>40787</v>
      </c>
      <c r="J37" s="369">
        <v>505493</v>
      </c>
      <c r="K37" s="369">
        <v>430988</v>
      </c>
      <c r="L37" s="370">
        <v>2246678</v>
      </c>
      <c r="M37" s="330">
        <v>2341381</v>
      </c>
      <c r="N37" s="326">
        <v>15456</v>
      </c>
      <c r="O37" s="327">
        <v>49077</v>
      </c>
      <c r="P37" s="328">
        <v>64533</v>
      </c>
      <c r="Q37" s="326">
        <v>0</v>
      </c>
      <c r="R37" s="327">
        <v>117355</v>
      </c>
      <c r="S37" s="327">
        <v>210108</v>
      </c>
      <c r="T37" s="327">
        <v>17525</v>
      </c>
      <c r="U37" s="327">
        <v>65030</v>
      </c>
      <c r="V37" s="327">
        <v>74641</v>
      </c>
      <c r="W37" s="328">
        <v>484659</v>
      </c>
      <c r="X37" s="330">
        <v>549192</v>
      </c>
      <c r="Y37" s="326">
        <v>0</v>
      </c>
      <c r="Z37" s="327">
        <v>0</v>
      </c>
      <c r="AA37" s="328">
        <v>0</v>
      </c>
      <c r="AB37" s="326">
        <v>0</v>
      </c>
      <c r="AC37" s="327">
        <v>34853</v>
      </c>
      <c r="AD37" s="327">
        <v>61026</v>
      </c>
      <c r="AE37" s="327">
        <v>-128</v>
      </c>
      <c r="AF37" s="327">
        <v>0</v>
      </c>
      <c r="AG37" s="327">
        <v>0</v>
      </c>
      <c r="AH37" s="328">
        <v>95751</v>
      </c>
      <c r="AI37" s="330">
        <v>95751</v>
      </c>
      <c r="AJ37" s="326">
        <v>0</v>
      </c>
      <c r="AK37" s="327">
        <v>0</v>
      </c>
      <c r="AL37" s="328">
        <v>0</v>
      </c>
      <c r="AM37" s="326">
        <v>0</v>
      </c>
      <c r="AN37" s="327">
        <v>0</v>
      </c>
      <c r="AO37" s="327">
        <v>0</v>
      </c>
      <c r="AP37" s="327">
        <v>0</v>
      </c>
      <c r="AQ37" s="327">
        <v>0</v>
      </c>
      <c r="AR37" s="327">
        <v>0</v>
      </c>
      <c r="AS37" s="328">
        <v>0</v>
      </c>
      <c r="AT37" s="330">
        <v>0</v>
      </c>
      <c r="AU37" s="326">
        <v>15456</v>
      </c>
      <c r="AV37" s="327">
        <v>49077</v>
      </c>
      <c r="AW37" s="328">
        <v>64533</v>
      </c>
      <c r="AX37" s="326">
        <v>0</v>
      </c>
      <c r="AY37" s="327">
        <v>82502</v>
      </c>
      <c r="AZ37" s="327">
        <v>49854</v>
      </c>
      <c r="BA37" s="327">
        <v>17653</v>
      </c>
      <c r="BB37" s="327">
        <v>0</v>
      </c>
      <c r="BC37" s="327">
        <v>67389</v>
      </c>
      <c r="BD37" s="328">
        <v>217398</v>
      </c>
      <c r="BE37" s="330">
        <v>281931</v>
      </c>
      <c r="BF37" s="326">
        <v>0</v>
      </c>
      <c r="BG37" s="327">
        <v>0</v>
      </c>
      <c r="BH37" s="331">
        <v>0</v>
      </c>
      <c r="BI37" s="332">
        <v>0</v>
      </c>
      <c r="BJ37" s="327">
        <v>0</v>
      </c>
      <c r="BK37" s="327">
        <v>61358</v>
      </c>
      <c r="BL37" s="327">
        <v>0</v>
      </c>
      <c r="BM37" s="327">
        <v>54509</v>
      </c>
      <c r="BN37" s="327">
        <v>0</v>
      </c>
      <c r="BO37" s="328">
        <v>115867</v>
      </c>
      <c r="BP37" s="330">
        <v>115867</v>
      </c>
      <c r="BQ37" s="326">
        <v>0</v>
      </c>
      <c r="BR37" s="327">
        <v>0</v>
      </c>
      <c r="BS37" s="328">
        <v>0</v>
      </c>
      <c r="BT37" s="326">
        <v>0</v>
      </c>
      <c r="BU37" s="327">
        <v>0</v>
      </c>
      <c r="BV37" s="327">
        <v>37870</v>
      </c>
      <c r="BW37" s="327">
        <v>0</v>
      </c>
      <c r="BX37" s="327">
        <v>10521</v>
      </c>
      <c r="BY37" s="327">
        <v>7252</v>
      </c>
      <c r="BZ37" s="328">
        <v>55643</v>
      </c>
      <c r="CA37" s="330">
        <v>55643</v>
      </c>
      <c r="CB37" s="326">
        <v>0</v>
      </c>
      <c r="CC37" s="327">
        <v>0</v>
      </c>
      <c r="CD37" s="328">
        <v>0</v>
      </c>
      <c r="CE37" s="326">
        <v>0</v>
      </c>
      <c r="CF37" s="327">
        <v>194334</v>
      </c>
      <c r="CG37" s="327">
        <v>286236</v>
      </c>
      <c r="CH37" s="327">
        <v>0</v>
      </c>
      <c r="CI37" s="327">
        <v>219375</v>
      </c>
      <c r="CJ37" s="327">
        <v>96072</v>
      </c>
      <c r="CK37" s="328">
        <v>796017</v>
      </c>
      <c r="CL37" s="330">
        <v>796017</v>
      </c>
      <c r="CM37" s="326">
        <v>0</v>
      </c>
      <c r="CN37" s="327">
        <v>0</v>
      </c>
      <c r="CO37" s="328">
        <v>0</v>
      </c>
      <c r="CP37" s="332">
        <v>0</v>
      </c>
      <c r="CQ37" s="327">
        <v>173096</v>
      </c>
      <c r="CR37" s="327">
        <v>184737</v>
      </c>
      <c r="CS37" s="327">
        <v>0</v>
      </c>
      <c r="CT37" s="327">
        <v>115303</v>
      </c>
      <c r="CU37" s="327">
        <v>58107</v>
      </c>
      <c r="CV37" s="328">
        <v>531243</v>
      </c>
      <c r="CW37" s="330">
        <v>531243</v>
      </c>
      <c r="CX37" s="326">
        <v>0</v>
      </c>
      <c r="CY37" s="327">
        <v>0</v>
      </c>
      <c r="CZ37" s="328">
        <v>0</v>
      </c>
      <c r="DA37" s="326">
        <v>0</v>
      </c>
      <c r="DB37" s="327">
        <v>21238</v>
      </c>
      <c r="DC37" s="327">
        <v>101499</v>
      </c>
      <c r="DD37" s="327">
        <v>0</v>
      </c>
      <c r="DE37" s="327">
        <v>104072</v>
      </c>
      <c r="DF37" s="327">
        <v>37965</v>
      </c>
      <c r="DG37" s="328">
        <v>264774</v>
      </c>
      <c r="DH37" s="330">
        <v>264774</v>
      </c>
      <c r="DI37" s="326">
        <v>0</v>
      </c>
      <c r="DJ37" s="327">
        <v>0</v>
      </c>
      <c r="DK37" s="331">
        <v>0</v>
      </c>
      <c r="DL37" s="332">
        <v>0</v>
      </c>
      <c r="DM37" s="327">
        <v>0</v>
      </c>
      <c r="DN37" s="327">
        <v>59101</v>
      </c>
      <c r="DO37" s="327">
        <v>14344</v>
      </c>
      <c r="DP37" s="327">
        <v>55993</v>
      </c>
      <c r="DQ37" s="327">
        <v>37449</v>
      </c>
      <c r="DR37" s="328">
        <v>166887</v>
      </c>
      <c r="DS37" s="330">
        <v>166887</v>
      </c>
      <c r="DT37" s="326">
        <v>0</v>
      </c>
      <c r="DU37" s="327">
        <v>0</v>
      </c>
      <c r="DV37" s="328">
        <v>0</v>
      </c>
      <c r="DW37" s="326">
        <v>0</v>
      </c>
      <c r="DX37" s="327">
        <v>0</v>
      </c>
      <c r="DY37" s="327">
        <v>59101</v>
      </c>
      <c r="DZ37" s="327">
        <v>14344</v>
      </c>
      <c r="EA37" s="327">
        <v>55993</v>
      </c>
      <c r="EB37" s="327">
        <v>37449</v>
      </c>
      <c r="EC37" s="328">
        <v>166887</v>
      </c>
      <c r="ED37" s="330">
        <v>166887</v>
      </c>
      <c r="EE37" s="326">
        <v>0</v>
      </c>
      <c r="EF37" s="331">
        <v>0</v>
      </c>
      <c r="EG37" s="328">
        <v>0</v>
      </c>
      <c r="EH37" s="326">
        <v>0</v>
      </c>
      <c r="EI37" s="327">
        <v>0</v>
      </c>
      <c r="EJ37" s="327">
        <v>0</v>
      </c>
      <c r="EK37" s="327">
        <v>0</v>
      </c>
      <c r="EL37" s="327">
        <v>0</v>
      </c>
      <c r="EM37" s="327">
        <v>0</v>
      </c>
      <c r="EN37" s="331">
        <v>0</v>
      </c>
      <c r="EO37" s="330">
        <v>0</v>
      </c>
      <c r="EP37" s="326">
        <v>0</v>
      </c>
      <c r="EQ37" s="327">
        <v>0</v>
      </c>
      <c r="ER37" s="331">
        <v>0</v>
      </c>
      <c r="ES37" s="332">
        <v>0</v>
      </c>
      <c r="ET37" s="327">
        <v>0</v>
      </c>
      <c r="EU37" s="327">
        <v>0</v>
      </c>
      <c r="EV37" s="327">
        <v>0</v>
      </c>
      <c r="EW37" s="327">
        <v>0</v>
      </c>
      <c r="EX37" s="327">
        <v>0</v>
      </c>
      <c r="EY37" s="328">
        <v>0</v>
      </c>
      <c r="EZ37" s="330">
        <v>0</v>
      </c>
      <c r="FA37" s="326">
        <v>0</v>
      </c>
      <c r="FB37" s="327">
        <v>0</v>
      </c>
      <c r="FC37" s="331">
        <v>0</v>
      </c>
      <c r="FD37" s="404">
        <v>0</v>
      </c>
      <c r="FE37" s="327">
        <v>0</v>
      </c>
      <c r="FF37" s="327">
        <v>0</v>
      </c>
      <c r="FG37" s="327">
        <v>0</v>
      </c>
      <c r="FH37" s="327">
        <v>0</v>
      </c>
      <c r="FI37" s="327">
        <v>0</v>
      </c>
      <c r="FJ37" s="328">
        <v>0</v>
      </c>
      <c r="FK37" s="330">
        <v>0</v>
      </c>
      <c r="FL37" s="326">
        <v>4060</v>
      </c>
      <c r="FM37" s="327">
        <v>26110</v>
      </c>
      <c r="FN37" s="328">
        <v>30170</v>
      </c>
      <c r="FO37" s="326">
        <v>0</v>
      </c>
      <c r="FP37" s="327">
        <v>51128</v>
      </c>
      <c r="FQ37" s="327">
        <v>82411</v>
      </c>
      <c r="FR37" s="327">
        <v>8918</v>
      </c>
      <c r="FS37" s="327">
        <v>57008</v>
      </c>
      <c r="FT37" s="327">
        <v>17290</v>
      </c>
      <c r="FU37" s="328">
        <v>216755</v>
      </c>
      <c r="FV37" s="330">
        <v>246925</v>
      </c>
      <c r="FW37" s="333">
        <v>4060</v>
      </c>
      <c r="FX37" s="327">
        <v>26110</v>
      </c>
      <c r="FY37" s="331">
        <v>30170</v>
      </c>
      <c r="FZ37" s="332">
        <v>0</v>
      </c>
      <c r="GA37" s="327">
        <v>51128</v>
      </c>
      <c r="GB37" s="327">
        <v>82411</v>
      </c>
      <c r="GC37" s="327">
        <v>8918</v>
      </c>
      <c r="GD37" s="327">
        <v>57008</v>
      </c>
      <c r="GE37" s="327">
        <v>17290</v>
      </c>
      <c r="GF37" s="328">
        <v>216755</v>
      </c>
      <c r="GG37" s="334">
        <v>246925</v>
      </c>
      <c r="GH37" s="333">
        <v>0</v>
      </c>
      <c r="GI37" s="327">
        <v>0</v>
      </c>
      <c r="GJ37" s="331">
        <v>0</v>
      </c>
      <c r="GK37" s="332">
        <v>0</v>
      </c>
      <c r="GL37" s="327">
        <v>0</v>
      </c>
      <c r="GM37" s="327">
        <v>0</v>
      </c>
      <c r="GN37" s="327">
        <v>0</v>
      </c>
      <c r="GO37" s="327">
        <v>0</v>
      </c>
      <c r="GP37" s="327">
        <v>0</v>
      </c>
      <c r="GQ37" s="328">
        <v>0</v>
      </c>
      <c r="GR37" s="330">
        <v>0</v>
      </c>
      <c r="GS37" s="326">
        <v>0</v>
      </c>
      <c r="GT37" s="327">
        <v>0</v>
      </c>
      <c r="GU37" s="328">
        <v>0</v>
      </c>
      <c r="GV37" s="326">
        <v>0</v>
      </c>
      <c r="GW37" s="327">
        <v>0</v>
      </c>
      <c r="GX37" s="327">
        <v>0</v>
      </c>
      <c r="GY37" s="327">
        <v>0</v>
      </c>
      <c r="GZ37" s="327">
        <v>0</v>
      </c>
      <c r="HA37" s="327">
        <v>0</v>
      </c>
      <c r="HB37" s="331">
        <v>0</v>
      </c>
      <c r="HC37" s="330">
        <v>0</v>
      </c>
      <c r="HD37" s="326">
        <v>0</v>
      </c>
      <c r="HE37" s="327">
        <v>0</v>
      </c>
      <c r="HF37" s="331">
        <v>0</v>
      </c>
      <c r="HG37" s="332">
        <v>0</v>
      </c>
      <c r="HH37" s="327">
        <v>268737</v>
      </c>
      <c r="HI37" s="327">
        <v>0</v>
      </c>
      <c r="HJ37" s="327">
        <v>0</v>
      </c>
      <c r="HK37" s="327">
        <v>108087</v>
      </c>
      <c r="HL37" s="327">
        <v>205536</v>
      </c>
      <c r="HM37" s="328">
        <v>582360</v>
      </c>
      <c r="HN37" s="329">
        <v>582360</v>
      </c>
      <c r="HO37" s="333">
        <v>0</v>
      </c>
      <c r="HP37" s="327">
        <v>0</v>
      </c>
      <c r="HQ37" s="328">
        <v>0</v>
      </c>
      <c r="HR37" s="326">
        <v>0</v>
      </c>
      <c r="HS37" s="327">
        <v>0</v>
      </c>
      <c r="HT37" s="327">
        <v>0</v>
      </c>
      <c r="HU37" s="327">
        <v>0</v>
      </c>
      <c r="HV37" s="327">
        <v>0</v>
      </c>
      <c r="HW37" s="327">
        <v>0</v>
      </c>
      <c r="HX37" s="331">
        <v>0</v>
      </c>
      <c r="HY37" s="330">
        <v>0</v>
      </c>
      <c r="HZ37" s="335">
        <v>0</v>
      </c>
      <c r="IA37" s="336">
        <v>0</v>
      </c>
      <c r="IB37" s="337">
        <v>0</v>
      </c>
      <c r="IC37" s="338">
        <v>0</v>
      </c>
      <c r="ID37" s="336">
        <v>516665</v>
      </c>
      <c r="IE37" s="339">
        <v>185773</v>
      </c>
      <c r="IF37" s="337">
        <v>436776</v>
      </c>
      <c r="IG37" s="336">
        <v>0</v>
      </c>
      <c r="IH37" s="337">
        <v>0</v>
      </c>
      <c r="II37" s="340">
        <v>1139214</v>
      </c>
      <c r="IJ37" s="341">
        <v>1139214</v>
      </c>
      <c r="IK37" s="342">
        <v>0</v>
      </c>
      <c r="IL37" s="343">
        <v>0</v>
      </c>
      <c r="IM37" s="344">
        <v>0</v>
      </c>
      <c r="IN37" s="404">
        <v>0</v>
      </c>
      <c r="IO37" s="345">
        <v>0</v>
      </c>
      <c r="IP37" s="345">
        <v>169750</v>
      </c>
      <c r="IQ37" s="345">
        <v>0</v>
      </c>
      <c r="IR37" s="345">
        <v>0</v>
      </c>
      <c r="IS37" s="345">
        <v>0</v>
      </c>
      <c r="IT37" s="346">
        <v>169750</v>
      </c>
      <c r="IU37" s="347">
        <v>169750</v>
      </c>
      <c r="IV37" s="348">
        <v>0</v>
      </c>
      <c r="IW37" s="345">
        <v>0</v>
      </c>
      <c r="IX37" s="349">
        <v>0</v>
      </c>
      <c r="IY37" s="404">
        <v>0</v>
      </c>
      <c r="IZ37" s="345">
        <v>0</v>
      </c>
      <c r="JA37" s="345">
        <v>0</v>
      </c>
      <c r="JB37" s="345">
        <v>0</v>
      </c>
      <c r="JC37" s="345">
        <v>0</v>
      </c>
      <c r="JD37" s="345">
        <v>0</v>
      </c>
      <c r="JE37" s="349">
        <v>0</v>
      </c>
      <c r="JF37" s="350">
        <v>0</v>
      </c>
      <c r="JG37" s="348">
        <v>0</v>
      </c>
      <c r="JH37" s="345">
        <v>0</v>
      </c>
      <c r="JI37" s="346">
        <v>0</v>
      </c>
      <c r="JJ37" s="351">
        <v>0</v>
      </c>
      <c r="JK37" s="345">
        <v>136192</v>
      </c>
      <c r="JL37" s="345">
        <v>16023</v>
      </c>
      <c r="JM37" s="345">
        <v>0</v>
      </c>
      <c r="JN37" s="345">
        <v>0</v>
      </c>
      <c r="JO37" s="345">
        <v>0</v>
      </c>
      <c r="JP37" s="349">
        <v>152215</v>
      </c>
      <c r="JQ37" s="347">
        <v>152215</v>
      </c>
      <c r="JR37" s="348">
        <v>0</v>
      </c>
      <c r="JS37" s="345">
        <v>0</v>
      </c>
      <c r="JT37" s="346">
        <v>0</v>
      </c>
      <c r="JU37" s="351">
        <v>0</v>
      </c>
      <c r="JV37" s="345">
        <v>95615</v>
      </c>
      <c r="JW37" s="345">
        <v>0</v>
      </c>
      <c r="JX37" s="345">
        <v>234630</v>
      </c>
      <c r="JY37" s="345">
        <v>0</v>
      </c>
      <c r="JZ37" s="345">
        <v>0</v>
      </c>
      <c r="KA37" s="349">
        <v>330245</v>
      </c>
      <c r="KB37" s="347">
        <v>330245</v>
      </c>
      <c r="KC37" s="352">
        <v>0</v>
      </c>
      <c r="KD37" s="353">
        <v>0</v>
      </c>
      <c r="KE37" s="349">
        <v>0</v>
      </c>
      <c r="KF37" s="351">
        <v>0</v>
      </c>
      <c r="KG37" s="345">
        <v>284858</v>
      </c>
      <c r="KH37" s="345">
        <v>0</v>
      </c>
      <c r="KI37" s="345">
        <v>202146</v>
      </c>
      <c r="KJ37" s="345">
        <v>0</v>
      </c>
      <c r="KK37" s="345">
        <v>0</v>
      </c>
      <c r="KL37" s="349">
        <v>487004</v>
      </c>
      <c r="KM37" s="354">
        <v>487004</v>
      </c>
      <c r="KN37" s="342">
        <v>0</v>
      </c>
      <c r="KO37" s="343">
        <v>0</v>
      </c>
      <c r="KP37" s="344">
        <v>0</v>
      </c>
      <c r="KQ37" s="404">
        <v>0</v>
      </c>
      <c r="KR37" s="345">
        <v>0</v>
      </c>
      <c r="KS37" s="345">
        <v>0</v>
      </c>
      <c r="KT37" s="345">
        <v>0</v>
      </c>
      <c r="KU37" s="345">
        <v>0</v>
      </c>
      <c r="KV37" s="345">
        <v>0</v>
      </c>
      <c r="KW37" s="349">
        <v>0</v>
      </c>
      <c r="KX37" s="347">
        <v>0</v>
      </c>
      <c r="KY37" s="348">
        <v>0</v>
      </c>
      <c r="KZ37" s="345">
        <v>0</v>
      </c>
      <c r="LA37" s="349">
        <v>0</v>
      </c>
      <c r="LB37" s="404">
        <v>0</v>
      </c>
      <c r="LC37" s="345">
        <v>0</v>
      </c>
      <c r="LD37" s="345">
        <v>0</v>
      </c>
      <c r="LE37" s="345">
        <v>0</v>
      </c>
      <c r="LF37" s="345">
        <v>0</v>
      </c>
      <c r="LG37" s="345">
        <v>0</v>
      </c>
      <c r="LH37" s="349">
        <v>0</v>
      </c>
      <c r="LI37" s="350">
        <v>0</v>
      </c>
      <c r="LJ37" s="348">
        <v>0</v>
      </c>
      <c r="LK37" s="345">
        <v>0</v>
      </c>
      <c r="LL37" s="349">
        <v>0</v>
      </c>
      <c r="LM37" s="404">
        <v>0</v>
      </c>
      <c r="LN37" s="345">
        <v>0</v>
      </c>
      <c r="LO37" s="345">
        <v>0</v>
      </c>
      <c r="LP37" s="345">
        <v>0</v>
      </c>
      <c r="LQ37" s="345">
        <v>0</v>
      </c>
      <c r="LR37" s="345">
        <v>0</v>
      </c>
      <c r="LS37" s="349">
        <v>0</v>
      </c>
      <c r="LT37" s="347">
        <v>0</v>
      </c>
      <c r="LU37" s="348">
        <v>0</v>
      </c>
      <c r="LV37" s="345">
        <v>0</v>
      </c>
      <c r="LW37" s="349">
        <v>0</v>
      </c>
      <c r="LX37" s="404">
        <v>0</v>
      </c>
      <c r="LY37" s="345">
        <v>0</v>
      </c>
      <c r="LZ37" s="345">
        <v>0</v>
      </c>
      <c r="MA37" s="345">
        <v>0</v>
      </c>
      <c r="MB37" s="345">
        <v>0</v>
      </c>
      <c r="MC37" s="345">
        <v>0</v>
      </c>
      <c r="MD37" s="349">
        <v>0</v>
      </c>
      <c r="ME37" s="350">
        <v>0</v>
      </c>
      <c r="MF37" s="348">
        <v>0</v>
      </c>
      <c r="MG37" s="345">
        <v>0</v>
      </c>
      <c r="MH37" s="349">
        <v>0</v>
      </c>
      <c r="MI37" s="404">
        <v>0</v>
      </c>
      <c r="MJ37" s="345">
        <v>0</v>
      </c>
      <c r="MK37" s="345">
        <v>0</v>
      </c>
      <c r="ML37" s="345">
        <v>0</v>
      </c>
      <c r="MM37" s="345">
        <v>542059</v>
      </c>
      <c r="MN37" s="345">
        <v>271737</v>
      </c>
      <c r="MO37" s="349">
        <v>813796</v>
      </c>
      <c r="MP37" s="354">
        <v>813796</v>
      </c>
      <c r="MQ37" s="348">
        <v>0</v>
      </c>
      <c r="MR37" s="345">
        <v>0</v>
      </c>
      <c r="MS37" s="349">
        <v>0</v>
      </c>
      <c r="MT37" s="404">
        <v>0</v>
      </c>
      <c r="MU37" s="345">
        <v>0</v>
      </c>
      <c r="MV37" s="345">
        <v>0</v>
      </c>
      <c r="MW37" s="345">
        <v>0</v>
      </c>
      <c r="MX37" s="345">
        <v>249719</v>
      </c>
      <c r="MY37" s="345">
        <v>271737</v>
      </c>
      <c r="MZ37" s="349">
        <v>521456</v>
      </c>
      <c r="NA37" s="354">
        <v>521456</v>
      </c>
      <c r="NB37" s="348">
        <v>0</v>
      </c>
      <c r="NC37" s="345">
        <v>0</v>
      </c>
      <c r="ND37" s="349">
        <v>0</v>
      </c>
      <c r="NE37" s="404">
        <v>0</v>
      </c>
      <c r="NF37" s="345">
        <v>0</v>
      </c>
      <c r="NG37" s="345">
        <v>0</v>
      </c>
      <c r="NH37" s="345">
        <v>0</v>
      </c>
      <c r="NI37" s="345">
        <v>292340</v>
      </c>
      <c r="NJ37" s="345">
        <v>0</v>
      </c>
      <c r="NK37" s="349">
        <v>292340</v>
      </c>
      <c r="NL37" s="347">
        <v>292340</v>
      </c>
      <c r="NM37" s="348">
        <v>0</v>
      </c>
      <c r="NN37" s="345">
        <v>0</v>
      </c>
      <c r="NO37" s="349">
        <v>0</v>
      </c>
      <c r="NP37" s="404">
        <v>0</v>
      </c>
      <c r="NQ37" s="345">
        <v>0</v>
      </c>
      <c r="NR37" s="345">
        <v>0</v>
      </c>
      <c r="NS37" s="345">
        <v>0</v>
      </c>
      <c r="NT37" s="345">
        <v>0</v>
      </c>
      <c r="NU37" s="345">
        <v>0</v>
      </c>
      <c r="NV37" s="349">
        <v>0</v>
      </c>
      <c r="NW37" s="350">
        <v>0</v>
      </c>
      <c r="NX37" s="348">
        <v>0</v>
      </c>
      <c r="NY37" s="345">
        <v>0</v>
      </c>
      <c r="NZ37" s="349">
        <v>0</v>
      </c>
      <c r="OA37" s="404">
        <v>0</v>
      </c>
      <c r="OB37" s="345">
        <v>0</v>
      </c>
      <c r="OC37" s="345">
        <v>0</v>
      </c>
      <c r="OD37" s="345">
        <v>0</v>
      </c>
      <c r="OE37" s="345">
        <v>0</v>
      </c>
      <c r="OF37" s="345">
        <v>0</v>
      </c>
      <c r="OG37" s="349">
        <v>0</v>
      </c>
      <c r="OH37" s="350">
        <v>0</v>
      </c>
      <c r="OI37" s="348">
        <v>19516</v>
      </c>
      <c r="OJ37" s="345">
        <v>75187</v>
      </c>
      <c r="OK37" s="346">
        <v>94703</v>
      </c>
      <c r="OL37" s="351">
        <v>0</v>
      </c>
      <c r="OM37" s="345">
        <v>1148219</v>
      </c>
      <c r="ON37" s="345">
        <v>823629</v>
      </c>
      <c r="OO37" s="345">
        <v>477563</v>
      </c>
      <c r="OP37" s="345">
        <v>1047552</v>
      </c>
      <c r="OQ37" s="345">
        <v>702725</v>
      </c>
      <c r="OR37" s="349">
        <v>4199688</v>
      </c>
      <c r="OS37" s="354">
        <v>4294391</v>
      </c>
    </row>
    <row r="38" spans="2:409" s="70" customFormat="1" ht="21" customHeight="1" x14ac:dyDescent="0.2">
      <c r="B38" s="106" t="s">
        <v>33</v>
      </c>
      <c r="C38" s="326">
        <v>18402</v>
      </c>
      <c r="D38" s="327">
        <v>124457</v>
      </c>
      <c r="E38" s="328">
        <v>142859</v>
      </c>
      <c r="F38" s="329">
        <v>0</v>
      </c>
      <c r="G38" s="327">
        <v>830839</v>
      </c>
      <c r="H38" s="327">
        <v>533246</v>
      </c>
      <c r="I38" s="327">
        <v>828168</v>
      </c>
      <c r="J38" s="327">
        <v>277557</v>
      </c>
      <c r="K38" s="327">
        <v>295385</v>
      </c>
      <c r="L38" s="367">
        <v>2765195</v>
      </c>
      <c r="M38" s="330">
        <v>2908054</v>
      </c>
      <c r="N38" s="326">
        <v>0</v>
      </c>
      <c r="O38" s="327">
        <v>34397</v>
      </c>
      <c r="P38" s="328">
        <v>34397</v>
      </c>
      <c r="Q38" s="326">
        <v>0</v>
      </c>
      <c r="R38" s="327">
        <v>263954</v>
      </c>
      <c r="S38" s="327">
        <v>169561</v>
      </c>
      <c r="T38" s="327">
        <v>209744</v>
      </c>
      <c r="U38" s="327">
        <v>60706</v>
      </c>
      <c r="V38" s="327">
        <v>200213</v>
      </c>
      <c r="W38" s="328">
        <v>904178</v>
      </c>
      <c r="X38" s="330">
        <v>938575</v>
      </c>
      <c r="Y38" s="326">
        <v>0</v>
      </c>
      <c r="Z38" s="327">
        <v>0</v>
      </c>
      <c r="AA38" s="328">
        <v>0</v>
      </c>
      <c r="AB38" s="326">
        <v>0</v>
      </c>
      <c r="AC38" s="327">
        <v>120490</v>
      </c>
      <c r="AD38" s="327">
        <v>0</v>
      </c>
      <c r="AE38" s="327">
        <v>66766</v>
      </c>
      <c r="AF38" s="327">
        <v>0</v>
      </c>
      <c r="AG38" s="327">
        <v>168809</v>
      </c>
      <c r="AH38" s="328">
        <v>356065</v>
      </c>
      <c r="AI38" s="330">
        <v>356065</v>
      </c>
      <c r="AJ38" s="326">
        <v>0</v>
      </c>
      <c r="AK38" s="327">
        <v>0</v>
      </c>
      <c r="AL38" s="328">
        <v>0</v>
      </c>
      <c r="AM38" s="326">
        <v>0</v>
      </c>
      <c r="AN38" s="327">
        <v>0</v>
      </c>
      <c r="AO38" s="327">
        <v>0</v>
      </c>
      <c r="AP38" s="327">
        <v>0</v>
      </c>
      <c r="AQ38" s="327">
        <v>0</v>
      </c>
      <c r="AR38" s="327">
        <v>0</v>
      </c>
      <c r="AS38" s="328">
        <v>0</v>
      </c>
      <c r="AT38" s="330">
        <v>0</v>
      </c>
      <c r="AU38" s="326">
        <v>0</v>
      </c>
      <c r="AV38" s="327">
        <v>0</v>
      </c>
      <c r="AW38" s="328">
        <v>0</v>
      </c>
      <c r="AX38" s="326">
        <v>0</v>
      </c>
      <c r="AY38" s="327">
        <v>67918</v>
      </c>
      <c r="AZ38" s="327">
        <v>105236</v>
      </c>
      <c r="BA38" s="327">
        <v>0</v>
      </c>
      <c r="BB38" s="327">
        <v>0</v>
      </c>
      <c r="BC38" s="327">
        <v>11594</v>
      </c>
      <c r="BD38" s="328">
        <v>184748</v>
      </c>
      <c r="BE38" s="330">
        <v>184748</v>
      </c>
      <c r="BF38" s="326">
        <v>0</v>
      </c>
      <c r="BG38" s="327">
        <v>25969</v>
      </c>
      <c r="BH38" s="331">
        <v>25969</v>
      </c>
      <c r="BI38" s="332">
        <v>0</v>
      </c>
      <c r="BJ38" s="327">
        <v>53818</v>
      </c>
      <c r="BK38" s="327">
        <v>57087</v>
      </c>
      <c r="BL38" s="327">
        <v>80643</v>
      </c>
      <c r="BM38" s="327">
        <v>50381</v>
      </c>
      <c r="BN38" s="327">
        <v>0</v>
      </c>
      <c r="BO38" s="328">
        <v>241929</v>
      </c>
      <c r="BP38" s="330">
        <v>267898</v>
      </c>
      <c r="BQ38" s="326">
        <v>0</v>
      </c>
      <c r="BR38" s="327">
        <v>8428</v>
      </c>
      <c r="BS38" s="328">
        <v>8428</v>
      </c>
      <c r="BT38" s="326">
        <v>0</v>
      </c>
      <c r="BU38" s="327">
        <v>21728</v>
      </c>
      <c r="BV38" s="327">
        <v>7238</v>
      </c>
      <c r="BW38" s="327">
        <v>62335</v>
      </c>
      <c r="BX38" s="327">
        <v>10325</v>
      </c>
      <c r="BY38" s="327">
        <v>19810</v>
      </c>
      <c r="BZ38" s="328">
        <v>121436</v>
      </c>
      <c r="CA38" s="330">
        <v>129864</v>
      </c>
      <c r="CB38" s="326">
        <v>18402</v>
      </c>
      <c r="CC38" s="327">
        <v>0</v>
      </c>
      <c r="CD38" s="328">
        <v>18402</v>
      </c>
      <c r="CE38" s="326">
        <v>0</v>
      </c>
      <c r="CF38" s="327">
        <v>172772</v>
      </c>
      <c r="CG38" s="327">
        <v>0</v>
      </c>
      <c r="CH38" s="327">
        <v>35203</v>
      </c>
      <c r="CI38" s="327">
        <v>0</v>
      </c>
      <c r="CJ38" s="327">
        <v>81452</v>
      </c>
      <c r="CK38" s="328">
        <v>289427</v>
      </c>
      <c r="CL38" s="330">
        <v>307829</v>
      </c>
      <c r="CM38" s="326">
        <v>0</v>
      </c>
      <c r="CN38" s="327">
        <v>0</v>
      </c>
      <c r="CO38" s="328">
        <v>0</v>
      </c>
      <c r="CP38" s="332">
        <v>0</v>
      </c>
      <c r="CQ38" s="327">
        <v>135178</v>
      </c>
      <c r="CR38" s="327">
        <v>0</v>
      </c>
      <c r="CS38" s="327">
        <v>0</v>
      </c>
      <c r="CT38" s="327">
        <v>0</v>
      </c>
      <c r="CU38" s="327">
        <v>81452</v>
      </c>
      <c r="CV38" s="328">
        <v>216630</v>
      </c>
      <c r="CW38" s="330">
        <v>216630</v>
      </c>
      <c r="CX38" s="326">
        <v>18402</v>
      </c>
      <c r="CY38" s="327">
        <v>0</v>
      </c>
      <c r="CZ38" s="328">
        <v>18402</v>
      </c>
      <c r="DA38" s="326">
        <v>0</v>
      </c>
      <c r="DB38" s="327">
        <v>37594</v>
      </c>
      <c r="DC38" s="327">
        <v>0</v>
      </c>
      <c r="DD38" s="327">
        <v>35203</v>
      </c>
      <c r="DE38" s="327">
        <v>0</v>
      </c>
      <c r="DF38" s="327">
        <v>0</v>
      </c>
      <c r="DG38" s="328">
        <v>72797</v>
      </c>
      <c r="DH38" s="330">
        <v>91199</v>
      </c>
      <c r="DI38" s="326">
        <v>0</v>
      </c>
      <c r="DJ38" s="327">
        <v>0</v>
      </c>
      <c r="DK38" s="331">
        <v>0</v>
      </c>
      <c r="DL38" s="332">
        <v>0</v>
      </c>
      <c r="DM38" s="327">
        <v>85076</v>
      </c>
      <c r="DN38" s="327">
        <v>0</v>
      </c>
      <c r="DO38" s="327">
        <v>0</v>
      </c>
      <c r="DP38" s="327">
        <v>0</v>
      </c>
      <c r="DQ38" s="327">
        <v>0</v>
      </c>
      <c r="DR38" s="328">
        <v>85076</v>
      </c>
      <c r="DS38" s="330">
        <v>85076</v>
      </c>
      <c r="DT38" s="326">
        <v>0</v>
      </c>
      <c r="DU38" s="327">
        <v>0</v>
      </c>
      <c r="DV38" s="328">
        <v>0</v>
      </c>
      <c r="DW38" s="326">
        <v>0</v>
      </c>
      <c r="DX38" s="327">
        <v>0</v>
      </c>
      <c r="DY38" s="327">
        <v>0</v>
      </c>
      <c r="DZ38" s="327">
        <v>0</v>
      </c>
      <c r="EA38" s="327">
        <v>0</v>
      </c>
      <c r="EB38" s="327">
        <v>0</v>
      </c>
      <c r="EC38" s="328">
        <v>0</v>
      </c>
      <c r="ED38" s="330">
        <v>0</v>
      </c>
      <c r="EE38" s="326">
        <v>0</v>
      </c>
      <c r="EF38" s="331">
        <v>0</v>
      </c>
      <c r="EG38" s="328">
        <v>0</v>
      </c>
      <c r="EH38" s="326">
        <v>0</v>
      </c>
      <c r="EI38" s="327">
        <v>85076</v>
      </c>
      <c r="EJ38" s="327">
        <v>0</v>
      </c>
      <c r="EK38" s="327">
        <v>0</v>
      </c>
      <c r="EL38" s="327">
        <v>0</v>
      </c>
      <c r="EM38" s="327">
        <v>0</v>
      </c>
      <c r="EN38" s="331">
        <v>85076</v>
      </c>
      <c r="EO38" s="330">
        <v>85076</v>
      </c>
      <c r="EP38" s="326">
        <v>0</v>
      </c>
      <c r="EQ38" s="327">
        <v>0</v>
      </c>
      <c r="ER38" s="331">
        <v>0</v>
      </c>
      <c r="ES38" s="332">
        <v>0</v>
      </c>
      <c r="ET38" s="327">
        <v>0</v>
      </c>
      <c r="EU38" s="327">
        <v>0</v>
      </c>
      <c r="EV38" s="327">
        <v>0</v>
      </c>
      <c r="EW38" s="327">
        <v>0</v>
      </c>
      <c r="EX38" s="327">
        <v>0</v>
      </c>
      <c r="EY38" s="328">
        <v>0</v>
      </c>
      <c r="EZ38" s="330">
        <v>0</v>
      </c>
      <c r="FA38" s="326">
        <v>0</v>
      </c>
      <c r="FB38" s="327">
        <v>0</v>
      </c>
      <c r="FC38" s="331">
        <v>0</v>
      </c>
      <c r="FD38" s="404">
        <v>0</v>
      </c>
      <c r="FE38" s="327">
        <v>0</v>
      </c>
      <c r="FF38" s="327">
        <v>0</v>
      </c>
      <c r="FG38" s="327">
        <v>0</v>
      </c>
      <c r="FH38" s="327">
        <v>0</v>
      </c>
      <c r="FI38" s="327">
        <v>0</v>
      </c>
      <c r="FJ38" s="328">
        <v>0</v>
      </c>
      <c r="FK38" s="330">
        <v>0</v>
      </c>
      <c r="FL38" s="326">
        <v>0</v>
      </c>
      <c r="FM38" s="327">
        <v>6986</v>
      </c>
      <c r="FN38" s="328">
        <v>6986</v>
      </c>
      <c r="FO38" s="326">
        <v>0</v>
      </c>
      <c r="FP38" s="327">
        <v>27426</v>
      </c>
      <c r="FQ38" s="327">
        <v>32046</v>
      </c>
      <c r="FR38" s="327">
        <v>34818</v>
      </c>
      <c r="FS38" s="327">
        <v>15960</v>
      </c>
      <c r="FT38" s="327">
        <v>13720</v>
      </c>
      <c r="FU38" s="328">
        <v>123970</v>
      </c>
      <c r="FV38" s="330">
        <v>130956</v>
      </c>
      <c r="FW38" s="333">
        <v>0</v>
      </c>
      <c r="FX38" s="327">
        <v>6986</v>
      </c>
      <c r="FY38" s="331">
        <v>6986</v>
      </c>
      <c r="FZ38" s="332">
        <v>0</v>
      </c>
      <c r="GA38" s="327">
        <v>27426</v>
      </c>
      <c r="GB38" s="327">
        <v>32046</v>
      </c>
      <c r="GC38" s="327">
        <v>34818</v>
      </c>
      <c r="GD38" s="327">
        <v>15960</v>
      </c>
      <c r="GE38" s="327">
        <v>13720</v>
      </c>
      <c r="GF38" s="328">
        <v>123970</v>
      </c>
      <c r="GG38" s="334">
        <v>130956</v>
      </c>
      <c r="GH38" s="333">
        <v>0</v>
      </c>
      <c r="GI38" s="327">
        <v>0</v>
      </c>
      <c r="GJ38" s="331">
        <v>0</v>
      </c>
      <c r="GK38" s="332">
        <v>0</v>
      </c>
      <c r="GL38" s="327">
        <v>0</v>
      </c>
      <c r="GM38" s="327">
        <v>0</v>
      </c>
      <c r="GN38" s="327">
        <v>0</v>
      </c>
      <c r="GO38" s="327">
        <v>0</v>
      </c>
      <c r="GP38" s="327">
        <v>0</v>
      </c>
      <c r="GQ38" s="328">
        <v>0</v>
      </c>
      <c r="GR38" s="330">
        <v>0</v>
      </c>
      <c r="GS38" s="326">
        <v>0</v>
      </c>
      <c r="GT38" s="327">
        <v>0</v>
      </c>
      <c r="GU38" s="328">
        <v>0</v>
      </c>
      <c r="GV38" s="326">
        <v>0</v>
      </c>
      <c r="GW38" s="327">
        <v>0</v>
      </c>
      <c r="GX38" s="327">
        <v>0</v>
      </c>
      <c r="GY38" s="327">
        <v>0</v>
      </c>
      <c r="GZ38" s="327">
        <v>0</v>
      </c>
      <c r="HA38" s="327">
        <v>0</v>
      </c>
      <c r="HB38" s="331">
        <v>0</v>
      </c>
      <c r="HC38" s="330">
        <v>0</v>
      </c>
      <c r="HD38" s="326">
        <v>0</v>
      </c>
      <c r="HE38" s="327">
        <v>83074</v>
      </c>
      <c r="HF38" s="331">
        <v>83074</v>
      </c>
      <c r="HG38" s="332">
        <v>0</v>
      </c>
      <c r="HH38" s="327">
        <v>281611</v>
      </c>
      <c r="HI38" s="327">
        <v>331639</v>
      </c>
      <c r="HJ38" s="327">
        <v>548403</v>
      </c>
      <c r="HK38" s="327">
        <v>200891</v>
      </c>
      <c r="HL38" s="327">
        <v>0</v>
      </c>
      <c r="HM38" s="328">
        <v>1362544</v>
      </c>
      <c r="HN38" s="329">
        <v>1445618</v>
      </c>
      <c r="HO38" s="333">
        <v>0</v>
      </c>
      <c r="HP38" s="327">
        <v>0</v>
      </c>
      <c r="HQ38" s="328">
        <v>0</v>
      </c>
      <c r="HR38" s="326">
        <v>0</v>
      </c>
      <c r="HS38" s="327">
        <v>0</v>
      </c>
      <c r="HT38" s="327">
        <v>0</v>
      </c>
      <c r="HU38" s="327">
        <v>0</v>
      </c>
      <c r="HV38" s="327">
        <v>0</v>
      </c>
      <c r="HW38" s="327">
        <v>0</v>
      </c>
      <c r="HX38" s="331">
        <v>0</v>
      </c>
      <c r="HY38" s="330">
        <v>0</v>
      </c>
      <c r="HZ38" s="358">
        <v>0</v>
      </c>
      <c r="IA38" s="356">
        <v>0</v>
      </c>
      <c r="IB38" s="358">
        <v>0</v>
      </c>
      <c r="IC38" s="338">
        <v>0</v>
      </c>
      <c r="ID38" s="336">
        <v>0</v>
      </c>
      <c r="IE38" s="339">
        <v>0</v>
      </c>
      <c r="IF38" s="337">
        <v>289149</v>
      </c>
      <c r="IG38" s="336">
        <v>116215</v>
      </c>
      <c r="IH38" s="337">
        <v>0</v>
      </c>
      <c r="II38" s="340">
        <v>405364</v>
      </c>
      <c r="IJ38" s="358">
        <v>405364</v>
      </c>
      <c r="IK38" s="342">
        <v>0</v>
      </c>
      <c r="IL38" s="343">
        <v>0</v>
      </c>
      <c r="IM38" s="344">
        <v>0</v>
      </c>
      <c r="IN38" s="404">
        <v>0</v>
      </c>
      <c r="IO38" s="345">
        <v>0</v>
      </c>
      <c r="IP38" s="345">
        <v>0</v>
      </c>
      <c r="IQ38" s="345">
        <v>0</v>
      </c>
      <c r="IR38" s="345">
        <v>0</v>
      </c>
      <c r="IS38" s="345">
        <v>0</v>
      </c>
      <c r="IT38" s="346">
        <v>0</v>
      </c>
      <c r="IU38" s="347">
        <v>0</v>
      </c>
      <c r="IV38" s="348">
        <v>0</v>
      </c>
      <c r="IW38" s="345">
        <v>0</v>
      </c>
      <c r="IX38" s="349">
        <v>0</v>
      </c>
      <c r="IY38" s="404">
        <v>0</v>
      </c>
      <c r="IZ38" s="345">
        <v>0</v>
      </c>
      <c r="JA38" s="345">
        <v>0</v>
      </c>
      <c r="JB38" s="345">
        <v>0</v>
      </c>
      <c r="JC38" s="345">
        <v>0</v>
      </c>
      <c r="JD38" s="345">
        <v>0</v>
      </c>
      <c r="JE38" s="349">
        <v>0</v>
      </c>
      <c r="JF38" s="350">
        <v>0</v>
      </c>
      <c r="JG38" s="348">
        <v>0</v>
      </c>
      <c r="JH38" s="345">
        <v>0</v>
      </c>
      <c r="JI38" s="346">
        <v>0</v>
      </c>
      <c r="JJ38" s="351">
        <v>0</v>
      </c>
      <c r="JK38" s="345">
        <v>0</v>
      </c>
      <c r="JL38" s="345">
        <v>0</v>
      </c>
      <c r="JM38" s="345">
        <v>67834</v>
      </c>
      <c r="JN38" s="345">
        <v>116215</v>
      </c>
      <c r="JO38" s="345">
        <v>0</v>
      </c>
      <c r="JP38" s="349">
        <v>184049</v>
      </c>
      <c r="JQ38" s="347">
        <v>184049</v>
      </c>
      <c r="JR38" s="348">
        <v>0</v>
      </c>
      <c r="JS38" s="345">
        <v>0</v>
      </c>
      <c r="JT38" s="346">
        <v>0</v>
      </c>
      <c r="JU38" s="351">
        <v>0</v>
      </c>
      <c r="JV38" s="345">
        <v>0</v>
      </c>
      <c r="JW38" s="345">
        <v>0</v>
      </c>
      <c r="JX38" s="345">
        <v>0</v>
      </c>
      <c r="JY38" s="345">
        <v>0</v>
      </c>
      <c r="JZ38" s="345">
        <v>0</v>
      </c>
      <c r="KA38" s="349">
        <v>0</v>
      </c>
      <c r="KB38" s="347">
        <v>0</v>
      </c>
      <c r="KC38" s="352">
        <v>0</v>
      </c>
      <c r="KD38" s="353">
        <v>0</v>
      </c>
      <c r="KE38" s="349">
        <v>0</v>
      </c>
      <c r="KF38" s="351">
        <v>0</v>
      </c>
      <c r="KG38" s="345">
        <v>0</v>
      </c>
      <c r="KH38" s="345">
        <v>0</v>
      </c>
      <c r="KI38" s="345">
        <v>0</v>
      </c>
      <c r="KJ38" s="345">
        <v>0</v>
      </c>
      <c r="KK38" s="345">
        <v>0</v>
      </c>
      <c r="KL38" s="349">
        <v>0</v>
      </c>
      <c r="KM38" s="354">
        <v>0</v>
      </c>
      <c r="KN38" s="342">
        <v>0</v>
      </c>
      <c r="KO38" s="343">
        <v>0</v>
      </c>
      <c r="KP38" s="344">
        <v>0</v>
      </c>
      <c r="KQ38" s="404">
        <v>0</v>
      </c>
      <c r="KR38" s="345">
        <v>0</v>
      </c>
      <c r="KS38" s="345">
        <v>0</v>
      </c>
      <c r="KT38" s="345">
        <v>221315</v>
      </c>
      <c r="KU38" s="345">
        <v>0</v>
      </c>
      <c r="KV38" s="345">
        <v>0</v>
      </c>
      <c r="KW38" s="349">
        <v>221315</v>
      </c>
      <c r="KX38" s="347">
        <v>221315</v>
      </c>
      <c r="KY38" s="348">
        <v>0</v>
      </c>
      <c r="KZ38" s="345">
        <v>0</v>
      </c>
      <c r="LA38" s="349">
        <v>0</v>
      </c>
      <c r="LB38" s="404">
        <v>0</v>
      </c>
      <c r="LC38" s="345">
        <v>0</v>
      </c>
      <c r="LD38" s="345">
        <v>0</v>
      </c>
      <c r="LE38" s="345">
        <v>0</v>
      </c>
      <c r="LF38" s="345">
        <v>0</v>
      </c>
      <c r="LG38" s="345">
        <v>0</v>
      </c>
      <c r="LH38" s="349">
        <v>0</v>
      </c>
      <c r="LI38" s="350">
        <v>0</v>
      </c>
      <c r="LJ38" s="348">
        <v>0</v>
      </c>
      <c r="LK38" s="345">
        <v>0</v>
      </c>
      <c r="LL38" s="349">
        <v>0</v>
      </c>
      <c r="LM38" s="404">
        <v>0</v>
      </c>
      <c r="LN38" s="345">
        <v>0</v>
      </c>
      <c r="LO38" s="345">
        <v>0</v>
      </c>
      <c r="LP38" s="345">
        <v>0</v>
      </c>
      <c r="LQ38" s="345">
        <v>0</v>
      </c>
      <c r="LR38" s="345">
        <v>0</v>
      </c>
      <c r="LS38" s="349">
        <v>0</v>
      </c>
      <c r="LT38" s="347">
        <v>0</v>
      </c>
      <c r="LU38" s="348">
        <v>0</v>
      </c>
      <c r="LV38" s="345">
        <v>0</v>
      </c>
      <c r="LW38" s="349">
        <v>0</v>
      </c>
      <c r="LX38" s="404">
        <v>0</v>
      </c>
      <c r="LY38" s="345">
        <v>0</v>
      </c>
      <c r="LZ38" s="345">
        <v>0</v>
      </c>
      <c r="MA38" s="345">
        <v>0</v>
      </c>
      <c r="MB38" s="345">
        <v>0</v>
      </c>
      <c r="MC38" s="345">
        <v>0</v>
      </c>
      <c r="MD38" s="349">
        <v>0</v>
      </c>
      <c r="ME38" s="350">
        <v>0</v>
      </c>
      <c r="MF38" s="348">
        <v>0</v>
      </c>
      <c r="MG38" s="345">
        <v>0</v>
      </c>
      <c r="MH38" s="349">
        <v>0</v>
      </c>
      <c r="MI38" s="404">
        <v>0</v>
      </c>
      <c r="MJ38" s="345">
        <v>63416</v>
      </c>
      <c r="MK38" s="345">
        <v>0</v>
      </c>
      <c r="ML38" s="345">
        <v>0</v>
      </c>
      <c r="MM38" s="345">
        <v>0</v>
      </c>
      <c r="MN38" s="345">
        <v>1209213</v>
      </c>
      <c r="MO38" s="349">
        <v>1272629</v>
      </c>
      <c r="MP38" s="354">
        <v>1272629</v>
      </c>
      <c r="MQ38" s="348">
        <v>0</v>
      </c>
      <c r="MR38" s="345">
        <v>0</v>
      </c>
      <c r="MS38" s="349">
        <v>0</v>
      </c>
      <c r="MT38" s="404">
        <v>0</v>
      </c>
      <c r="MU38" s="345">
        <v>0</v>
      </c>
      <c r="MV38" s="345">
        <v>0</v>
      </c>
      <c r="MW38" s="345">
        <v>0</v>
      </c>
      <c r="MX38" s="345">
        <v>0</v>
      </c>
      <c r="MY38" s="345">
        <v>0</v>
      </c>
      <c r="MZ38" s="349">
        <v>0</v>
      </c>
      <c r="NA38" s="354">
        <v>0</v>
      </c>
      <c r="NB38" s="348">
        <v>0</v>
      </c>
      <c r="NC38" s="345">
        <v>0</v>
      </c>
      <c r="ND38" s="349">
        <v>0</v>
      </c>
      <c r="NE38" s="404">
        <v>0</v>
      </c>
      <c r="NF38" s="345">
        <v>0</v>
      </c>
      <c r="NG38" s="345">
        <v>0</v>
      </c>
      <c r="NH38" s="345">
        <v>0</v>
      </c>
      <c r="NI38" s="345">
        <v>0</v>
      </c>
      <c r="NJ38" s="345">
        <v>275409</v>
      </c>
      <c r="NK38" s="349">
        <v>275409</v>
      </c>
      <c r="NL38" s="347">
        <v>275409</v>
      </c>
      <c r="NM38" s="348">
        <v>0</v>
      </c>
      <c r="NN38" s="345">
        <v>0</v>
      </c>
      <c r="NO38" s="349">
        <v>0</v>
      </c>
      <c r="NP38" s="404">
        <v>0</v>
      </c>
      <c r="NQ38" s="345">
        <v>0</v>
      </c>
      <c r="NR38" s="345">
        <v>0</v>
      </c>
      <c r="NS38" s="345">
        <v>0</v>
      </c>
      <c r="NT38" s="345">
        <v>0</v>
      </c>
      <c r="NU38" s="345">
        <v>0</v>
      </c>
      <c r="NV38" s="349">
        <v>0</v>
      </c>
      <c r="NW38" s="350">
        <v>0</v>
      </c>
      <c r="NX38" s="348">
        <v>0</v>
      </c>
      <c r="NY38" s="345">
        <v>0</v>
      </c>
      <c r="NZ38" s="349">
        <v>0</v>
      </c>
      <c r="OA38" s="404">
        <v>0</v>
      </c>
      <c r="OB38" s="345">
        <v>63416</v>
      </c>
      <c r="OC38" s="345">
        <v>0</v>
      </c>
      <c r="OD38" s="345">
        <v>0</v>
      </c>
      <c r="OE38" s="345">
        <v>0</v>
      </c>
      <c r="OF38" s="345">
        <v>933804</v>
      </c>
      <c r="OG38" s="349">
        <v>997220</v>
      </c>
      <c r="OH38" s="350">
        <v>997220</v>
      </c>
      <c r="OI38" s="348">
        <v>18402</v>
      </c>
      <c r="OJ38" s="345">
        <v>124457</v>
      </c>
      <c r="OK38" s="346">
        <v>142859</v>
      </c>
      <c r="OL38" s="351">
        <v>0</v>
      </c>
      <c r="OM38" s="345">
        <v>894255</v>
      </c>
      <c r="ON38" s="345">
        <v>533246</v>
      </c>
      <c r="OO38" s="345">
        <v>1117317</v>
      </c>
      <c r="OP38" s="345">
        <v>393772</v>
      </c>
      <c r="OQ38" s="345">
        <v>1504598</v>
      </c>
      <c r="OR38" s="349">
        <v>4443188</v>
      </c>
      <c r="OS38" s="354">
        <v>4586047</v>
      </c>
    </row>
    <row r="39" spans="2:409" s="70" customFormat="1" ht="21" customHeight="1" x14ac:dyDescent="0.2">
      <c r="B39" s="106" t="s">
        <v>34</v>
      </c>
      <c r="C39" s="326">
        <v>0</v>
      </c>
      <c r="D39" s="327">
        <v>37205</v>
      </c>
      <c r="E39" s="368">
        <v>37205</v>
      </c>
      <c r="F39" s="370">
        <v>0</v>
      </c>
      <c r="G39" s="369">
        <v>230615</v>
      </c>
      <c r="H39" s="369">
        <v>143423</v>
      </c>
      <c r="I39" s="369">
        <v>572293</v>
      </c>
      <c r="J39" s="369">
        <v>109158</v>
      </c>
      <c r="K39" s="369">
        <v>0</v>
      </c>
      <c r="L39" s="370">
        <v>1055489</v>
      </c>
      <c r="M39" s="330">
        <v>1092694</v>
      </c>
      <c r="N39" s="326">
        <v>0</v>
      </c>
      <c r="O39" s="327">
        <v>34405</v>
      </c>
      <c r="P39" s="328">
        <v>34405</v>
      </c>
      <c r="Q39" s="326">
        <v>0</v>
      </c>
      <c r="R39" s="327">
        <v>78540</v>
      </c>
      <c r="S39" s="327">
        <v>96663</v>
      </c>
      <c r="T39" s="327">
        <v>13580</v>
      </c>
      <c r="U39" s="327">
        <v>0</v>
      </c>
      <c r="V39" s="327">
        <v>0</v>
      </c>
      <c r="W39" s="328">
        <v>188783</v>
      </c>
      <c r="X39" s="330">
        <v>223188</v>
      </c>
      <c r="Y39" s="326">
        <v>0</v>
      </c>
      <c r="Z39" s="327">
        <v>0</v>
      </c>
      <c r="AA39" s="328">
        <v>0</v>
      </c>
      <c r="AB39" s="326">
        <v>0</v>
      </c>
      <c r="AC39" s="327">
        <v>37408</v>
      </c>
      <c r="AD39" s="327">
        <v>19523</v>
      </c>
      <c r="AE39" s="327">
        <v>0</v>
      </c>
      <c r="AF39" s="327">
        <v>0</v>
      </c>
      <c r="AG39" s="327">
        <v>0</v>
      </c>
      <c r="AH39" s="328">
        <v>56931</v>
      </c>
      <c r="AI39" s="330">
        <v>56931</v>
      </c>
      <c r="AJ39" s="326">
        <v>0</v>
      </c>
      <c r="AK39" s="327">
        <v>0</v>
      </c>
      <c r="AL39" s="328">
        <v>0</v>
      </c>
      <c r="AM39" s="326">
        <v>0</v>
      </c>
      <c r="AN39" s="327">
        <v>0</v>
      </c>
      <c r="AO39" s="327">
        <v>0</v>
      </c>
      <c r="AP39" s="327">
        <v>0</v>
      </c>
      <c r="AQ39" s="327">
        <v>0</v>
      </c>
      <c r="AR39" s="327">
        <v>0</v>
      </c>
      <c r="AS39" s="328">
        <v>0</v>
      </c>
      <c r="AT39" s="330">
        <v>0</v>
      </c>
      <c r="AU39" s="326">
        <v>0</v>
      </c>
      <c r="AV39" s="327">
        <v>34405</v>
      </c>
      <c r="AW39" s="328">
        <v>34405</v>
      </c>
      <c r="AX39" s="326">
        <v>0</v>
      </c>
      <c r="AY39" s="327">
        <v>25557</v>
      </c>
      <c r="AZ39" s="327">
        <v>33180</v>
      </c>
      <c r="BA39" s="327">
        <v>0</v>
      </c>
      <c r="BB39" s="327">
        <v>0</v>
      </c>
      <c r="BC39" s="327">
        <v>0</v>
      </c>
      <c r="BD39" s="328">
        <v>58737</v>
      </c>
      <c r="BE39" s="330">
        <v>93142</v>
      </c>
      <c r="BF39" s="326">
        <v>0</v>
      </c>
      <c r="BG39" s="327">
        <v>0</v>
      </c>
      <c r="BH39" s="331">
        <v>0</v>
      </c>
      <c r="BI39" s="332">
        <v>0</v>
      </c>
      <c r="BJ39" s="327">
        <v>0</v>
      </c>
      <c r="BK39" s="327">
        <v>43960</v>
      </c>
      <c r="BL39" s="327">
        <v>0</v>
      </c>
      <c r="BM39" s="327">
        <v>0</v>
      </c>
      <c r="BN39" s="327">
        <v>0</v>
      </c>
      <c r="BO39" s="328">
        <v>43960</v>
      </c>
      <c r="BP39" s="330">
        <v>43960</v>
      </c>
      <c r="BQ39" s="326">
        <v>0</v>
      </c>
      <c r="BR39" s="327">
        <v>0</v>
      </c>
      <c r="BS39" s="328">
        <v>0</v>
      </c>
      <c r="BT39" s="326">
        <v>0</v>
      </c>
      <c r="BU39" s="327">
        <v>15575</v>
      </c>
      <c r="BV39" s="327">
        <v>0</v>
      </c>
      <c r="BW39" s="327">
        <v>13580</v>
      </c>
      <c r="BX39" s="327">
        <v>0</v>
      </c>
      <c r="BY39" s="327">
        <v>0</v>
      </c>
      <c r="BZ39" s="328">
        <v>29155</v>
      </c>
      <c r="CA39" s="330">
        <v>29155</v>
      </c>
      <c r="CB39" s="326">
        <v>0</v>
      </c>
      <c r="CC39" s="327">
        <v>0</v>
      </c>
      <c r="CD39" s="328">
        <v>0</v>
      </c>
      <c r="CE39" s="326">
        <v>0</v>
      </c>
      <c r="CF39" s="327">
        <v>0</v>
      </c>
      <c r="CG39" s="327">
        <v>29330</v>
      </c>
      <c r="CH39" s="327">
        <v>186557</v>
      </c>
      <c r="CI39" s="327">
        <v>106036</v>
      </c>
      <c r="CJ39" s="327">
        <v>0</v>
      </c>
      <c r="CK39" s="328">
        <v>321923</v>
      </c>
      <c r="CL39" s="330">
        <v>321923</v>
      </c>
      <c r="CM39" s="326">
        <v>0</v>
      </c>
      <c r="CN39" s="327">
        <v>0</v>
      </c>
      <c r="CO39" s="328">
        <v>0</v>
      </c>
      <c r="CP39" s="332">
        <v>0</v>
      </c>
      <c r="CQ39" s="327">
        <v>0</v>
      </c>
      <c r="CR39" s="327">
        <v>29330</v>
      </c>
      <c r="CS39" s="327">
        <v>186557</v>
      </c>
      <c r="CT39" s="327">
        <v>106036</v>
      </c>
      <c r="CU39" s="327">
        <v>0</v>
      </c>
      <c r="CV39" s="328">
        <v>321923</v>
      </c>
      <c r="CW39" s="330">
        <v>321923</v>
      </c>
      <c r="CX39" s="326">
        <v>0</v>
      </c>
      <c r="CY39" s="327">
        <v>0</v>
      </c>
      <c r="CZ39" s="328">
        <v>0</v>
      </c>
      <c r="DA39" s="326">
        <v>0</v>
      </c>
      <c r="DB39" s="327">
        <v>0</v>
      </c>
      <c r="DC39" s="327">
        <v>0</v>
      </c>
      <c r="DD39" s="327">
        <v>0</v>
      </c>
      <c r="DE39" s="327">
        <v>0</v>
      </c>
      <c r="DF39" s="327">
        <v>0</v>
      </c>
      <c r="DG39" s="328">
        <v>0</v>
      </c>
      <c r="DH39" s="330">
        <v>0</v>
      </c>
      <c r="DI39" s="326">
        <v>0</v>
      </c>
      <c r="DJ39" s="327">
        <v>0</v>
      </c>
      <c r="DK39" s="331">
        <v>0</v>
      </c>
      <c r="DL39" s="332">
        <v>0</v>
      </c>
      <c r="DM39" s="327">
        <v>0</v>
      </c>
      <c r="DN39" s="327">
        <v>0</v>
      </c>
      <c r="DO39" s="327">
        <v>17220</v>
      </c>
      <c r="DP39" s="327">
        <v>0</v>
      </c>
      <c r="DQ39" s="327">
        <v>0</v>
      </c>
      <c r="DR39" s="328">
        <v>17220</v>
      </c>
      <c r="DS39" s="330">
        <v>17220</v>
      </c>
      <c r="DT39" s="326">
        <v>0</v>
      </c>
      <c r="DU39" s="327">
        <v>0</v>
      </c>
      <c r="DV39" s="328">
        <v>0</v>
      </c>
      <c r="DW39" s="326">
        <v>0</v>
      </c>
      <c r="DX39" s="327">
        <v>0</v>
      </c>
      <c r="DY39" s="327">
        <v>0</v>
      </c>
      <c r="DZ39" s="327">
        <v>17220</v>
      </c>
      <c r="EA39" s="327">
        <v>0</v>
      </c>
      <c r="EB39" s="327">
        <v>0</v>
      </c>
      <c r="EC39" s="328">
        <v>17220</v>
      </c>
      <c r="ED39" s="330">
        <v>17220</v>
      </c>
      <c r="EE39" s="326">
        <v>0</v>
      </c>
      <c r="EF39" s="331">
        <v>0</v>
      </c>
      <c r="EG39" s="328">
        <v>0</v>
      </c>
      <c r="EH39" s="326">
        <v>0</v>
      </c>
      <c r="EI39" s="327">
        <v>0</v>
      </c>
      <c r="EJ39" s="327">
        <v>0</v>
      </c>
      <c r="EK39" s="327">
        <v>0</v>
      </c>
      <c r="EL39" s="327">
        <v>0</v>
      </c>
      <c r="EM39" s="327">
        <v>0</v>
      </c>
      <c r="EN39" s="331">
        <v>0</v>
      </c>
      <c r="EO39" s="330">
        <v>0</v>
      </c>
      <c r="EP39" s="326">
        <v>0</v>
      </c>
      <c r="EQ39" s="327">
        <v>0</v>
      </c>
      <c r="ER39" s="331">
        <v>0</v>
      </c>
      <c r="ES39" s="332">
        <v>0</v>
      </c>
      <c r="ET39" s="327">
        <v>0</v>
      </c>
      <c r="EU39" s="327">
        <v>0</v>
      </c>
      <c r="EV39" s="327">
        <v>0</v>
      </c>
      <c r="EW39" s="327">
        <v>0</v>
      </c>
      <c r="EX39" s="327">
        <v>0</v>
      </c>
      <c r="EY39" s="328">
        <v>0</v>
      </c>
      <c r="EZ39" s="330">
        <v>0</v>
      </c>
      <c r="FA39" s="326">
        <v>0</v>
      </c>
      <c r="FB39" s="327">
        <v>0</v>
      </c>
      <c r="FC39" s="331">
        <v>0</v>
      </c>
      <c r="FD39" s="404">
        <v>0</v>
      </c>
      <c r="FE39" s="327">
        <v>0</v>
      </c>
      <c r="FF39" s="327">
        <v>0</v>
      </c>
      <c r="FG39" s="327">
        <v>0</v>
      </c>
      <c r="FH39" s="327">
        <v>0</v>
      </c>
      <c r="FI39" s="327">
        <v>0</v>
      </c>
      <c r="FJ39" s="328">
        <v>0</v>
      </c>
      <c r="FK39" s="330">
        <v>0</v>
      </c>
      <c r="FL39" s="326">
        <v>0</v>
      </c>
      <c r="FM39" s="327">
        <v>2800</v>
      </c>
      <c r="FN39" s="328">
        <v>2800</v>
      </c>
      <c r="FO39" s="326">
        <v>0</v>
      </c>
      <c r="FP39" s="327">
        <v>152075</v>
      </c>
      <c r="FQ39" s="327">
        <v>17430</v>
      </c>
      <c r="FR39" s="327">
        <v>0</v>
      </c>
      <c r="FS39" s="327">
        <v>3122</v>
      </c>
      <c r="FT39" s="327">
        <v>0</v>
      </c>
      <c r="FU39" s="328">
        <v>172627</v>
      </c>
      <c r="FV39" s="330">
        <v>175427</v>
      </c>
      <c r="FW39" s="333">
        <v>0</v>
      </c>
      <c r="FX39" s="327">
        <v>2800</v>
      </c>
      <c r="FY39" s="331">
        <v>2800</v>
      </c>
      <c r="FZ39" s="332">
        <v>0</v>
      </c>
      <c r="GA39" s="327">
        <v>17325</v>
      </c>
      <c r="GB39" s="327">
        <v>17430</v>
      </c>
      <c r="GC39" s="327">
        <v>0</v>
      </c>
      <c r="GD39" s="327">
        <v>3122</v>
      </c>
      <c r="GE39" s="327">
        <v>0</v>
      </c>
      <c r="GF39" s="328">
        <v>37877</v>
      </c>
      <c r="GG39" s="334">
        <v>40677</v>
      </c>
      <c r="GH39" s="333">
        <v>0</v>
      </c>
      <c r="GI39" s="327">
        <v>0</v>
      </c>
      <c r="GJ39" s="331">
        <v>0</v>
      </c>
      <c r="GK39" s="332">
        <v>0</v>
      </c>
      <c r="GL39" s="327">
        <v>0</v>
      </c>
      <c r="GM39" s="327">
        <v>0</v>
      </c>
      <c r="GN39" s="327">
        <v>0</v>
      </c>
      <c r="GO39" s="327">
        <v>0</v>
      </c>
      <c r="GP39" s="327">
        <v>0</v>
      </c>
      <c r="GQ39" s="328">
        <v>0</v>
      </c>
      <c r="GR39" s="330">
        <v>0</v>
      </c>
      <c r="GS39" s="326">
        <v>0</v>
      </c>
      <c r="GT39" s="327">
        <v>0</v>
      </c>
      <c r="GU39" s="328">
        <v>0</v>
      </c>
      <c r="GV39" s="326">
        <v>0</v>
      </c>
      <c r="GW39" s="327">
        <v>134750</v>
      </c>
      <c r="GX39" s="327">
        <v>0</v>
      </c>
      <c r="GY39" s="327">
        <v>0</v>
      </c>
      <c r="GZ39" s="327">
        <v>0</v>
      </c>
      <c r="HA39" s="327">
        <v>0</v>
      </c>
      <c r="HB39" s="331">
        <v>134750</v>
      </c>
      <c r="HC39" s="330">
        <v>134750</v>
      </c>
      <c r="HD39" s="326">
        <v>0</v>
      </c>
      <c r="HE39" s="327">
        <v>0</v>
      </c>
      <c r="HF39" s="331">
        <v>0</v>
      </c>
      <c r="HG39" s="332">
        <v>0</v>
      </c>
      <c r="HH39" s="327">
        <v>0</v>
      </c>
      <c r="HI39" s="327">
        <v>0</v>
      </c>
      <c r="HJ39" s="327">
        <v>354936</v>
      </c>
      <c r="HK39" s="327">
        <v>0</v>
      </c>
      <c r="HL39" s="327">
        <v>0</v>
      </c>
      <c r="HM39" s="328">
        <v>354936</v>
      </c>
      <c r="HN39" s="329">
        <v>354936</v>
      </c>
      <c r="HO39" s="333">
        <v>0</v>
      </c>
      <c r="HP39" s="327">
        <v>0</v>
      </c>
      <c r="HQ39" s="328">
        <v>0</v>
      </c>
      <c r="HR39" s="326">
        <v>0</v>
      </c>
      <c r="HS39" s="327">
        <v>0</v>
      </c>
      <c r="HT39" s="327">
        <v>0</v>
      </c>
      <c r="HU39" s="327">
        <v>0</v>
      </c>
      <c r="HV39" s="327">
        <v>0</v>
      </c>
      <c r="HW39" s="327">
        <v>0</v>
      </c>
      <c r="HX39" s="331">
        <v>0</v>
      </c>
      <c r="HY39" s="330">
        <v>0</v>
      </c>
      <c r="HZ39" s="335">
        <v>0</v>
      </c>
      <c r="IA39" s="336">
        <v>0</v>
      </c>
      <c r="IB39" s="337">
        <v>0</v>
      </c>
      <c r="IC39" s="338">
        <v>0</v>
      </c>
      <c r="ID39" s="336">
        <v>146440</v>
      </c>
      <c r="IE39" s="339">
        <v>0</v>
      </c>
      <c r="IF39" s="337">
        <v>0</v>
      </c>
      <c r="IG39" s="336">
        <v>0</v>
      </c>
      <c r="IH39" s="337">
        <v>0</v>
      </c>
      <c r="II39" s="340">
        <v>146440</v>
      </c>
      <c r="IJ39" s="341">
        <v>146440</v>
      </c>
      <c r="IK39" s="342">
        <v>0</v>
      </c>
      <c r="IL39" s="343">
        <v>0</v>
      </c>
      <c r="IM39" s="344">
        <v>0</v>
      </c>
      <c r="IN39" s="404">
        <v>0</v>
      </c>
      <c r="IO39" s="345">
        <v>0</v>
      </c>
      <c r="IP39" s="345">
        <v>0</v>
      </c>
      <c r="IQ39" s="345">
        <v>0</v>
      </c>
      <c r="IR39" s="345">
        <v>0</v>
      </c>
      <c r="IS39" s="345">
        <v>0</v>
      </c>
      <c r="IT39" s="346">
        <v>0</v>
      </c>
      <c r="IU39" s="347">
        <v>0</v>
      </c>
      <c r="IV39" s="348">
        <v>0</v>
      </c>
      <c r="IW39" s="345">
        <v>0</v>
      </c>
      <c r="IX39" s="349">
        <v>0</v>
      </c>
      <c r="IY39" s="404">
        <v>0</v>
      </c>
      <c r="IZ39" s="345">
        <v>0</v>
      </c>
      <c r="JA39" s="345">
        <v>0</v>
      </c>
      <c r="JB39" s="345">
        <v>0</v>
      </c>
      <c r="JC39" s="345">
        <v>0</v>
      </c>
      <c r="JD39" s="345">
        <v>0</v>
      </c>
      <c r="JE39" s="349">
        <v>0</v>
      </c>
      <c r="JF39" s="350">
        <v>0</v>
      </c>
      <c r="JG39" s="348">
        <v>0</v>
      </c>
      <c r="JH39" s="345">
        <v>0</v>
      </c>
      <c r="JI39" s="346">
        <v>0</v>
      </c>
      <c r="JJ39" s="351">
        <v>0</v>
      </c>
      <c r="JK39" s="345">
        <v>44898</v>
      </c>
      <c r="JL39" s="345">
        <v>0</v>
      </c>
      <c r="JM39" s="345">
        <v>0</v>
      </c>
      <c r="JN39" s="345">
        <v>0</v>
      </c>
      <c r="JO39" s="345">
        <v>0</v>
      </c>
      <c r="JP39" s="349">
        <v>44898</v>
      </c>
      <c r="JQ39" s="347">
        <v>44898</v>
      </c>
      <c r="JR39" s="348">
        <v>0</v>
      </c>
      <c r="JS39" s="345">
        <v>0</v>
      </c>
      <c r="JT39" s="346">
        <v>0</v>
      </c>
      <c r="JU39" s="351">
        <v>0</v>
      </c>
      <c r="JV39" s="345">
        <v>0</v>
      </c>
      <c r="JW39" s="345">
        <v>0</v>
      </c>
      <c r="JX39" s="345">
        <v>0</v>
      </c>
      <c r="JY39" s="345">
        <v>0</v>
      </c>
      <c r="JZ39" s="345">
        <v>0</v>
      </c>
      <c r="KA39" s="349">
        <v>0</v>
      </c>
      <c r="KB39" s="347">
        <v>0</v>
      </c>
      <c r="KC39" s="352">
        <v>0</v>
      </c>
      <c r="KD39" s="353">
        <v>0</v>
      </c>
      <c r="KE39" s="349">
        <v>0</v>
      </c>
      <c r="KF39" s="351">
        <v>0</v>
      </c>
      <c r="KG39" s="345">
        <v>101542</v>
      </c>
      <c r="KH39" s="345">
        <v>0</v>
      </c>
      <c r="KI39" s="345">
        <v>0</v>
      </c>
      <c r="KJ39" s="345">
        <v>0</v>
      </c>
      <c r="KK39" s="345">
        <v>0</v>
      </c>
      <c r="KL39" s="349">
        <v>101542</v>
      </c>
      <c r="KM39" s="354">
        <v>101542</v>
      </c>
      <c r="KN39" s="342">
        <v>0</v>
      </c>
      <c r="KO39" s="343">
        <v>0</v>
      </c>
      <c r="KP39" s="344">
        <v>0</v>
      </c>
      <c r="KQ39" s="404">
        <v>0</v>
      </c>
      <c r="KR39" s="345">
        <v>0</v>
      </c>
      <c r="KS39" s="345">
        <v>0</v>
      </c>
      <c r="KT39" s="345">
        <v>0</v>
      </c>
      <c r="KU39" s="345">
        <v>0</v>
      </c>
      <c r="KV39" s="345">
        <v>0</v>
      </c>
      <c r="KW39" s="349">
        <v>0</v>
      </c>
      <c r="KX39" s="347">
        <v>0</v>
      </c>
      <c r="KY39" s="348">
        <v>0</v>
      </c>
      <c r="KZ39" s="345">
        <v>0</v>
      </c>
      <c r="LA39" s="349">
        <v>0</v>
      </c>
      <c r="LB39" s="404">
        <v>0</v>
      </c>
      <c r="LC39" s="345">
        <v>0</v>
      </c>
      <c r="LD39" s="345">
        <v>0</v>
      </c>
      <c r="LE39" s="345">
        <v>0</v>
      </c>
      <c r="LF39" s="345">
        <v>0</v>
      </c>
      <c r="LG39" s="345">
        <v>0</v>
      </c>
      <c r="LH39" s="349">
        <v>0</v>
      </c>
      <c r="LI39" s="350">
        <v>0</v>
      </c>
      <c r="LJ39" s="348">
        <v>0</v>
      </c>
      <c r="LK39" s="345">
        <v>0</v>
      </c>
      <c r="LL39" s="349">
        <v>0</v>
      </c>
      <c r="LM39" s="404">
        <v>0</v>
      </c>
      <c r="LN39" s="345">
        <v>0</v>
      </c>
      <c r="LO39" s="345">
        <v>0</v>
      </c>
      <c r="LP39" s="345">
        <v>0</v>
      </c>
      <c r="LQ39" s="345">
        <v>0</v>
      </c>
      <c r="LR39" s="345">
        <v>0</v>
      </c>
      <c r="LS39" s="349">
        <v>0</v>
      </c>
      <c r="LT39" s="347">
        <v>0</v>
      </c>
      <c r="LU39" s="348">
        <v>0</v>
      </c>
      <c r="LV39" s="345">
        <v>0</v>
      </c>
      <c r="LW39" s="349">
        <v>0</v>
      </c>
      <c r="LX39" s="404">
        <v>0</v>
      </c>
      <c r="LY39" s="345">
        <v>0</v>
      </c>
      <c r="LZ39" s="345">
        <v>0</v>
      </c>
      <c r="MA39" s="345">
        <v>0</v>
      </c>
      <c r="MB39" s="345">
        <v>0</v>
      </c>
      <c r="MC39" s="345">
        <v>0</v>
      </c>
      <c r="MD39" s="349">
        <v>0</v>
      </c>
      <c r="ME39" s="350">
        <v>0</v>
      </c>
      <c r="MF39" s="348">
        <v>0</v>
      </c>
      <c r="MG39" s="345">
        <v>0</v>
      </c>
      <c r="MH39" s="349">
        <v>0</v>
      </c>
      <c r="MI39" s="404">
        <v>0</v>
      </c>
      <c r="MJ39" s="345">
        <v>0</v>
      </c>
      <c r="MK39" s="345">
        <v>0</v>
      </c>
      <c r="ML39" s="345">
        <v>0</v>
      </c>
      <c r="MM39" s="345">
        <v>202718</v>
      </c>
      <c r="MN39" s="345">
        <v>0</v>
      </c>
      <c r="MO39" s="349">
        <v>202718</v>
      </c>
      <c r="MP39" s="354">
        <v>202718</v>
      </c>
      <c r="MQ39" s="348">
        <v>0</v>
      </c>
      <c r="MR39" s="345">
        <v>0</v>
      </c>
      <c r="MS39" s="349">
        <v>0</v>
      </c>
      <c r="MT39" s="404">
        <v>0</v>
      </c>
      <c r="MU39" s="345">
        <v>0</v>
      </c>
      <c r="MV39" s="345">
        <v>0</v>
      </c>
      <c r="MW39" s="345">
        <v>0</v>
      </c>
      <c r="MX39" s="345">
        <v>202718</v>
      </c>
      <c r="MY39" s="345">
        <v>0</v>
      </c>
      <c r="MZ39" s="349">
        <v>202718</v>
      </c>
      <c r="NA39" s="354">
        <v>202718</v>
      </c>
      <c r="NB39" s="348">
        <v>0</v>
      </c>
      <c r="NC39" s="345">
        <v>0</v>
      </c>
      <c r="ND39" s="349">
        <v>0</v>
      </c>
      <c r="NE39" s="404">
        <v>0</v>
      </c>
      <c r="NF39" s="345">
        <v>0</v>
      </c>
      <c r="NG39" s="345">
        <v>0</v>
      </c>
      <c r="NH39" s="345">
        <v>0</v>
      </c>
      <c r="NI39" s="345">
        <v>0</v>
      </c>
      <c r="NJ39" s="345">
        <v>0</v>
      </c>
      <c r="NK39" s="349">
        <v>0</v>
      </c>
      <c r="NL39" s="347">
        <v>0</v>
      </c>
      <c r="NM39" s="348">
        <v>0</v>
      </c>
      <c r="NN39" s="345">
        <v>0</v>
      </c>
      <c r="NO39" s="349">
        <v>0</v>
      </c>
      <c r="NP39" s="404">
        <v>0</v>
      </c>
      <c r="NQ39" s="345">
        <v>0</v>
      </c>
      <c r="NR39" s="345">
        <v>0</v>
      </c>
      <c r="NS39" s="345">
        <v>0</v>
      </c>
      <c r="NT39" s="345">
        <v>0</v>
      </c>
      <c r="NU39" s="345">
        <v>0</v>
      </c>
      <c r="NV39" s="349">
        <v>0</v>
      </c>
      <c r="NW39" s="350">
        <v>0</v>
      </c>
      <c r="NX39" s="348">
        <v>0</v>
      </c>
      <c r="NY39" s="345">
        <v>0</v>
      </c>
      <c r="NZ39" s="349">
        <v>0</v>
      </c>
      <c r="OA39" s="404">
        <v>0</v>
      </c>
      <c r="OB39" s="345">
        <v>0</v>
      </c>
      <c r="OC39" s="345">
        <v>0</v>
      </c>
      <c r="OD39" s="345">
        <v>0</v>
      </c>
      <c r="OE39" s="345">
        <v>0</v>
      </c>
      <c r="OF39" s="345">
        <v>0</v>
      </c>
      <c r="OG39" s="349">
        <v>0</v>
      </c>
      <c r="OH39" s="350">
        <v>0</v>
      </c>
      <c r="OI39" s="348">
        <v>0</v>
      </c>
      <c r="OJ39" s="345">
        <v>37205</v>
      </c>
      <c r="OK39" s="346">
        <v>37205</v>
      </c>
      <c r="OL39" s="351">
        <v>0</v>
      </c>
      <c r="OM39" s="345">
        <v>377055</v>
      </c>
      <c r="ON39" s="345">
        <v>143423</v>
      </c>
      <c r="OO39" s="345">
        <v>572293</v>
      </c>
      <c r="OP39" s="345">
        <v>311876</v>
      </c>
      <c r="OQ39" s="345">
        <v>0</v>
      </c>
      <c r="OR39" s="349">
        <v>1404647</v>
      </c>
      <c r="OS39" s="354">
        <v>1441852</v>
      </c>
    </row>
    <row r="40" spans="2:409" s="70" customFormat="1" ht="21" customHeight="1" x14ac:dyDescent="0.2">
      <c r="B40" s="106" t="s">
        <v>35</v>
      </c>
      <c r="C40" s="326">
        <v>288876</v>
      </c>
      <c r="D40" s="327">
        <v>360171</v>
      </c>
      <c r="E40" s="328">
        <v>649047</v>
      </c>
      <c r="F40" s="329">
        <v>0</v>
      </c>
      <c r="G40" s="327">
        <v>741743</v>
      </c>
      <c r="H40" s="327">
        <v>745553</v>
      </c>
      <c r="I40" s="327">
        <v>894182</v>
      </c>
      <c r="J40" s="327">
        <v>401772</v>
      </c>
      <c r="K40" s="327">
        <v>471668</v>
      </c>
      <c r="L40" s="367">
        <v>3254918</v>
      </c>
      <c r="M40" s="330">
        <v>3903965</v>
      </c>
      <c r="N40" s="326">
        <v>77238</v>
      </c>
      <c r="O40" s="327">
        <v>132209</v>
      </c>
      <c r="P40" s="328">
        <v>209447</v>
      </c>
      <c r="Q40" s="326">
        <v>0</v>
      </c>
      <c r="R40" s="327">
        <v>144168</v>
      </c>
      <c r="S40" s="327">
        <v>352195</v>
      </c>
      <c r="T40" s="327">
        <v>211813</v>
      </c>
      <c r="U40" s="327">
        <v>18004</v>
      </c>
      <c r="V40" s="327">
        <v>46074</v>
      </c>
      <c r="W40" s="328">
        <v>772254</v>
      </c>
      <c r="X40" s="330">
        <v>981701</v>
      </c>
      <c r="Y40" s="326">
        <v>0</v>
      </c>
      <c r="Z40" s="327">
        <v>0</v>
      </c>
      <c r="AA40" s="328">
        <v>0</v>
      </c>
      <c r="AB40" s="326">
        <v>0</v>
      </c>
      <c r="AC40" s="327">
        <v>34692</v>
      </c>
      <c r="AD40" s="327">
        <v>138541</v>
      </c>
      <c r="AE40" s="327">
        <v>59346</v>
      </c>
      <c r="AF40" s="327">
        <v>0</v>
      </c>
      <c r="AG40" s="327">
        <v>0</v>
      </c>
      <c r="AH40" s="328">
        <v>232579</v>
      </c>
      <c r="AI40" s="330">
        <v>232579</v>
      </c>
      <c r="AJ40" s="326">
        <v>0</v>
      </c>
      <c r="AK40" s="327">
        <v>0</v>
      </c>
      <c r="AL40" s="328">
        <v>0</v>
      </c>
      <c r="AM40" s="326">
        <v>0</v>
      </c>
      <c r="AN40" s="327">
        <v>0</v>
      </c>
      <c r="AO40" s="327">
        <v>0</v>
      </c>
      <c r="AP40" s="327">
        <v>0</v>
      </c>
      <c r="AQ40" s="327">
        <v>0</v>
      </c>
      <c r="AR40" s="327">
        <v>0</v>
      </c>
      <c r="AS40" s="328">
        <v>0</v>
      </c>
      <c r="AT40" s="330">
        <v>0</v>
      </c>
      <c r="AU40" s="326">
        <v>30989</v>
      </c>
      <c r="AV40" s="327">
        <v>52206</v>
      </c>
      <c r="AW40" s="328">
        <v>83195</v>
      </c>
      <c r="AX40" s="326">
        <v>0</v>
      </c>
      <c r="AY40" s="327">
        <v>57627</v>
      </c>
      <c r="AZ40" s="327">
        <v>141085</v>
      </c>
      <c r="BA40" s="327">
        <v>104006</v>
      </c>
      <c r="BB40" s="327">
        <v>0</v>
      </c>
      <c r="BC40" s="327">
        <v>16548</v>
      </c>
      <c r="BD40" s="328">
        <v>319266</v>
      </c>
      <c r="BE40" s="330">
        <v>402461</v>
      </c>
      <c r="BF40" s="326">
        <v>17024</v>
      </c>
      <c r="BG40" s="327">
        <v>57456</v>
      </c>
      <c r="BH40" s="331">
        <v>74480</v>
      </c>
      <c r="BI40" s="332">
        <v>0</v>
      </c>
      <c r="BJ40" s="327">
        <v>0</v>
      </c>
      <c r="BK40" s="327">
        <v>58408</v>
      </c>
      <c r="BL40" s="327">
        <v>0</v>
      </c>
      <c r="BM40" s="327">
        <v>0</v>
      </c>
      <c r="BN40" s="327">
        <v>0</v>
      </c>
      <c r="BO40" s="328">
        <v>58408</v>
      </c>
      <c r="BP40" s="330">
        <v>132888</v>
      </c>
      <c r="BQ40" s="326">
        <v>29225</v>
      </c>
      <c r="BR40" s="327">
        <v>22547</v>
      </c>
      <c r="BS40" s="328">
        <v>51772</v>
      </c>
      <c r="BT40" s="326">
        <v>0</v>
      </c>
      <c r="BU40" s="327">
        <v>51849</v>
      </c>
      <c r="BV40" s="327">
        <v>14161</v>
      </c>
      <c r="BW40" s="327">
        <v>48461</v>
      </c>
      <c r="BX40" s="327">
        <v>18004</v>
      </c>
      <c r="BY40" s="327">
        <v>29526</v>
      </c>
      <c r="BZ40" s="328">
        <v>162001</v>
      </c>
      <c r="CA40" s="330">
        <v>213773</v>
      </c>
      <c r="CB40" s="326">
        <v>52969</v>
      </c>
      <c r="CC40" s="327">
        <v>127701</v>
      </c>
      <c r="CD40" s="328">
        <v>180670</v>
      </c>
      <c r="CE40" s="326">
        <v>0</v>
      </c>
      <c r="CF40" s="327">
        <v>177786</v>
      </c>
      <c r="CG40" s="327">
        <v>234290</v>
      </c>
      <c r="CH40" s="327">
        <v>169325</v>
      </c>
      <c r="CI40" s="327">
        <v>0</v>
      </c>
      <c r="CJ40" s="327">
        <v>51576</v>
      </c>
      <c r="CK40" s="328">
        <v>632977</v>
      </c>
      <c r="CL40" s="330">
        <v>813647</v>
      </c>
      <c r="CM40" s="326">
        <v>0</v>
      </c>
      <c r="CN40" s="327">
        <v>0</v>
      </c>
      <c r="CO40" s="328">
        <v>0</v>
      </c>
      <c r="CP40" s="332">
        <v>0</v>
      </c>
      <c r="CQ40" s="327">
        <v>71855</v>
      </c>
      <c r="CR40" s="327">
        <v>170093</v>
      </c>
      <c r="CS40" s="327">
        <v>0</v>
      </c>
      <c r="CT40" s="327">
        <v>0</v>
      </c>
      <c r="CU40" s="327">
        <v>51576</v>
      </c>
      <c r="CV40" s="328">
        <v>293524</v>
      </c>
      <c r="CW40" s="330">
        <v>293524</v>
      </c>
      <c r="CX40" s="326">
        <v>52969</v>
      </c>
      <c r="CY40" s="327">
        <v>127701</v>
      </c>
      <c r="CZ40" s="328">
        <v>180670</v>
      </c>
      <c r="DA40" s="326">
        <v>0</v>
      </c>
      <c r="DB40" s="327">
        <v>105931</v>
      </c>
      <c r="DC40" s="327">
        <v>64197</v>
      </c>
      <c r="DD40" s="327">
        <v>169325</v>
      </c>
      <c r="DE40" s="327">
        <v>0</v>
      </c>
      <c r="DF40" s="327">
        <v>0</v>
      </c>
      <c r="DG40" s="328">
        <v>339453</v>
      </c>
      <c r="DH40" s="330">
        <v>520123</v>
      </c>
      <c r="DI40" s="326">
        <v>0</v>
      </c>
      <c r="DJ40" s="327">
        <v>0</v>
      </c>
      <c r="DK40" s="331">
        <v>0</v>
      </c>
      <c r="DL40" s="332">
        <v>0</v>
      </c>
      <c r="DM40" s="327">
        <v>0</v>
      </c>
      <c r="DN40" s="327">
        <v>0</v>
      </c>
      <c r="DO40" s="327">
        <v>24360</v>
      </c>
      <c r="DP40" s="327">
        <v>0</v>
      </c>
      <c r="DQ40" s="327">
        <v>133938</v>
      </c>
      <c r="DR40" s="328">
        <v>158298</v>
      </c>
      <c r="DS40" s="330">
        <v>158298</v>
      </c>
      <c r="DT40" s="326">
        <v>0</v>
      </c>
      <c r="DU40" s="327">
        <v>0</v>
      </c>
      <c r="DV40" s="328">
        <v>0</v>
      </c>
      <c r="DW40" s="326">
        <v>0</v>
      </c>
      <c r="DX40" s="327">
        <v>0</v>
      </c>
      <c r="DY40" s="327">
        <v>0</v>
      </c>
      <c r="DZ40" s="327">
        <v>24360</v>
      </c>
      <c r="EA40" s="327">
        <v>0</v>
      </c>
      <c r="EB40" s="327">
        <v>133938</v>
      </c>
      <c r="EC40" s="328">
        <v>158298</v>
      </c>
      <c r="ED40" s="330">
        <v>158298</v>
      </c>
      <c r="EE40" s="326">
        <v>0</v>
      </c>
      <c r="EF40" s="331">
        <v>0</v>
      </c>
      <c r="EG40" s="328">
        <v>0</v>
      </c>
      <c r="EH40" s="326">
        <v>0</v>
      </c>
      <c r="EI40" s="327">
        <v>0</v>
      </c>
      <c r="EJ40" s="327">
        <v>0</v>
      </c>
      <c r="EK40" s="327">
        <v>0</v>
      </c>
      <c r="EL40" s="327">
        <v>0</v>
      </c>
      <c r="EM40" s="327">
        <v>0</v>
      </c>
      <c r="EN40" s="331">
        <v>0</v>
      </c>
      <c r="EO40" s="330">
        <v>0</v>
      </c>
      <c r="EP40" s="326">
        <v>0</v>
      </c>
      <c r="EQ40" s="327">
        <v>0</v>
      </c>
      <c r="ER40" s="331">
        <v>0</v>
      </c>
      <c r="ES40" s="332">
        <v>0</v>
      </c>
      <c r="ET40" s="327">
        <v>0</v>
      </c>
      <c r="EU40" s="327">
        <v>0</v>
      </c>
      <c r="EV40" s="327">
        <v>0</v>
      </c>
      <c r="EW40" s="327">
        <v>0</v>
      </c>
      <c r="EX40" s="327">
        <v>0</v>
      </c>
      <c r="EY40" s="328">
        <v>0</v>
      </c>
      <c r="EZ40" s="330">
        <v>0</v>
      </c>
      <c r="FA40" s="326">
        <v>0</v>
      </c>
      <c r="FB40" s="327">
        <v>0</v>
      </c>
      <c r="FC40" s="331">
        <v>0</v>
      </c>
      <c r="FD40" s="404">
        <v>0</v>
      </c>
      <c r="FE40" s="327">
        <v>0</v>
      </c>
      <c r="FF40" s="327">
        <v>0</v>
      </c>
      <c r="FG40" s="327">
        <v>0</v>
      </c>
      <c r="FH40" s="327">
        <v>0</v>
      </c>
      <c r="FI40" s="327">
        <v>0</v>
      </c>
      <c r="FJ40" s="328">
        <v>0</v>
      </c>
      <c r="FK40" s="330">
        <v>0</v>
      </c>
      <c r="FL40" s="326">
        <v>10248</v>
      </c>
      <c r="FM40" s="327">
        <v>17080</v>
      </c>
      <c r="FN40" s="328">
        <v>27328</v>
      </c>
      <c r="FO40" s="326">
        <v>0</v>
      </c>
      <c r="FP40" s="327">
        <v>4130</v>
      </c>
      <c r="FQ40" s="327">
        <v>159068</v>
      </c>
      <c r="FR40" s="327">
        <v>109480</v>
      </c>
      <c r="FS40" s="327">
        <v>0</v>
      </c>
      <c r="FT40" s="327">
        <v>22120</v>
      </c>
      <c r="FU40" s="328">
        <v>294798</v>
      </c>
      <c r="FV40" s="330">
        <v>322126</v>
      </c>
      <c r="FW40" s="333">
        <v>10248</v>
      </c>
      <c r="FX40" s="327">
        <v>17080</v>
      </c>
      <c r="FY40" s="331">
        <v>27328</v>
      </c>
      <c r="FZ40" s="332">
        <v>0</v>
      </c>
      <c r="GA40" s="327">
        <v>4130</v>
      </c>
      <c r="GB40" s="327">
        <v>159068</v>
      </c>
      <c r="GC40" s="327">
        <v>109480</v>
      </c>
      <c r="GD40" s="327">
        <v>0</v>
      </c>
      <c r="GE40" s="327">
        <v>22120</v>
      </c>
      <c r="GF40" s="328">
        <v>294798</v>
      </c>
      <c r="GG40" s="334">
        <v>322126</v>
      </c>
      <c r="GH40" s="333">
        <v>0</v>
      </c>
      <c r="GI40" s="327">
        <v>0</v>
      </c>
      <c r="GJ40" s="331">
        <v>0</v>
      </c>
      <c r="GK40" s="332">
        <v>0</v>
      </c>
      <c r="GL40" s="327">
        <v>0</v>
      </c>
      <c r="GM40" s="327">
        <v>0</v>
      </c>
      <c r="GN40" s="327">
        <v>0</v>
      </c>
      <c r="GO40" s="327">
        <v>0</v>
      </c>
      <c r="GP40" s="327">
        <v>0</v>
      </c>
      <c r="GQ40" s="328">
        <v>0</v>
      </c>
      <c r="GR40" s="330">
        <v>0</v>
      </c>
      <c r="GS40" s="326">
        <v>0</v>
      </c>
      <c r="GT40" s="327">
        <v>0</v>
      </c>
      <c r="GU40" s="328">
        <v>0</v>
      </c>
      <c r="GV40" s="326">
        <v>0</v>
      </c>
      <c r="GW40" s="327">
        <v>0</v>
      </c>
      <c r="GX40" s="327">
        <v>0</v>
      </c>
      <c r="GY40" s="327">
        <v>0</v>
      </c>
      <c r="GZ40" s="327">
        <v>0</v>
      </c>
      <c r="HA40" s="327">
        <v>0</v>
      </c>
      <c r="HB40" s="331">
        <v>0</v>
      </c>
      <c r="HC40" s="330">
        <v>0</v>
      </c>
      <c r="HD40" s="326">
        <v>148421</v>
      </c>
      <c r="HE40" s="327">
        <v>83181</v>
      </c>
      <c r="HF40" s="331">
        <v>231602</v>
      </c>
      <c r="HG40" s="332">
        <v>0</v>
      </c>
      <c r="HH40" s="327">
        <v>415659</v>
      </c>
      <c r="HI40" s="327">
        <v>0</v>
      </c>
      <c r="HJ40" s="327">
        <v>379204</v>
      </c>
      <c r="HK40" s="327">
        <v>383768</v>
      </c>
      <c r="HL40" s="327">
        <v>217960</v>
      </c>
      <c r="HM40" s="328">
        <v>1396591</v>
      </c>
      <c r="HN40" s="329">
        <v>1628193</v>
      </c>
      <c r="HO40" s="333">
        <v>0</v>
      </c>
      <c r="HP40" s="327">
        <v>0</v>
      </c>
      <c r="HQ40" s="328">
        <v>0</v>
      </c>
      <c r="HR40" s="326">
        <v>0</v>
      </c>
      <c r="HS40" s="327">
        <v>0</v>
      </c>
      <c r="HT40" s="327">
        <v>0</v>
      </c>
      <c r="HU40" s="327">
        <v>0</v>
      </c>
      <c r="HV40" s="327">
        <v>0</v>
      </c>
      <c r="HW40" s="327">
        <v>0</v>
      </c>
      <c r="HX40" s="331">
        <v>0</v>
      </c>
      <c r="HY40" s="330">
        <v>0</v>
      </c>
      <c r="HZ40" s="358">
        <v>0</v>
      </c>
      <c r="IA40" s="356">
        <v>0</v>
      </c>
      <c r="IB40" s="358">
        <v>0</v>
      </c>
      <c r="IC40" s="338">
        <v>0</v>
      </c>
      <c r="ID40" s="336">
        <v>224611</v>
      </c>
      <c r="IE40" s="339">
        <v>0</v>
      </c>
      <c r="IF40" s="337">
        <v>0</v>
      </c>
      <c r="IG40" s="336">
        <v>0</v>
      </c>
      <c r="IH40" s="337">
        <v>0</v>
      </c>
      <c r="II40" s="340">
        <v>224611</v>
      </c>
      <c r="IJ40" s="358">
        <v>224611</v>
      </c>
      <c r="IK40" s="342">
        <v>0</v>
      </c>
      <c r="IL40" s="343">
        <v>0</v>
      </c>
      <c r="IM40" s="344">
        <v>0</v>
      </c>
      <c r="IN40" s="404">
        <v>0</v>
      </c>
      <c r="IO40" s="345">
        <v>0</v>
      </c>
      <c r="IP40" s="345">
        <v>0</v>
      </c>
      <c r="IQ40" s="345">
        <v>0</v>
      </c>
      <c r="IR40" s="345">
        <v>0</v>
      </c>
      <c r="IS40" s="345">
        <v>0</v>
      </c>
      <c r="IT40" s="346">
        <v>0</v>
      </c>
      <c r="IU40" s="347">
        <v>0</v>
      </c>
      <c r="IV40" s="348">
        <v>0</v>
      </c>
      <c r="IW40" s="345">
        <v>0</v>
      </c>
      <c r="IX40" s="349">
        <v>0</v>
      </c>
      <c r="IY40" s="404">
        <v>0</v>
      </c>
      <c r="IZ40" s="345">
        <v>0</v>
      </c>
      <c r="JA40" s="345">
        <v>0</v>
      </c>
      <c r="JB40" s="345">
        <v>0</v>
      </c>
      <c r="JC40" s="345">
        <v>0</v>
      </c>
      <c r="JD40" s="345">
        <v>0</v>
      </c>
      <c r="JE40" s="349">
        <v>0</v>
      </c>
      <c r="JF40" s="350">
        <v>0</v>
      </c>
      <c r="JG40" s="348">
        <v>0</v>
      </c>
      <c r="JH40" s="345">
        <v>0</v>
      </c>
      <c r="JI40" s="346">
        <v>0</v>
      </c>
      <c r="JJ40" s="351">
        <v>0</v>
      </c>
      <c r="JK40" s="345">
        <v>20883</v>
      </c>
      <c r="JL40" s="345">
        <v>0</v>
      </c>
      <c r="JM40" s="345">
        <v>0</v>
      </c>
      <c r="JN40" s="345">
        <v>0</v>
      </c>
      <c r="JO40" s="345">
        <v>0</v>
      </c>
      <c r="JP40" s="349">
        <v>20883</v>
      </c>
      <c r="JQ40" s="347">
        <v>20883</v>
      </c>
      <c r="JR40" s="348">
        <v>0</v>
      </c>
      <c r="JS40" s="345">
        <v>0</v>
      </c>
      <c r="JT40" s="346">
        <v>0</v>
      </c>
      <c r="JU40" s="351">
        <v>0</v>
      </c>
      <c r="JV40" s="345">
        <v>0</v>
      </c>
      <c r="JW40" s="345">
        <v>0</v>
      </c>
      <c r="JX40" s="345">
        <v>0</v>
      </c>
      <c r="JY40" s="345">
        <v>0</v>
      </c>
      <c r="JZ40" s="345">
        <v>0</v>
      </c>
      <c r="KA40" s="349">
        <v>0</v>
      </c>
      <c r="KB40" s="347">
        <v>0</v>
      </c>
      <c r="KC40" s="352">
        <v>0</v>
      </c>
      <c r="KD40" s="353">
        <v>0</v>
      </c>
      <c r="KE40" s="349">
        <v>0</v>
      </c>
      <c r="KF40" s="351">
        <v>0</v>
      </c>
      <c r="KG40" s="345">
        <v>0</v>
      </c>
      <c r="KH40" s="345">
        <v>0</v>
      </c>
      <c r="KI40" s="345">
        <v>0</v>
      </c>
      <c r="KJ40" s="345">
        <v>0</v>
      </c>
      <c r="KK40" s="345">
        <v>0</v>
      </c>
      <c r="KL40" s="349">
        <v>0</v>
      </c>
      <c r="KM40" s="354">
        <v>0</v>
      </c>
      <c r="KN40" s="342">
        <v>0</v>
      </c>
      <c r="KO40" s="343">
        <v>0</v>
      </c>
      <c r="KP40" s="344">
        <v>0</v>
      </c>
      <c r="KQ40" s="404">
        <v>0</v>
      </c>
      <c r="KR40" s="345">
        <v>203728</v>
      </c>
      <c r="KS40" s="345">
        <v>0</v>
      </c>
      <c r="KT40" s="345">
        <v>0</v>
      </c>
      <c r="KU40" s="345">
        <v>0</v>
      </c>
      <c r="KV40" s="345">
        <v>0</v>
      </c>
      <c r="KW40" s="349">
        <v>203728</v>
      </c>
      <c r="KX40" s="347">
        <v>203728</v>
      </c>
      <c r="KY40" s="348">
        <v>0</v>
      </c>
      <c r="KZ40" s="345">
        <v>0</v>
      </c>
      <c r="LA40" s="349">
        <v>0</v>
      </c>
      <c r="LB40" s="404">
        <v>0</v>
      </c>
      <c r="LC40" s="345">
        <v>0</v>
      </c>
      <c r="LD40" s="345">
        <v>0</v>
      </c>
      <c r="LE40" s="345">
        <v>0</v>
      </c>
      <c r="LF40" s="345">
        <v>0</v>
      </c>
      <c r="LG40" s="345">
        <v>0</v>
      </c>
      <c r="LH40" s="349">
        <v>0</v>
      </c>
      <c r="LI40" s="350">
        <v>0</v>
      </c>
      <c r="LJ40" s="348">
        <v>0</v>
      </c>
      <c r="LK40" s="345">
        <v>0</v>
      </c>
      <c r="LL40" s="349">
        <v>0</v>
      </c>
      <c r="LM40" s="404">
        <v>0</v>
      </c>
      <c r="LN40" s="345">
        <v>0</v>
      </c>
      <c r="LO40" s="345">
        <v>0</v>
      </c>
      <c r="LP40" s="345">
        <v>0</v>
      </c>
      <c r="LQ40" s="345">
        <v>0</v>
      </c>
      <c r="LR40" s="345">
        <v>0</v>
      </c>
      <c r="LS40" s="349">
        <v>0</v>
      </c>
      <c r="LT40" s="347">
        <v>0</v>
      </c>
      <c r="LU40" s="348">
        <v>0</v>
      </c>
      <c r="LV40" s="345">
        <v>0</v>
      </c>
      <c r="LW40" s="349">
        <v>0</v>
      </c>
      <c r="LX40" s="404">
        <v>0</v>
      </c>
      <c r="LY40" s="345">
        <v>0</v>
      </c>
      <c r="LZ40" s="345">
        <v>0</v>
      </c>
      <c r="MA40" s="345">
        <v>0</v>
      </c>
      <c r="MB40" s="345">
        <v>0</v>
      </c>
      <c r="MC40" s="345">
        <v>0</v>
      </c>
      <c r="MD40" s="349">
        <v>0</v>
      </c>
      <c r="ME40" s="350">
        <v>0</v>
      </c>
      <c r="MF40" s="348">
        <v>0</v>
      </c>
      <c r="MG40" s="345">
        <v>0</v>
      </c>
      <c r="MH40" s="349">
        <v>0</v>
      </c>
      <c r="MI40" s="404">
        <v>0</v>
      </c>
      <c r="MJ40" s="345">
        <v>0</v>
      </c>
      <c r="MK40" s="345">
        <v>0</v>
      </c>
      <c r="ML40" s="345">
        <v>0</v>
      </c>
      <c r="MM40" s="345">
        <v>240604</v>
      </c>
      <c r="MN40" s="345">
        <v>0</v>
      </c>
      <c r="MO40" s="349">
        <v>240604</v>
      </c>
      <c r="MP40" s="354">
        <v>240604</v>
      </c>
      <c r="MQ40" s="348">
        <v>0</v>
      </c>
      <c r="MR40" s="345">
        <v>0</v>
      </c>
      <c r="MS40" s="349">
        <v>0</v>
      </c>
      <c r="MT40" s="404">
        <v>0</v>
      </c>
      <c r="MU40" s="345">
        <v>0</v>
      </c>
      <c r="MV40" s="345">
        <v>0</v>
      </c>
      <c r="MW40" s="345">
        <v>0</v>
      </c>
      <c r="MX40" s="345">
        <v>240604</v>
      </c>
      <c r="MY40" s="345">
        <v>0</v>
      </c>
      <c r="MZ40" s="349">
        <v>240604</v>
      </c>
      <c r="NA40" s="354">
        <v>240604</v>
      </c>
      <c r="NB40" s="348">
        <v>0</v>
      </c>
      <c r="NC40" s="345">
        <v>0</v>
      </c>
      <c r="ND40" s="349">
        <v>0</v>
      </c>
      <c r="NE40" s="404">
        <v>0</v>
      </c>
      <c r="NF40" s="345">
        <v>0</v>
      </c>
      <c r="NG40" s="345">
        <v>0</v>
      </c>
      <c r="NH40" s="345">
        <v>0</v>
      </c>
      <c r="NI40" s="345">
        <v>0</v>
      </c>
      <c r="NJ40" s="345">
        <v>0</v>
      </c>
      <c r="NK40" s="349">
        <v>0</v>
      </c>
      <c r="NL40" s="347">
        <v>0</v>
      </c>
      <c r="NM40" s="348">
        <v>0</v>
      </c>
      <c r="NN40" s="345">
        <v>0</v>
      </c>
      <c r="NO40" s="349">
        <v>0</v>
      </c>
      <c r="NP40" s="404">
        <v>0</v>
      </c>
      <c r="NQ40" s="345">
        <v>0</v>
      </c>
      <c r="NR40" s="345">
        <v>0</v>
      </c>
      <c r="NS40" s="345">
        <v>0</v>
      </c>
      <c r="NT40" s="345">
        <v>0</v>
      </c>
      <c r="NU40" s="345">
        <v>0</v>
      </c>
      <c r="NV40" s="349">
        <v>0</v>
      </c>
      <c r="NW40" s="350">
        <v>0</v>
      </c>
      <c r="NX40" s="348">
        <v>0</v>
      </c>
      <c r="NY40" s="345">
        <v>0</v>
      </c>
      <c r="NZ40" s="349">
        <v>0</v>
      </c>
      <c r="OA40" s="404">
        <v>0</v>
      </c>
      <c r="OB40" s="345">
        <v>0</v>
      </c>
      <c r="OC40" s="345">
        <v>0</v>
      </c>
      <c r="OD40" s="345">
        <v>0</v>
      </c>
      <c r="OE40" s="345">
        <v>0</v>
      </c>
      <c r="OF40" s="345">
        <v>0</v>
      </c>
      <c r="OG40" s="349">
        <v>0</v>
      </c>
      <c r="OH40" s="350">
        <v>0</v>
      </c>
      <c r="OI40" s="348">
        <v>288876</v>
      </c>
      <c r="OJ40" s="345">
        <v>360171</v>
      </c>
      <c r="OK40" s="346">
        <v>649047</v>
      </c>
      <c r="OL40" s="351">
        <v>0</v>
      </c>
      <c r="OM40" s="345">
        <v>966354</v>
      </c>
      <c r="ON40" s="345">
        <v>745553</v>
      </c>
      <c r="OO40" s="345">
        <v>894182</v>
      </c>
      <c r="OP40" s="345">
        <v>642376</v>
      </c>
      <c r="OQ40" s="345">
        <v>471668</v>
      </c>
      <c r="OR40" s="349">
        <v>3720133</v>
      </c>
      <c r="OS40" s="354">
        <v>4369180</v>
      </c>
    </row>
    <row r="41" spans="2:409" s="70" customFormat="1" ht="21" customHeight="1" x14ac:dyDescent="0.2">
      <c r="B41" s="106" t="s">
        <v>36</v>
      </c>
      <c r="C41" s="326">
        <v>0</v>
      </c>
      <c r="D41" s="327">
        <v>53719</v>
      </c>
      <c r="E41" s="328">
        <v>53719</v>
      </c>
      <c r="F41" s="329">
        <v>0</v>
      </c>
      <c r="G41" s="327">
        <v>445316</v>
      </c>
      <c r="H41" s="327">
        <v>1292549</v>
      </c>
      <c r="I41" s="327">
        <v>535660</v>
      </c>
      <c r="J41" s="327">
        <v>816701</v>
      </c>
      <c r="K41" s="327">
        <v>16464</v>
      </c>
      <c r="L41" s="367">
        <v>3106690</v>
      </c>
      <c r="M41" s="330">
        <v>3160409</v>
      </c>
      <c r="N41" s="326">
        <v>0</v>
      </c>
      <c r="O41" s="327">
        <v>32369</v>
      </c>
      <c r="P41" s="328">
        <v>32369</v>
      </c>
      <c r="Q41" s="326">
        <v>0</v>
      </c>
      <c r="R41" s="327">
        <v>109520</v>
      </c>
      <c r="S41" s="327">
        <v>321006</v>
      </c>
      <c r="T41" s="327">
        <v>109382</v>
      </c>
      <c r="U41" s="327">
        <v>152793</v>
      </c>
      <c r="V41" s="327">
        <v>16464</v>
      </c>
      <c r="W41" s="328">
        <v>709165</v>
      </c>
      <c r="X41" s="330">
        <v>741534</v>
      </c>
      <c r="Y41" s="326">
        <v>0</v>
      </c>
      <c r="Z41" s="327">
        <v>0</v>
      </c>
      <c r="AA41" s="328">
        <v>0</v>
      </c>
      <c r="AB41" s="326">
        <v>0</v>
      </c>
      <c r="AC41" s="327">
        <v>51643</v>
      </c>
      <c r="AD41" s="327">
        <v>171856</v>
      </c>
      <c r="AE41" s="327">
        <v>35749</v>
      </c>
      <c r="AF41" s="327">
        <v>0</v>
      </c>
      <c r="AG41" s="327">
        <v>0</v>
      </c>
      <c r="AH41" s="328">
        <v>259248</v>
      </c>
      <c r="AI41" s="330">
        <v>259248</v>
      </c>
      <c r="AJ41" s="326">
        <v>0</v>
      </c>
      <c r="AK41" s="327">
        <v>0</v>
      </c>
      <c r="AL41" s="328">
        <v>0</v>
      </c>
      <c r="AM41" s="326">
        <v>0</v>
      </c>
      <c r="AN41" s="327">
        <v>0</v>
      </c>
      <c r="AO41" s="327">
        <v>0</v>
      </c>
      <c r="AP41" s="327">
        <v>0</v>
      </c>
      <c r="AQ41" s="327">
        <v>0</v>
      </c>
      <c r="AR41" s="327">
        <v>0</v>
      </c>
      <c r="AS41" s="328">
        <v>0</v>
      </c>
      <c r="AT41" s="330">
        <v>0</v>
      </c>
      <c r="AU41" s="326">
        <v>0</v>
      </c>
      <c r="AV41" s="327">
        <v>32369</v>
      </c>
      <c r="AW41" s="328">
        <v>32369</v>
      </c>
      <c r="AX41" s="326">
        <v>0</v>
      </c>
      <c r="AY41" s="327">
        <v>0</v>
      </c>
      <c r="AZ41" s="327">
        <v>58314</v>
      </c>
      <c r="BA41" s="327">
        <v>0</v>
      </c>
      <c r="BB41" s="327">
        <v>131205</v>
      </c>
      <c r="BC41" s="327">
        <v>0</v>
      </c>
      <c r="BD41" s="328">
        <v>189519</v>
      </c>
      <c r="BE41" s="330">
        <v>221888</v>
      </c>
      <c r="BF41" s="326">
        <v>0</v>
      </c>
      <c r="BG41" s="327">
        <v>0</v>
      </c>
      <c r="BH41" s="331">
        <v>0</v>
      </c>
      <c r="BI41" s="332">
        <v>0</v>
      </c>
      <c r="BJ41" s="327">
        <v>27826</v>
      </c>
      <c r="BK41" s="327">
        <v>23188</v>
      </c>
      <c r="BL41" s="327">
        <v>0</v>
      </c>
      <c r="BM41" s="327">
        <v>0</v>
      </c>
      <c r="BN41" s="327">
        <v>0</v>
      </c>
      <c r="BO41" s="328">
        <v>51014</v>
      </c>
      <c r="BP41" s="330">
        <v>51014</v>
      </c>
      <c r="BQ41" s="326">
        <v>0</v>
      </c>
      <c r="BR41" s="327">
        <v>0</v>
      </c>
      <c r="BS41" s="328">
        <v>0</v>
      </c>
      <c r="BT41" s="326">
        <v>0</v>
      </c>
      <c r="BU41" s="327">
        <v>30051</v>
      </c>
      <c r="BV41" s="327">
        <v>67648</v>
      </c>
      <c r="BW41" s="327">
        <v>73633</v>
      </c>
      <c r="BX41" s="327">
        <v>21588</v>
      </c>
      <c r="BY41" s="327">
        <v>16464</v>
      </c>
      <c r="BZ41" s="328">
        <v>209384</v>
      </c>
      <c r="CA41" s="330">
        <v>209384</v>
      </c>
      <c r="CB41" s="326">
        <v>0</v>
      </c>
      <c r="CC41" s="327">
        <v>0</v>
      </c>
      <c r="CD41" s="328">
        <v>0</v>
      </c>
      <c r="CE41" s="326">
        <v>0</v>
      </c>
      <c r="CF41" s="327">
        <v>29642</v>
      </c>
      <c r="CG41" s="327">
        <v>331304</v>
      </c>
      <c r="CH41" s="327">
        <v>0</v>
      </c>
      <c r="CI41" s="327">
        <v>341124</v>
      </c>
      <c r="CJ41" s="327">
        <v>0</v>
      </c>
      <c r="CK41" s="328">
        <v>702070</v>
      </c>
      <c r="CL41" s="330">
        <v>702070</v>
      </c>
      <c r="CM41" s="326">
        <v>0</v>
      </c>
      <c r="CN41" s="327">
        <v>0</v>
      </c>
      <c r="CO41" s="328">
        <v>0</v>
      </c>
      <c r="CP41" s="332">
        <v>0</v>
      </c>
      <c r="CQ41" s="327">
        <v>29642</v>
      </c>
      <c r="CR41" s="327">
        <v>321439</v>
      </c>
      <c r="CS41" s="327">
        <v>0</v>
      </c>
      <c r="CT41" s="327">
        <v>198885</v>
      </c>
      <c r="CU41" s="327">
        <v>0</v>
      </c>
      <c r="CV41" s="328">
        <v>549966</v>
      </c>
      <c r="CW41" s="330">
        <v>549966</v>
      </c>
      <c r="CX41" s="326">
        <v>0</v>
      </c>
      <c r="CY41" s="327">
        <v>0</v>
      </c>
      <c r="CZ41" s="328">
        <v>0</v>
      </c>
      <c r="DA41" s="326">
        <v>0</v>
      </c>
      <c r="DB41" s="327">
        <v>0</v>
      </c>
      <c r="DC41" s="327">
        <v>9865</v>
      </c>
      <c r="DD41" s="327">
        <v>0</v>
      </c>
      <c r="DE41" s="327">
        <v>142239</v>
      </c>
      <c r="DF41" s="327">
        <v>0</v>
      </c>
      <c r="DG41" s="328">
        <v>152104</v>
      </c>
      <c r="DH41" s="330">
        <v>152104</v>
      </c>
      <c r="DI41" s="326">
        <v>0</v>
      </c>
      <c r="DJ41" s="327">
        <v>0</v>
      </c>
      <c r="DK41" s="331">
        <v>0</v>
      </c>
      <c r="DL41" s="332">
        <v>0</v>
      </c>
      <c r="DM41" s="327">
        <v>0</v>
      </c>
      <c r="DN41" s="327">
        <v>181248</v>
      </c>
      <c r="DO41" s="327">
        <v>0</v>
      </c>
      <c r="DP41" s="327">
        <v>72405</v>
      </c>
      <c r="DQ41" s="327">
        <v>0</v>
      </c>
      <c r="DR41" s="328">
        <v>253653</v>
      </c>
      <c r="DS41" s="330">
        <v>253653</v>
      </c>
      <c r="DT41" s="326">
        <v>0</v>
      </c>
      <c r="DU41" s="327">
        <v>0</v>
      </c>
      <c r="DV41" s="328">
        <v>0</v>
      </c>
      <c r="DW41" s="326">
        <v>0</v>
      </c>
      <c r="DX41" s="327">
        <v>0</v>
      </c>
      <c r="DY41" s="327">
        <v>181248</v>
      </c>
      <c r="DZ41" s="327">
        <v>0</v>
      </c>
      <c r="EA41" s="327">
        <v>72405</v>
      </c>
      <c r="EB41" s="327">
        <v>0</v>
      </c>
      <c r="EC41" s="328">
        <v>253653</v>
      </c>
      <c r="ED41" s="330">
        <v>253653</v>
      </c>
      <c r="EE41" s="326">
        <v>0</v>
      </c>
      <c r="EF41" s="331">
        <v>0</v>
      </c>
      <c r="EG41" s="328">
        <v>0</v>
      </c>
      <c r="EH41" s="326">
        <v>0</v>
      </c>
      <c r="EI41" s="327">
        <v>0</v>
      </c>
      <c r="EJ41" s="327">
        <v>0</v>
      </c>
      <c r="EK41" s="327">
        <v>0</v>
      </c>
      <c r="EL41" s="327">
        <v>0</v>
      </c>
      <c r="EM41" s="327">
        <v>0</v>
      </c>
      <c r="EN41" s="331">
        <v>0</v>
      </c>
      <c r="EO41" s="330">
        <v>0</v>
      </c>
      <c r="EP41" s="326">
        <v>0</v>
      </c>
      <c r="EQ41" s="327">
        <v>0</v>
      </c>
      <c r="ER41" s="331">
        <v>0</v>
      </c>
      <c r="ES41" s="332">
        <v>0</v>
      </c>
      <c r="ET41" s="327">
        <v>0</v>
      </c>
      <c r="EU41" s="327">
        <v>0</v>
      </c>
      <c r="EV41" s="327">
        <v>0</v>
      </c>
      <c r="EW41" s="327">
        <v>0</v>
      </c>
      <c r="EX41" s="327">
        <v>0</v>
      </c>
      <c r="EY41" s="328">
        <v>0</v>
      </c>
      <c r="EZ41" s="330">
        <v>0</v>
      </c>
      <c r="FA41" s="326">
        <v>0</v>
      </c>
      <c r="FB41" s="327">
        <v>0</v>
      </c>
      <c r="FC41" s="331">
        <v>0</v>
      </c>
      <c r="FD41" s="404">
        <v>0</v>
      </c>
      <c r="FE41" s="327">
        <v>0</v>
      </c>
      <c r="FF41" s="327">
        <v>0</v>
      </c>
      <c r="FG41" s="327">
        <v>0</v>
      </c>
      <c r="FH41" s="327">
        <v>0</v>
      </c>
      <c r="FI41" s="327">
        <v>0</v>
      </c>
      <c r="FJ41" s="328">
        <v>0</v>
      </c>
      <c r="FK41" s="330">
        <v>0</v>
      </c>
      <c r="FL41" s="326">
        <v>0</v>
      </c>
      <c r="FM41" s="327">
        <v>21350</v>
      </c>
      <c r="FN41" s="328">
        <v>21350</v>
      </c>
      <c r="FO41" s="326">
        <v>0</v>
      </c>
      <c r="FP41" s="327">
        <v>21490</v>
      </c>
      <c r="FQ41" s="327">
        <v>146013</v>
      </c>
      <c r="FR41" s="327">
        <v>69510</v>
      </c>
      <c r="FS41" s="327">
        <v>60137</v>
      </c>
      <c r="FT41" s="327">
        <v>0</v>
      </c>
      <c r="FU41" s="328">
        <v>297150</v>
      </c>
      <c r="FV41" s="330">
        <v>318500</v>
      </c>
      <c r="FW41" s="333">
        <v>0</v>
      </c>
      <c r="FX41" s="327">
        <v>21350</v>
      </c>
      <c r="FY41" s="331">
        <v>21350</v>
      </c>
      <c r="FZ41" s="332">
        <v>0</v>
      </c>
      <c r="GA41" s="327">
        <v>21490</v>
      </c>
      <c r="GB41" s="327">
        <v>146013</v>
      </c>
      <c r="GC41" s="327">
        <v>21210</v>
      </c>
      <c r="GD41" s="327">
        <v>60137</v>
      </c>
      <c r="GE41" s="327">
        <v>0</v>
      </c>
      <c r="GF41" s="328">
        <v>248850</v>
      </c>
      <c r="GG41" s="334">
        <v>270200</v>
      </c>
      <c r="GH41" s="333">
        <v>0</v>
      </c>
      <c r="GI41" s="327">
        <v>0</v>
      </c>
      <c r="GJ41" s="331">
        <v>0</v>
      </c>
      <c r="GK41" s="332">
        <v>0</v>
      </c>
      <c r="GL41" s="327">
        <v>0</v>
      </c>
      <c r="GM41" s="327">
        <v>0</v>
      </c>
      <c r="GN41" s="327">
        <v>0</v>
      </c>
      <c r="GO41" s="327">
        <v>0</v>
      </c>
      <c r="GP41" s="327">
        <v>0</v>
      </c>
      <c r="GQ41" s="328">
        <v>0</v>
      </c>
      <c r="GR41" s="330">
        <v>0</v>
      </c>
      <c r="GS41" s="326">
        <v>0</v>
      </c>
      <c r="GT41" s="327">
        <v>0</v>
      </c>
      <c r="GU41" s="328">
        <v>0</v>
      </c>
      <c r="GV41" s="326">
        <v>0</v>
      </c>
      <c r="GW41" s="327">
        <v>0</v>
      </c>
      <c r="GX41" s="327">
        <v>0</v>
      </c>
      <c r="GY41" s="327">
        <v>48300</v>
      </c>
      <c r="GZ41" s="327">
        <v>0</v>
      </c>
      <c r="HA41" s="327">
        <v>0</v>
      </c>
      <c r="HB41" s="331">
        <v>48300</v>
      </c>
      <c r="HC41" s="330">
        <v>48300</v>
      </c>
      <c r="HD41" s="326">
        <v>0</v>
      </c>
      <c r="HE41" s="327">
        <v>0</v>
      </c>
      <c r="HF41" s="331">
        <v>0</v>
      </c>
      <c r="HG41" s="332">
        <v>0</v>
      </c>
      <c r="HH41" s="327">
        <v>284664</v>
      </c>
      <c r="HI41" s="327">
        <v>312978</v>
      </c>
      <c r="HJ41" s="327">
        <v>356768</v>
      </c>
      <c r="HK41" s="327">
        <v>190242</v>
      </c>
      <c r="HL41" s="327">
        <v>0</v>
      </c>
      <c r="HM41" s="328">
        <v>1144652</v>
      </c>
      <c r="HN41" s="329">
        <v>1144652</v>
      </c>
      <c r="HO41" s="333">
        <v>0</v>
      </c>
      <c r="HP41" s="327">
        <v>0</v>
      </c>
      <c r="HQ41" s="328">
        <v>0</v>
      </c>
      <c r="HR41" s="326">
        <v>0</v>
      </c>
      <c r="HS41" s="327">
        <v>0</v>
      </c>
      <c r="HT41" s="327">
        <v>0</v>
      </c>
      <c r="HU41" s="327">
        <v>0</v>
      </c>
      <c r="HV41" s="327">
        <v>0</v>
      </c>
      <c r="HW41" s="327">
        <v>0</v>
      </c>
      <c r="HX41" s="331">
        <v>0</v>
      </c>
      <c r="HY41" s="330">
        <v>0</v>
      </c>
      <c r="HZ41" s="335">
        <v>0</v>
      </c>
      <c r="IA41" s="336">
        <v>0</v>
      </c>
      <c r="IB41" s="337">
        <v>0</v>
      </c>
      <c r="IC41" s="338">
        <v>0</v>
      </c>
      <c r="ID41" s="336">
        <v>14476</v>
      </c>
      <c r="IE41" s="339">
        <v>231789</v>
      </c>
      <c r="IF41" s="337">
        <v>234248</v>
      </c>
      <c r="IG41" s="336">
        <v>0</v>
      </c>
      <c r="IH41" s="337">
        <v>38000</v>
      </c>
      <c r="II41" s="340">
        <v>518513</v>
      </c>
      <c r="IJ41" s="341">
        <v>518513</v>
      </c>
      <c r="IK41" s="342">
        <v>0</v>
      </c>
      <c r="IL41" s="343">
        <v>0</v>
      </c>
      <c r="IM41" s="344">
        <v>0</v>
      </c>
      <c r="IN41" s="404">
        <v>0</v>
      </c>
      <c r="IO41" s="345">
        <v>0</v>
      </c>
      <c r="IP41" s="345">
        <v>0</v>
      </c>
      <c r="IQ41" s="345">
        <v>0</v>
      </c>
      <c r="IR41" s="345">
        <v>0</v>
      </c>
      <c r="IS41" s="345">
        <v>0</v>
      </c>
      <c r="IT41" s="346">
        <v>0</v>
      </c>
      <c r="IU41" s="347">
        <v>0</v>
      </c>
      <c r="IV41" s="348">
        <v>0</v>
      </c>
      <c r="IW41" s="345">
        <v>0</v>
      </c>
      <c r="IX41" s="349">
        <v>0</v>
      </c>
      <c r="IY41" s="404">
        <v>0</v>
      </c>
      <c r="IZ41" s="345">
        <v>0</v>
      </c>
      <c r="JA41" s="345">
        <v>0</v>
      </c>
      <c r="JB41" s="345">
        <v>0</v>
      </c>
      <c r="JC41" s="345">
        <v>0</v>
      </c>
      <c r="JD41" s="345">
        <v>0</v>
      </c>
      <c r="JE41" s="349">
        <v>0</v>
      </c>
      <c r="JF41" s="350">
        <v>0</v>
      </c>
      <c r="JG41" s="348">
        <v>0</v>
      </c>
      <c r="JH41" s="345">
        <v>0</v>
      </c>
      <c r="JI41" s="346">
        <v>0</v>
      </c>
      <c r="JJ41" s="351">
        <v>0</v>
      </c>
      <c r="JK41" s="345">
        <v>14476</v>
      </c>
      <c r="JL41" s="345">
        <v>3993</v>
      </c>
      <c r="JM41" s="345">
        <v>0</v>
      </c>
      <c r="JN41" s="345">
        <v>0</v>
      </c>
      <c r="JO41" s="345">
        <v>0</v>
      </c>
      <c r="JP41" s="349">
        <v>18469</v>
      </c>
      <c r="JQ41" s="347">
        <v>18469</v>
      </c>
      <c r="JR41" s="348">
        <v>0</v>
      </c>
      <c r="JS41" s="345">
        <v>0</v>
      </c>
      <c r="JT41" s="346">
        <v>0</v>
      </c>
      <c r="JU41" s="351">
        <v>0</v>
      </c>
      <c r="JV41" s="345">
        <v>0</v>
      </c>
      <c r="JW41" s="345">
        <v>0</v>
      </c>
      <c r="JX41" s="345">
        <v>0</v>
      </c>
      <c r="JY41" s="345">
        <v>0</v>
      </c>
      <c r="JZ41" s="345">
        <v>0</v>
      </c>
      <c r="KA41" s="349">
        <v>0</v>
      </c>
      <c r="KB41" s="347">
        <v>0</v>
      </c>
      <c r="KC41" s="352">
        <v>0</v>
      </c>
      <c r="KD41" s="353">
        <v>0</v>
      </c>
      <c r="KE41" s="349">
        <v>0</v>
      </c>
      <c r="KF41" s="351">
        <v>0</v>
      </c>
      <c r="KG41" s="345">
        <v>0</v>
      </c>
      <c r="KH41" s="345">
        <v>0</v>
      </c>
      <c r="KI41" s="345">
        <v>0</v>
      </c>
      <c r="KJ41" s="345">
        <v>0</v>
      </c>
      <c r="KK41" s="345">
        <v>0</v>
      </c>
      <c r="KL41" s="349">
        <v>0</v>
      </c>
      <c r="KM41" s="354">
        <v>0</v>
      </c>
      <c r="KN41" s="342">
        <v>0</v>
      </c>
      <c r="KO41" s="343">
        <v>0</v>
      </c>
      <c r="KP41" s="344">
        <v>0</v>
      </c>
      <c r="KQ41" s="404">
        <v>0</v>
      </c>
      <c r="KR41" s="345">
        <v>0</v>
      </c>
      <c r="KS41" s="345">
        <v>227796</v>
      </c>
      <c r="KT41" s="345">
        <v>234248</v>
      </c>
      <c r="KU41" s="345">
        <v>0</v>
      </c>
      <c r="KV41" s="345">
        <v>38000</v>
      </c>
      <c r="KW41" s="349">
        <v>500044</v>
      </c>
      <c r="KX41" s="347">
        <v>500044</v>
      </c>
      <c r="KY41" s="348">
        <v>0</v>
      </c>
      <c r="KZ41" s="345">
        <v>0</v>
      </c>
      <c r="LA41" s="349">
        <v>0</v>
      </c>
      <c r="LB41" s="404">
        <v>0</v>
      </c>
      <c r="LC41" s="345">
        <v>0</v>
      </c>
      <c r="LD41" s="345">
        <v>0</v>
      </c>
      <c r="LE41" s="345">
        <v>0</v>
      </c>
      <c r="LF41" s="345">
        <v>0</v>
      </c>
      <c r="LG41" s="345">
        <v>0</v>
      </c>
      <c r="LH41" s="349">
        <v>0</v>
      </c>
      <c r="LI41" s="350">
        <v>0</v>
      </c>
      <c r="LJ41" s="348">
        <v>0</v>
      </c>
      <c r="LK41" s="345">
        <v>0</v>
      </c>
      <c r="LL41" s="349">
        <v>0</v>
      </c>
      <c r="LM41" s="404">
        <v>0</v>
      </c>
      <c r="LN41" s="345">
        <v>0</v>
      </c>
      <c r="LO41" s="345">
        <v>0</v>
      </c>
      <c r="LP41" s="345">
        <v>0</v>
      </c>
      <c r="LQ41" s="345">
        <v>0</v>
      </c>
      <c r="LR41" s="345">
        <v>0</v>
      </c>
      <c r="LS41" s="349">
        <v>0</v>
      </c>
      <c r="LT41" s="347">
        <v>0</v>
      </c>
      <c r="LU41" s="348">
        <v>0</v>
      </c>
      <c r="LV41" s="345">
        <v>0</v>
      </c>
      <c r="LW41" s="349">
        <v>0</v>
      </c>
      <c r="LX41" s="404">
        <v>0</v>
      </c>
      <c r="LY41" s="345">
        <v>0</v>
      </c>
      <c r="LZ41" s="345">
        <v>0</v>
      </c>
      <c r="MA41" s="345">
        <v>0</v>
      </c>
      <c r="MB41" s="345">
        <v>0</v>
      </c>
      <c r="MC41" s="345">
        <v>0</v>
      </c>
      <c r="MD41" s="349">
        <v>0</v>
      </c>
      <c r="ME41" s="350">
        <v>0</v>
      </c>
      <c r="MF41" s="348">
        <v>0</v>
      </c>
      <c r="MG41" s="345">
        <v>0</v>
      </c>
      <c r="MH41" s="349">
        <v>0</v>
      </c>
      <c r="MI41" s="404">
        <v>0</v>
      </c>
      <c r="MJ41" s="345">
        <v>0</v>
      </c>
      <c r="MK41" s="345">
        <v>0</v>
      </c>
      <c r="ML41" s="345">
        <v>448225</v>
      </c>
      <c r="MM41" s="345">
        <v>0</v>
      </c>
      <c r="MN41" s="345">
        <v>248504</v>
      </c>
      <c r="MO41" s="349">
        <v>696729</v>
      </c>
      <c r="MP41" s="354">
        <v>696729</v>
      </c>
      <c r="MQ41" s="348">
        <v>0</v>
      </c>
      <c r="MR41" s="345">
        <v>0</v>
      </c>
      <c r="MS41" s="349">
        <v>0</v>
      </c>
      <c r="MT41" s="404">
        <v>0</v>
      </c>
      <c r="MU41" s="345">
        <v>0</v>
      </c>
      <c r="MV41" s="345">
        <v>0</v>
      </c>
      <c r="MW41" s="345">
        <v>210737</v>
      </c>
      <c r="MX41" s="345">
        <v>0</v>
      </c>
      <c r="MY41" s="345">
        <v>248504</v>
      </c>
      <c r="MZ41" s="349">
        <v>459241</v>
      </c>
      <c r="NA41" s="354">
        <v>459241</v>
      </c>
      <c r="NB41" s="348">
        <v>0</v>
      </c>
      <c r="NC41" s="345">
        <v>0</v>
      </c>
      <c r="ND41" s="349">
        <v>0</v>
      </c>
      <c r="NE41" s="404">
        <v>0</v>
      </c>
      <c r="NF41" s="345">
        <v>0</v>
      </c>
      <c r="NG41" s="345">
        <v>0</v>
      </c>
      <c r="NH41" s="345">
        <v>237488</v>
      </c>
      <c r="NI41" s="345">
        <v>0</v>
      </c>
      <c r="NJ41" s="345">
        <v>0</v>
      </c>
      <c r="NK41" s="349">
        <v>237488</v>
      </c>
      <c r="NL41" s="347">
        <v>237488</v>
      </c>
      <c r="NM41" s="348">
        <v>0</v>
      </c>
      <c r="NN41" s="345">
        <v>0</v>
      </c>
      <c r="NO41" s="349">
        <v>0</v>
      </c>
      <c r="NP41" s="404">
        <v>0</v>
      </c>
      <c r="NQ41" s="345">
        <v>0</v>
      </c>
      <c r="NR41" s="345">
        <v>0</v>
      </c>
      <c r="NS41" s="345">
        <v>0</v>
      </c>
      <c r="NT41" s="345">
        <v>0</v>
      </c>
      <c r="NU41" s="345">
        <v>0</v>
      </c>
      <c r="NV41" s="349">
        <v>0</v>
      </c>
      <c r="NW41" s="350">
        <v>0</v>
      </c>
      <c r="NX41" s="348">
        <v>0</v>
      </c>
      <c r="NY41" s="345">
        <v>0</v>
      </c>
      <c r="NZ41" s="349">
        <v>0</v>
      </c>
      <c r="OA41" s="404">
        <v>0</v>
      </c>
      <c r="OB41" s="345">
        <v>0</v>
      </c>
      <c r="OC41" s="345">
        <v>0</v>
      </c>
      <c r="OD41" s="345">
        <v>0</v>
      </c>
      <c r="OE41" s="345">
        <v>0</v>
      </c>
      <c r="OF41" s="345">
        <v>0</v>
      </c>
      <c r="OG41" s="349">
        <v>0</v>
      </c>
      <c r="OH41" s="350">
        <v>0</v>
      </c>
      <c r="OI41" s="348">
        <v>0</v>
      </c>
      <c r="OJ41" s="345">
        <v>53719</v>
      </c>
      <c r="OK41" s="346">
        <v>53719</v>
      </c>
      <c r="OL41" s="351">
        <v>0</v>
      </c>
      <c r="OM41" s="345">
        <v>459792</v>
      </c>
      <c r="ON41" s="345">
        <v>1524338</v>
      </c>
      <c r="OO41" s="345">
        <v>1218133</v>
      </c>
      <c r="OP41" s="345">
        <v>816701</v>
      </c>
      <c r="OQ41" s="345">
        <v>302968</v>
      </c>
      <c r="OR41" s="349">
        <v>4321932</v>
      </c>
      <c r="OS41" s="354">
        <v>4375651</v>
      </c>
    </row>
    <row r="42" spans="2:409" s="70" customFormat="1" ht="21" customHeight="1" thickBot="1" x14ac:dyDescent="0.25">
      <c r="B42" s="108" t="s">
        <v>37</v>
      </c>
      <c r="C42" s="371">
        <v>0</v>
      </c>
      <c r="D42" s="372">
        <v>0</v>
      </c>
      <c r="E42" s="373">
        <v>0</v>
      </c>
      <c r="F42" s="374">
        <v>0</v>
      </c>
      <c r="G42" s="372">
        <v>0</v>
      </c>
      <c r="H42" s="372">
        <v>84285</v>
      </c>
      <c r="I42" s="372">
        <v>0</v>
      </c>
      <c r="J42" s="372">
        <v>0</v>
      </c>
      <c r="K42" s="372">
        <v>124977</v>
      </c>
      <c r="L42" s="374">
        <v>209262</v>
      </c>
      <c r="M42" s="375">
        <v>209262</v>
      </c>
      <c r="N42" s="371">
        <v>0</v>
      </c>
      <c r="O42" s="372">
        <v>0</v>
      </c>
      <c r="P42" s="373">
        <v>0</v>
      </c>
      <c r="Q42" s="371">
        <v>0</v>
      </c>
      <c r="R42" s="372">
        <v>0</v>
      </c>
      <c r="S42" s="372">
        <v>54012</v>
      </c>
      <c r="T42" s="372">
        <v>0</v>
      </c>
      <c r="U42" s="372">
        <v>0</v>
      </c>
      <c r="V42" s="372">
        <v>65295</v>
      </c>
      <c r="W42" s="373">
        <v>119307</v>
      </c>
      <c r="X42" s="375">
        <v>119307</v>
      </c>
      <c r="Y42" s="371">
        <v>0</v>
      </c>
      <c r="Z42" s="372">
        <v>0</v>
      </c>
      <c r="AA42" s="373">
        <v>0</v>
      </c>
      <c r="AB42" s="371">
        <v>0</v>
      </c>
      <c r="AC42" s="372">
        <v>0</v>
      </c>
      <c r="AD42" s="372">
        <v>0</v>
      </c>
      <c r="AE42" s="372">
        <v>0</v>
      </c>
      <c r="AF42" s="372">
        <v>0</v>
      </c>
      <c r="AG42" s="372">
        <v>23660</v>
      </c>
      <c r="AH42" s="373">
        <v>23660</v>
      </c>
      <c r="AI42" s="375">
        <v>23660</v>
      </c>
      <c r="AJ42" s="371">
        <v>0</v>
      </c>
      <c r="AK42" s="372">
        <v>0</v>
      </c>
      <c r="AL42" s="373">
        <v>0</v>
      </c>
      <c r="AM42" s="371">
        <v>0</v>
      </c>
      <c r="AN42" s="372">
        <v>0</v>
      </c>
      <c r="AO42" s="372">
        <v>0</v>
      </c>
      <c r="AP42" s="372">
        <v>0</v>
      </c>
      <c r="AQ42" s="372">
        <v>0</v>
      </c>
      <c r="AR42" s="372">
        <v>0</v>
      </c>
      <c r="AS42" s="373">
        <v>0</v>
      </c>
      <c r="AT42" s="375">
        <v>0</v>
      </c>
      <c r="AU42" s="371">
        <v>0</v>
      </c>
      <c r="AV42" s="372">
        <v>0</v>
      </c>
      <c r="AW42" s="373">
        <v>0</v>
      </c>
      <c r="AX42" s="371">
        <v>0</v>
      </c>
      <c r="AY42" s="372">
        <v>0</v>
      </c>
      <c r="AZ42" s="372">
        <v>54012</v>
      </c>
      <c r="BA42" s="372">
        <v>0</v>
      </c>
      <c r="BB42" s="372">
        <v>0</v>
      </c>
      <c r="BC42" s="372">
        <v>30197</v>
      </c>
      <c r="BD42" s="373">
        <v>84209</v>
      </c>
      <c r="BE42" s="375">
        <v>84209</v>
      </c>
      <c r="BF42" s="371">
        <v>0</v>
      </c>
      <c r="BG42" s="372">
        <v>0</v>
      </c>
      <c r="BH42" s="376">
        <v>0</v>
      </c>
      <c r="BI42" s="377">
        <v>0</v>
      </c>
      <c r="BJ42" s="372">
        <v>0</v>
      </c>
      <c r="BK42" s="372">
        <v>0</v>
      </c>
      <c r="BL42" s="372">
        <v>0</v>
      </c>
      <c r="BM42" s="372">
        <v>0</v>
      </c>
      <c r="BN42" s="372">
        <v>0</v>
      </c>
      <c r="BO42" s="373">
        <v>0</v>
      </c>
      <c r="BP42" s="375">
        <v>0</v>
      </c>
      <c r="BQ42" s="371">
        <v>0</v>
      </c>
      <c r="BR42" s="372">
        <v>0</v>
      </c>
      <c r="BS42" s="373">
        <v>0</v>
      </c>
      <c r="BT42" s="371">
        <v>0</v>
      </c>
      <c r="BU42" s="372">
        <v>0</v>
      </c>
      <c r="BV42" s="372">
        <v>0</v>
      </c>
      <c r="BW42" s="372">
        <v>0</v>
      </c>
      <c r="BX42" s="372">
        <v>0</v>
      </c>
      <c r="BY42" s="372">
        <v>11438</v>
      </c>
      <c r="BZ42" s="373">
        <v>11438</v>
      </c>
      <c r="CA42" s="375">
        <v>11438</v>
      </c>
      <c r="CB42" s="371">
        <v>0</v>
      </c>
      <c r="CC42" s="372">
        <v>0</v>
      </c>
      <c r="CD42" s="373">
        <v>0</v>
      </c>
      <c r="CE42" s="371">
        <v>0</v>
      </c>
      <c r="CF42" s="372">
        <v>0</v>
      </c>
      <c r="CG42" s="372">
        <v>18331</v>
      </c>
      <c r="CH42" s="372">
        <v>0</v>
      </c>
      <c r="CI42" s="372">
        <v>0</v>
      </c>
      <c r="CJ42" s="372">
        <v>0</v>
      </c>
      <c r="CK42" s="373">
        <v>18331</v>
      </c>
      <c r="CL42" s="375">
        <v>18331</v>
      </c>
      <c r="CM42" s="371">
        <v>0</v>
      </c>
      <c r="CN42" s="372">
        <v>0</v>
      </c>
      <c r="CO42" s="373">
        <v>0</v>
      </c>
      <c r="CP42" s="377">
        <v>0</v>
      </c>
      <c r="CQ42" s="372">
        <v>0</v>
      </c>
      <c r="CR42" s="372">
        <v>18331</v>
      </c>
      <c r="CS42" s="372">
        <v>0</v>
      </c>
      <c r="CT42" s="372">
        <v>0</v>
      </c>
      <c r="CU42" s="372">
        <v>0</v>
      </c>
      <c r="CV42" s="373">
        <v>18331</v>
      </c>
      <c r="CW42" s="375">
        <v>18331</v>
      </c>
      <c r="CX42" s="371">
        <v>0</v>
      </c>
      <c r="CY42" s="372">
        <v>0</v>
      </c>
      <c r="CZ42" s="373">
        <v>0</v>
      </c>
      <c r="DA42" s="371">
        <v>0</v>
      </c>
      <c r="DB42" s="372">
        <v>0</v>
      </c>
      <c r="DC42" s="372">
        <v>0</v>
      </c>
      <c r="DD42" s="372">
        <v>0</v>
      </c>
      <c r="DE42" s="372">
        <v>0</v>
      </c>
      <c r="DF42" s="372">
        <v>0</v>
      </c>
      <c r="DG42" s="373">
        <v>0</v>
      </c>
      <c r="DH42" s="375">
        <v>0</v>
      </c>
      <c r="DI42" s="371">
        <v>0</v>
      </c>
      <c r="DJ42" s="372">
        <v>0</v>
      </c>
      <c r="DK42" s="376">
        <v>0</v>
      </c>
      <c r="DL42" s="377">
        <v>0</v>
      </c>
      <c r="DM42" s="372">
        <v>0</v>
      </c>
      <c r="DN42" s="372">
        <v>0</v>
      </c>
      <c r="DO42" s="372">
        <v>0</v>
      </c>
      <c r="DP42" s="372">
        <v>0</v>
      </c>
      <c r="DQ42" s="372">
        <v>23422</v>
      </c>
      <c r="DR42" s="373">
        <v>23422</v>
      </c>
      <c r="DS42" s="375">
        <v>23422</v>
      </c>
      <c r="DT42" s="371">
        <v>0</v>
      </c>
      <c r="DU42" s="372">
        <v>0</v>
      </c>
      <c r="DV42" s="373">
        <v>0</v>
      </c>
      <c r="DW42" s="371">
        <v>0</v>
      </c>
      <c r="DX42" s="372">
        <v>0</v>
      </c>
      <c r="DY42" s="372">
        <v>0</v>
      </c>
      <c r="DZ42" s="372">
        <v>0</v>
      </c>
      <c r="EA42" s="372">
        <v>0</v>
      </c>
      <c r="EB42" s="372">
        <v>0</v>
      </c>
      <c r="EC42" s="373">
        <v>0</v>
      </c>
      <c r="ED42" s="375">
        <v>0</v>
      </c>
      <c r="EE42" s="371">
        <v>0</v>
      </c>
      <c r="EF42" s="376">
        <v>0</v>
      </c>
      <c r="EG42" s="373">
        <v>0</v>
      </c>
      <c r="EH42" s="371">
        <v>0</v>
      </c>
      <c r="EI42" s="372">
        <v>0</v>
      </c>
      <c r="EJ42" s="372">
        <v>0</v>
      </c>
      <c r="EK42" s="372">
        <v>0</v>
      </c>
      <c r="EL42" s="372">
        <v>0</v>
      </c>
      <c r="EM42" s="372">
        <v>23422</v>
      </c>
      <c r="EN42" s="376">
        <v>23422</v>
      </c>
      <c r="EO42" s="375">
        <v>23422</v>
      </c>
      <c r="EP42" s="371">
        <v>0</v>
      </c>
      <c r="EQ42" s="372">
        <v>0</v>
      </c>
      <c r="ER42" s="376">
        <v>0</v>
      </c>
      <c r="ES42" s="377">
        <v>0</v>
      </c>
      <c r="ET42" s="372">
        <v>0</v>
      </c>
      <c r="EU42" s="372">
        <v>0</v>
      </c>
      <c r="EV42" s="372">
        <v>0</v>
      </c>
      <c r="EW42" s="372">
        <v>0</v>
      </c>
      <c r="EX42" s="372">
        <v>0</v>
      </c>
      <c r="EY42" s="373">
        <v>0</v>
      </c>
      <c r="EZ42" s="375">
        <v>0</v>
      </c>
      <c r="FA42" s="371">
        <v>0</v>
      </c>
      <c r="FB42" s="372">
        <v>0</v>
      </c>
      <c r="FC42" s="376">
        <v>0</v>
      </c>
      <c r="FD42" s="405">
        <v>0</v>
      </c>
      <c r="FE42" s="372">
        <v>0</v>
      </c>
      <c r="FF42" s="372">
        <v>0</v>
      </c>
      <c r="FG42" s="372">
        <v>0</v>
      </c>
      <c r="FH42" s="372">
        <v>0</v>
      </c>
      <c r="FI42" s="372">
        <v>0</v>
      </c>
      <c r="FJ42" s="373">
        <v>0</v>
      </c>
      <c r="FK42" s="375">
        <v>0</v>
      </c>
      <c r="FL42" s="371">
        <v>0</v>
      </c>
      <c r="FM42" s="372">
        <v>0</v>
      </c>
      <c r="FN42" s="373">
        <v>0</v>
      </c>
      <c r="FO42" s="371">
        <v>0</v>
      </c>
      <c r="FP42" s="372">
        <v>0</v>
      </c>
      <c r="FQ42" s="372">
        <v>11942</v>
      </c>
      <c r="FR42" s="372">
        <v>0</v>
      </c>
      <c r="FS42" s="372">
        <v>0</v>
      </c>
      <c r="FT42" s="372">
        <v>36260</v>
      </c>
      <c r="FU42" s="373">
        <v>48202</v>
      </c>
      <c r="FV42" s="375">
        <v>48202</v>
      </c>
      <c r="FW42" s="378">
        <v>0</v>
      </c>
      <c r="FX42" s="372">
        <v>0</v>
      </c>
      <c r="FY42" s="376">
        <v>0</v>
      </c>
      <c r="FZ42" s="377">
        <v>0</v>
      </c>
      <c r="GA42" s="372">
        <v>0</v>
      </c>
      <c r="GB42" s="372">
        <v>11942</v>
      </c>
      <c r="GC42" s="372">
        <v>0</v>
      </c>
      <c r="GD42" s="372">
        <v>0</v>
      </c>
      <c r="GE42" s="372">
        <v>36260</v>
      </c>
      <c r="GF42" s="373">
        <v>48202</v>
      </c>
      <c r="GG42" s="379">
        <v>48202</v>
      </c>
      <c r="GH42" s="378">
        <v>0</v>
      </c>
      <c r="GI42" s="372">
        <v>0</v>
      </c>
      <c r="GJ42" s="376">
        <v>0</v>
      </c>
      <c r="GK42" s="377">
        <v>0</v>
      </c>
      <c r="GL42" s="372">
        <v>0</v>
      </c>
      <c r="GM42" s="372">
        <v>0</v>
      </c>
      <c r="GN42" s="372">
        <v>0</v>
      </c>
      <c r="GO42" s="372">
        <v>0</v>
      </c>
      <c r="GP42" s="372">
        <v>0</v>
      </c>
      <c r="GQ42" s="373">
        <v>0</v>
      </c>
      <c r="GR42" s="375">
        <v>0</v>
      </c>
      <c r="GS42" s="371">
        <v>0</v>
      </c>
      <c r="GT42" s="372">
        <v>0</v>
      </c>
      <c r="GU42" s="373">
        <v>0</v>
      </c>
      <c r="GV42" s="371">
        <v>0</v>
      </c>
      <c r="GW42" s="372">
        <v>0</v>
      </c>
      <c r="GX42" s="372">
        <v>0</v>
      </c>
      <c r="GY42" s="372">
        <v>0</v>
      </c>
      <c r="GZ42" s="372">
        <v>0</v>
      </c>
      <c r="HA42" s="372">
        <v>0</v>
      </c>
      <c r="HB42" s="376">
        <v>0</v>
      </c>
      <c r="HC42" s="375">
        <v>0</v>
      </c>
      <c r="HD42" s="371">
        <v>0</v>
      </c>
      <c r="HE42" s="372">
        <v>0</v>
      </c>
      <c r="HF42" s="376">
        <v>0</v>
      </c>
      <c r="HG42" s="377">
        <v>0</v>
      </c>
      <c r="HH42" s="372">
        <v>0</v>
      </c>
      <c r="HI42" s="372">
        <v>0</v>
      </c>
      <c r="HJ42" s="372">
        <v>0</v>
      </c>
      <c r="HK42" s="372">
        <v>0</v>
      </c>
      <c r="HL42" s="372">
        <v>0</v>
      </c>
      <c r="HM42" s="373">
        <v>0</v>
      </c>
      <c r="HN42" s="374">
        <v>0</v>
      </c>
      <c r="HO42" s="378">
        <v>0</v>
      </c>
      <c r="HP42" s="372">
        <v>0</v>
      </c>
      <c r="HQ42" s="373">
        <v>0</v>
      </c>
      <c r="HR42" s="371">
        <v>0</v>
      </c>
      <c r="HS42" s="372">
        <v>0</v>
      </c>
      <c r="HT42" s="372">
        <v>0</v>
      </c>
      <c r="HU42" s="372">
        <v>0</v>
      </c>
      <c r="HV42" s="372">
        <v>0</v>
      </c>
      <c r="HW42" s="372">
        <v>0</v>
      </c>
      <c r="HX42" s="376">
        <v>0</v>
      </c>
      <c r="HY42" s="375">
        <v>0</v>
      </c>
      <c r="HZ42" s="380">
        <v>0</v>
      </c>
      <c r="IA42" s="381">
        <v>0</v>
      </c>
      <c r="IB42" s="382">
        <v>0</v>
      </c>
      <c r="IC42" s="383">
        <v>0</v>
      </c>
      <c r="ID42" s="384">
        <v>0</v>
      </c>
      <c r="IE42" s="385">
        <v>0</v>
      </c>
      <c r="IF42" s="386">
        <v>0</v>
      </c>
      <c r="IG42" s="384">
        <v>0</v>
      </c>
      <c r="IH42" s="386">
        <v>167941</v>
      </c>
      <c r="II42" s="387">
        <v>167941</v>
      </c>
      <c r="IJ42" s="388">
        <v>167941</v>
      </c>
      <c r="IK42" s="389">
        <v>0</v>
      </c>
      <c r="IL42" s="390">
        <v>0</v>
      </c>
      <c r="IM42" s="391">
        <v>0</v>
      </c>
      <c r="IN42" s="405">
        <v>0</v>
      </c>
      <c r="IO42" s="392">
        <v>0</v>
      </c>
      <c r="IP42" s="392">
        <v>0</v>
      </c>
      <c r="IQ42" s="392">
        <v>0</v>
      </c>
      <c r="IR42" s="392">
        <v>0</v>
      </c>
      <c r="IS42" s="392">
        <v>0</v>
      </c>
      <c r="IT42" s="393">
        <v>0</v>
      </c>
      <c r="IU42" s="394">
        <v>0</v>
      </c>
      <c r="IV42" s="395">
        <v>0</v>
      </c>
      <c r="IW42" s="392">
        <v>0</v>
      </c>
      <c r="IX42" s="396">
        <v>0</v>
      </c>
      <c r="IY42" s="405">
        <v>0</v>
      </c>
      <c r="IZ42" s="392">
        <v>0</v>
      </c>
      <c r="JA42" s="392">
        <v>0</v>
      </c>
      <c r="JB42" s="392">
        <v>0</v>
      </c>
      <c r="JC42" s="392">
        <v>0</v>
      </c>
      <c r="JD42" s="392">
        <v>0</v>
      </c>
      <c r="JE42" s="396">
        <v>0</v>
      </c>
      <c r="JF42" s="397">
        <v>0</v>
      </c>
      <c r="JG42" s="395">
        <v>0</v>
      </c>
      <c r="JH42" s="392">
        <v>0</v>
      </c>
      <c r="JI42" s="393">
        <v>0</v>
      </c>
      <c r="JJ42" s="398">
        <v>0</v>
      </c>
      <c r="JK42" s="392">
        <v>0</v>
      </c>
      <c r="JL42" s="392">
        <v>0</v>
      </c>
      <c r="JM42" s="392">
        <v>0</v>
      </c>
      <c r="JN42" s="392">
        <v>0</v>
      </c>
      <c r="JO42" s="392">
        <v>167941</v>
      </c>
      <c r="JP42" s="396">
        <v>167941</v>
      </c>
      <c r="JQ42" s="394">
        <v>167941</v>
      </c>
      <c r="JR42" s="395">
        <v>0</v>
      </c>
      <c r="JS42" s="392">
        <v>0</v>
      </c>
      <c r="JT42" s="393">
        <v>0</v>
      </c>
      <c r="JU42" s="398">
        <v>0</v>
      </c>
      <c r="JV42" s="392">
        <v>0</v>
      </c>
      <c r="JW42" s="392">
        <v>0</v>
      </c>
      <c r="JX42" s="392">
        <v>0</v>
      </c>
      <c r="JY42" s="392">
        <v>0</v>
      </c>
      <c r="JZ42" s="392">
        <v>0</v>
      </c>
      <c r="KA42" s="396">
        <v>0</v>
      </c>
      <c r="KB42" s="394">
        <v>0</v>
      </c>
      <c r="KC42" s="399">
        <v>0</v>
      </c>
      <c r="KD42" s="400">
        <v>0</v>
      </c>
      <c r="KE42" s="396">
        <v>0</v>
      </c>
      <c r="KF42" s="398">
        <v>0</v>
      </c>
      <c r="KG42" s="392">
        <v>0</v>
      </c>
      <c r="KH42" s="392">
        <v>0</v>
      </c>
      <c r="KI42" s="392">
        <v>0</v>
      </c>
      <c r="KJ42" s="392">
        <v>0</v>
      </c>
      <c r="KK42" s="392">
        <v>0</v>
      </c>
      <c r="KL42" s="396">
        <v>0</v>
      </c>
      <c r="KM42" s="401">
        <v>0</v>
      </c>
      <c r="KN42" s="389">
        <v>0</v>
      </c>
      <c r="KO42" s="390">
        <v>0</v>
      </c>
      <c r="KP42" s="391">
        <v>0</v>
      </c>
      <c r="KQ42" s="405">
        <v>0</v>
      </c>
      <c r="KR42" s="392">
        <v>0</v>
      </c>
      <c r="KS42" s="392">
        <v>0</v>
      </c>
      <c r="KT42" s="392">
        <v>0</v>
      </c>
      <c r="KU42" s="392">
        <v>0</v>
      </c>
      <c r="KV42" s="392">
        <v>0</v>
      </c>
      <c r="KW42" s="396">
        <v>0</v>
      </c>
      <c r="KX42" s="394">
        <v>0</v>
      </c>
      <c r="KY42" s="395">
        <v>0</v>
      </c>
      <c r="KZ42" s="392">
        <v>0</v>
      </c>
      <c r="LA42" s="396">
        <v>0</v>
      </c>
      <c r="LB42" s="405">
        <v>0</v>
      </c>
      <c r="LC42" s="392">
        <v>0</v>
      </c>
      <c r="LD42" s="392">
        <v>0</v>
      </c>
      <c r="LE42" s="392">
        <v>0</v>
      </c>
      <c r="LF42" s="392">
        <v>0</v>
      </c>
      <c r="LG42" s="392">
        <v>0</v>
      </c>
      <c r="LH42" s="396">
        <v>0</v>
      </c>
      <c r="LI42" s="397">
        <v>0</v>
      </c>
      <c r="LJ42" s="395">
        <v>0</v>
      </c>
      <c r="LK42" s="392">
        <v>0</v>
      </c>
      <c r="LL42" s="396">
        <v>0</v>
      </c>
      <c r="LM42" s="405">
        <v>0</v>
      </c>
      <c r="LN42" s="392">
        <v>0</v>
      </c>
      <c r="LO42" s="392">
        <v>0</v>
      </c>
      <c r="LP42" s="392">
        <v>0</v>
      </c>
      <c r="LQ42" s="392">
        <v>0</v>
      </c>
      <c r="LR42" s="392">
        <v>0</v>
      </c>
      <c r="LS42" s="396">
        <v>0</v>
      </c>
      <c r="LT42" s="394">
        <v>0</v>
      </c>
      <c r="LU42" s="395">
        <v>0</v>
      </c>
      <c r="LV42" s="392">
        <v>0</v>
      </c>
      <c r="LW42" s="396">
        <v>0</v>
      </c>
      <c r="LX42" s="405">
        <v>0</v>
      </c>
      <c r="LY42" s="392">
        <v>0</v>
      </c>
      <c r="LZ42" s="392">
        <v>0</v>
      </c>
      <c r="MA42" s="392">
        <v>0</v>
      </c>
      <c r="MB42" s="392">
        <v>0</v>
      </c>
      <c r="MC42" s="392">
        <v>0</v>
      </c>
      <c r="MD42" s="396">
        <v>0</v>
      </c>
      <c r="ME42" s="397">
        <v>0</v>
      </c>
      <c r="MF42" s="395">
        <v>0</v>
      </c>
      <c r="MG42" s="392">
        <v>0</v>
      </c>
      <c r="MH42" s="396">
        <v>0</v>
      </c>
      <c r="MI42" s="405">
        <v>0</v>
      </c>
      <c r="MJ42" s="392">
        <v>0</v>
      </c>
      <c r="MK42" s="392">
        <v>0</v>
      </c>
      <c r="ML42" s="392">
        <v>0</v>
      </c>
      <c r="MM42" s="392">
        <v>0</v>
      </c>
      <c r="MN42" s="392">
        <v>0</v>
      </c>
      <c r="MO42" s="396">
        <v>0</v>
      </c>
      <c r="MP42" s="401">
        <v>0</v>
      </c>
      <c r="MQ42" s="395">
        <v>0</v>
      </c>
      <c r="MR42" s="392">
        <v>0</v>
      </c>
      <c r="MS42" s="396">
        <v>0</v>
      </c>
      <c r="MT42" s="405">
        <v>0</v>
      </c>
      <c r="MU42" s="392">
        <v>0</v>
      </c>
      <c r="MV42" s="392">
        <v>0</v>
      </c>
      <c r="MW42" s="392">
        <v>0</v>
      </c>
      <c r="MX42" s="392">
        <v>0</v>
      </c>
      <c r="MY42" s="392">
        <v>0</v>
      </c>
      <c r="MZ42" s="396">
        <v>0</v>
      </c>
      <c r="NA42" s="401">
        <v>0</v>
      </c>
      <c r="NB42" s="395">
        <v>0</v>
      </c>
      <c r="NC42" s="392">
        <v>0</v>
      </c>
      <c r="ND42" s="396">
        <v>0</v>
      </c>
      <c r="NE42" s="405">
        <v>0</v>
      </c>
      <c r="NF42" s="392">
        <v>0</v>
      </c>
      <c r="NG42" s="392">
        <v>0</v>
      </c>
      <c r="NH42" s="392">
        <v>0</v>
      </c>
      <c r="NI42" s="392">
        <v>0</v>
      </c>
      <c r="NJ42" s="392">
        <v>0</v>
      </c>
      <c r="NK42" s="396">
        <v>0</v>
      </c>
      <c r="NL42" s="394">
        <v>0</v>
      </c>
      <c r="NM42" s="395">
        <v>0</v>
      </c>
      <c r="NN42" s="392">
        <v>0</v>
      </c>
      <c r="NO42" s="396">
        <v>0</v>
      </c>
      <c r="NP42" s="405">
        <v>0</v>
      </c>
      <c r="NQ42" s="392">
        <v>0</v>
      </c>
      <c r="NR42" s="392">
        <v>0</v>
      </c>
      <c r="NS42" s="392">
        <v>0</v>
      </c>
      <c r="NT42" s="392">
        <v>0</v>
      </c>
      <c r="NU42" s="392">
        <v>0</v>
      </c>
      <c r="NV42" s="396">
        <v>0</v>
      </c>
      <c r="NW42" s="397">
        <v>0</v>
      </c>
      <c r="NX42" s="395">
        <v>0</v>
      </c>
      <c r="NY42" s="392">
        <v>0</v>
      </c>
      <c r="NZ42" s="396">
        <v>0</v>
      </c>
      <c r="OA42" s="405">
        <v>0</v>
      </c>
      <c r="OB42" s="392">
        <v>0</v>
      </c>
      <c r="OC42" s="392">
        <v>0</v>
      </c>
      <c r="OD42" s="392">
        <v>0</v>
      </c>
      <c r="OE42" s="392">
        <v>0</v>
      </c>
      <c r="OF42" s="392">
        <v>0</v>
      </c>
      <c r="OG42" s="396">
        <v>0</v>
      </c>
      <c r="OH42" s="397">
        <v>0</v>
      </c>
      <c r="OI42" s="395">
        <v>0</v>
      </c>
      <c r="OJ42" s="392">
        <v>0</v>
      </c>
      <c r="OK42" s="393">
        <v>0</v>
      </c>
      <c r="OL42" s="398">
        <v>0</v>
      </c>
      <c r="OM42" s="392">
        <v>0</v>
      </c>
      <c r="ON42" s="392">
        <v>84285</v>
      </c>
      <c r="OO42" s="392">
        <v>0</v>
      </c>
      <c r="OP42" s="392">
        <v>0</v>
      </c>
      <c r="OQ42" s="392">
        <v>292918</v>
      </c>
      <c r="OR42" s="396">
        <v>377203</v>
      </c>
      <c r="OS42" s="401">
        <v>377203</v>
      </c>
    </row>
    <row r="43" spans="2:409" x14ac:dyDescent="0.2">
      <c r="B43" s="71" t="s">
        <v>84</v>
      </c>
    </row>
  </sheetData>
  <mergeCells count="15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CM7:CO7"/>
    <mergeCell ref="CP7:CV7"/>
    <mergeCell ref="CW7:CW8"/>
    <mergeCell ref="CX7:CZ7"/>
    <mergeCell ref="BQ7:BS7"/>
    <mergeCell ref="BT7:BZ7"/>
    <mergeCell ref="CA7:CA8"/>
    <mergeCell ref="CB7:CD7"/>
    <mergeCell ref="CE7:CK7"/>
    <mergeCell ref="DA7:DG7"/>
    <mergeCell ref="EZ7:EZ8"/>
    <mergeCell ref="DI7:DK7"/>
    <mergeCell ref="DL7:DR7"/>
    <mergeCell ref="DS7:DS8"/>
    <mergeCell ref="DT7:DV7"/>
    <mergeCell ref="DW7:EC7"/>
    <mergeCell ref="ED7:ED8"/>
    <mergeCell ref="EE7:EG7"/>
    <mergeCell ref="EH7:EN7"/>
    <mergeCell ref="EO7:EO8"/>
    <mergeCell ref="EP7:ER7"/>
    <mergeCell ref="ES7:EY7"/>
    <mergeCell ref="GR7:GR8"/>
    <mergeCell ref="FA7:FC7"/>
    <mergeCell ref="FD7:FJ7"/>
    <mergeCell ref="FK7:FK8"/>
    <mergeCell ref="FL7:FN7"/>
    <mergeCell ref="FO7:FU7"/>
    <mergeCell ref="FV7:FV8"/>
    <mergeCell ref="FW7:FY7"/>
    <mergeCell ref="FZ7:GF7"/>
    <mergeCell ref="GG7:GG8"/>
    <mergeCell ref="GH7:GJ7"/>
    <mergeCell ref="GK7:GQ7"/>
    <mergeCell ref="HO7:HQ7"/>
    <mergeCell ref="HR7:HX7"/>
    <mergeCell ref="HY7:HY8"/>
    <mergeCell ref="GS7:GU7"/>
    <mergeCell ref="GV7:HB7"/>
    <mergeCell ref="HC7:HC8"/>
    <mergeCell ref="HD7:HF7"/>
    <mergeCell ref="HG7:HM7"/>
    <mergeCell ref="HN7:HN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59055118110236227" right="0.39370078740157483" top="0.39370078740157483" bottom="0.43307086614173229" header="0.19685039370078741" footer="0.19685039370078741"/>
  <pageSetup paperSize="9" scale="40" orientation="landscape" r:id="rId1"/>
  <headerFooter alignWithMargins="0">
    <oddFooter>&amp;L&amp;20&amp;A&amp;C&amp;P/&amp;N</oddFooter>
  </headerFooter>
  <colBreaks count="9" manualBreakCount="9">
    <brk id="35" max="1048575" man="1"/>
    <brk id="68" max="1048575" man="1"/>
    <brk id="101" max="1048575" man="1"/>
    <brk id="134" max="1048575" man="1"/>
    <brk id="167" max="1048575" man="1"/>
    <brk id="200" max="1048575" man="1"/>
    <brk id="233" max="1048575" man="1"/>
    <brk id="266" max="42" man="1"/>
    <brk id="299"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3.77734375" style="71" customWidth="1"/>
    <col min="2" max="2" width="9.77734375" style="71" customWidth="1"/>
    <col min="3" max="4" width="9.21875" style="71" bestFit="1" customWidth="1"/>
    <col min="5" max="5" width="10.77734375" style="71" bestFit="1" customWidth="1"/>
    <col min="6" max="6" width="7.88671875" style="71" customWidth="1"/>
    <col min="7" max="11" width="10.44140625" style="71" bestFit="1" customWidth="1"/>
    <col min="12" max="13" width="11.6640625" style="71" bestFit="1" customWidth="1"/>
    <col min="14" max="16" width="9.21875" style="71" bestFit="1" customWidth="1"/>
    <col min="17" max="17" width="7.44140625" style="71" customWidth="1"/>
    <col min="18" max="18" width="9.21875" style="71" bestFit="1" customWidth="1"/>
    <col min="19" max="22" width="10.44140625" style="71" bestFit="1" customWidth="1"/>
    <col min="23" max="24" width="11.6640625" style="71" bestFit="1" customWidth="1"/>
    <col min="25" max="27" width="9.109375" style="71" bestFit="1" customWidth="1"/>
    <col min="28" max="28" width="7" style="71" customWidth="1"/>
    <col min="29" max="30" width="9.109375" style="71" bestFit="1" customWidth="1"/>
    <col min="31" max="32" width="9.6640625" style="71" bestFit="1" customWidth="1"/>
    <col min="33" max="33" width="9.109375" style="71" bestFit="1" customWidth="1"/>
    <col min="34" max="35" width="9.6640625" style="71" bestFit="1" customWidth="1"/>
    <col min="36" max="38" width="9.109375" style="71" bestFit="1" customWidth="1"/>
    <col min="39" max="39" width="7.33203125" style="71" customWidth="1"/>
    <col min="40" max="49" width="9.109375" style="71" bestFit="1" customWidth="1"/>
    <col min="50" max="50" width="7.33203125" style="71" customWidth="1"/>
    <col min="51" max="60" width="9.109375" style="71" bestFit="1" customWidth="1"/>
    <col min="61" max="61" width="7.77734375" style="71" customWidth="1"/>
    <col min="62" max="71" width="9.109375" style="71" bestFit="1" customWidth="1"/>
    <col min="72" max="72" width="7.77734375" style="71" customWidth="1"/>
    <col min="73" max="77" width="9.109375" style="71" bestFit="1" customWidth="1"/>
    <col min="78" max="79" width="9.6640625" style="71" bestFit="1" customWidth="1"/>
    <col min="80" max="82" width="9.109375" style="71" bestFit="1" customWidth="1"/>
    <col min="83" max="83" width="7.88671875" style="71" customWidth="1"/>
    <col min="84" max="93" width="9.109375" style="71" bestFit="1" customWidth="1"/>
    <col min="94" max="94" width="8" style="71" customWidth="1"/>
    <col min="95" max="104" width="9.109375" style="71" bestFit="1" customWidth="1"/>
    <col min="105" max="105" width="8" style="71" customWidth="1"/>
    <col min="106" max="115" width="9.109375" style="71" bestFit="1" customWidth="1"/>
    <col min="116" max="116" width="7.6640625" style="71" customWidth="1"/>
    <col min="117" max="117" width="9.109375" style="71" bestFit="1" customWidth="1"/>
    <col min="118" max="121" width="9.6640625" style="71" bestFit="1" customWidth="1"/>
    <col min="122" max="123" width="10.6640625" style="71" bestFit="1" customWidth="1"/>
    <col min="124" max="126" width="9.109375" style="71" bestFit="1" customWidth="1"/>
    <col min="127" max="127" width="7.44140625" style="71" customWidth="1"/>
    <col min="128" max="129" width="9.109375" style="71" bestFit="1" customWidth="1"/>
    <col min="130" max="134" width="9.6640625" style="71" bestFit="1" customWidth="1"/>
    <col min="135" max="137" width="9.109375" style="71" bestFit="1" customWidth="1"/>
    <col min="138" max="138" width="7.6640625" style="71" customWidth="1"/>
    <col min="139" max="148" width="9.109375" style="71" bestFit="1" customWidth="1"/>
    <col min="149" max="149" width="7.77734375" style="71" customWidth="1"/>
    <col min="150" max="159" width="9.109375" style="71" bestFit="1" customWidth="1"/>
    <col min="160" max="160" width="7.77734375" style="71" customWidth="1"/>
    <col min="161" max="170" width="9.109375" style="71" bestFit="1" customWidth="1"/>
    <col min="171" max="171" width="7.33203125" style="71" customWidth="1"/>
    <col min="172" max="181" width="9.109375" style="71" bestFit="1" customWidth="1"/>
    <col min="182" max="182" width="8" style="71" customWidth="1"/>
    <col min="183" max="188" width="9.109375" style="71" bestFit="1" customWidth="1"/>
    <col min="189" max="189" width="9.6640625" style="71" bestFit="1" customWidth="1"/>
    <col min="190" max="192" width="9.109375" style="71" bestFit="1" customWidth="1"/>
    <col min="193" max="193" width="7.44140625" style="71" customWidth="1"/>
    <col min="194" max="203" width="9.109375" style="71" bestFit="1" customWidth="1"/>
    <col min="204" max="204" width="7.88671875" style="71" customWidth="1"/>
    <col min="205" max="214" width="9.109375" style="71" bestFit="1" customWidth="1"/>
    <col min="215" max="215" width="7.88671875" style="71" customWidth="1"/>
    <col min="216" max="225" width="9.109375" style="71" bestFit="1" customWidth="1"/>
    <col min="226" max="226" width="7.6640625" style="71" customWidth="1"/>
    <col min="227" max="229" width="9.6640625" style="71" bestFit="1" customWidth="1"/>
    <col min="230" max="230" width="10.6640625" style="71" bestFit="1" customWidth="1"/>
    <col min="231" max="231" width="9.6640625" style="71" bestFit="1" customWidth="1"/>
    <col min="232" max="233" width="10.6640625" style="71" bestFit="1" customWidth="1"/>
    <col min="234" max="16384" width="9" style="71"/>
  </cols>
  <sheetData>
    <row r="1" spans="2:233" ht="24" customHeight="1" x14ac:dyDescent="0.2">
      <c r="B1" s="10" t="s">
        <v>160</v>
      </c>
      <c r="C1" s="247"/>
      <c r="D1" s="247"/>
      <c r="E1" s="63">
        <f>第１表!F2</f>
        <v>6</v>
      </c>
      <c r="F1" s="64">
        <f>第１表!G2</f>
        <v>9</v>
      </c>
      <c r="G1" s="572">
        <f>IF(F1&lt;3,F1-2+12,F1-2)</f>
        <v>7</v>
      </c>
      <c r="H1" s="572"/>
      <c r="L1" s="247"/>
      <c r="CL1" s="247"/>
      <c r="CM1" s="247"/>
      <c r="CN1" s="247"/>
      <c r="CO1" s="247"/>
      <c r="CP1" s="247"/>
      <c r="CQ1" s="247"/>
      <c r="CR1" s="247"/>
      <c r="CS1" s="247"/>
      <c r="CT1" s="247"/>
      <c r="CU1" s="247"/>
      <c r="CV1" s="247"/>
      <c r="CW1" s="247"/>
      <c r="CX1" s="247"/>
      <c r="CY1" s="247"/>
      <c r="CZ1" s="247"/>
      <c r="DA1" s="247"/>
      <c r="DB1" s="247"/>
      <c r="DC1" s="247"/>
      <c r="DD1" s="247"/>
      <c r="DE1" s="247"/>
      <c r="DF1" s="247"/>
      <c r="DG1" s="247"/>
      <c r="DH1" s="247"/>
      <c r="DI1" s="247"/>
      <c r="DJ1" s="247"/>
      <c r="DK1" s="247"/>
      <c r="DL1" s="247"/>
      <c r="DM1" s="247"/>
      <c r="DN1" s="247"/>
      <c r="DO1" s="247"/>
      <c r="DP1" s="247"/>
      <c r="DQ1" s="247"/>
      <c r="DR1" s="247"/>
      <c r="DS1" s="247"/>
      <c r="DT1" s="247"/>
      <c r="DU1" s="247"/>
      <c r="DV1" s="247"/>
      <c r="DW1" s="247"/>
      <c r="DX1" s="247"/>
      <c r="DY1" s="247"/>
      <c r="DZ1" s="247"/>
      <c r="EA1" s="247"/>
      <c r="EB1" s="247"/>
      <c r="EC1" s="247"/>
    </row>
    <row r="2" spans="2:233" ht="24" customHeight="1" thickBot="1" x14ac:dyDescent="0.25">
      <c r="B2" s="10" t="s">
        <v>161</v>
      </c>
    </row>
    <row r="3" spans="2:233" ht="21" customHeight="1" thickBot="1" x14ac:dyDescent="0.25">
      <c r="B3" s="576"/>
      <c r="C3" s="424" t="s">
        <v>115</v>
      </c>
      <c r="D3" s="425"/>
      <c r="E3" s="425"/>
      <c r="F3" s="425"/>
      <c r="G3" s="425"/>
      <c r="H3" s="425"/>
      <c r="I3" s="425"/>
      <c r="J3" s="425"/>
      <c r="K3" s="425"/>
      <c r="L3" s="425"/>
      <c r="M3" s="425"/>
      <c r="N3" s="422"/>
      <c r="O3" s="422"/>
      <c r="P3" s="422"/>
      <c r="Q3" s="422"/>
      <c r="R3" s="422"/>
      <c r="S3" s="422"/>
      <c r="T3" s="422"/>
      <c r="U3" s="422"/>
      <c r="V3" s="422"/>
      <c r="W3" s="422"/>
      <c r="X3" s="422"/>
      <c r="Y3" s="422"/>
      <c r="Z3" s="422"/>
      <c r="AA3" s="422"/>
      <c r="AB3" s="422"/>
      <c r="AC3" s="422"/>
      <c r="AD3" s="422"/>
      <c r="AE3" s="422"/>
      <c r="AF3" s="422"/>
      <c r="AG3" s="422"/>
      <c r="AH3" s="422"/>
      <c r="AI3" s="422"/>
      <c r="AJ3" s="422"/>
      <c r="AK3" s="422"/>
      <c r="AL3" s="422"/>
      <c r="AM3" s="422"/>
      <c r="AN3" s="422"/>
      <c r="AO3" s="422"/>
      <c r="AP3" s="422"/>
      <c r="AQ3" s="422"/>
      <c r="AR3" s="422"/>
      <c r="AS3" s="422"/>
      <c r="AT3" s="422"/>
      <c r="AU3" s="422"/>
      <c r="AV3" s="422"/>
      <c r="AW3" s="422"/>
      <c r="AX3" s="422"/>
      <c r="AY3" s="422"/>
      <c r="AZ3" s="422"/>
      <c r="BA3" s="422"/>
      <c r="BB3" s="422"/>
      <c r="BC3" s="422"/>
      <c r="BD3" s="422"/>
      <c r="BE3" s="422"/>
      <c r="BF3" s="422"/>
      <c r="BG3" s="422"/>
      <c r="BH3" s="422"/>
      <c r="BI3" s="422"/>
      <c r="BJ3" s="422"/>
      <c r="BK3" s="422"/>
      <c r="BL3" s="422"/>
      <c r="BM3" s="422"/>
      <c r="BN3" s="422"/>
      <c r="BO3" s="422"/>
      <c r="BP3" s="422"/>
      <c r="BQ3" s="422"/>
      <c r="BR3" s="422"/>
      <c r="BS3" s="422"/>
      <c r="BT3" s="422"/>
      <c r="BU3" s="422"/>
      <c r="BV3" s="422"/>
      <c r="BW3" s="422"/>
      <c r="BX3" s="422"/>
      <c r="BY3" s="422"/>
      <c r="BZ3" s="422"/>
      <c r="CA3" s="422"/>
      <c r="CB3" s="422"/>
      <c r="CC3" s="422"/>
      <c r="CD3" s="422"/>
      <c r="CE3" s="422"/>
      <c r="CF3" s="422"/>
      <c r="CG3" s="422"/>
      <c r="CH3" s="422"/>
      <c r="CI3" s="422"/>
      <c r="CJ3" s="422"/>
      <c r="CK3" s="422"/>
      <c r="CL3" s="422"/>
      <c r="CM3" s="422"/>
      <c r="CN3" s="422"/>
      <c r="CO3" s="422"/>
      <c r="CP3" s="422"/>
      <c r="CQ3" s="422"/>
      <c r="CR3" s="422"/>
      <c r="CS3" s="422"/>
      <c r="CT3" s="422"/>
      <c r="CU3" s="422"/>
      <c r="CV3" s="422"/>
      <c r="CW3" s="422"/>
      <c r="CX3" s="422"/>
      <c r="CY3" s="422"/>
      <c r="CZ3" s="422"/>
      <c r="DA3" s="422"/>
      <c r="DB3" s="422"/>
      <c r="DC3" s="422"/>
      <c r="DD3" s="422"/>
      <c r="DE3" s="422"/>
      <c r="DF3" s="422"/>
      <c r="DG3" s="422"/>
      <c r="DH3" s="423"/>
      <c r="DI3" s="424" t="s">
        <v>117</v>
      </c>
      <c r="DJ3" s="425"/>
      <c r="DK3" s="425"/>
      <c r="DL3" s="425"/>
      <c r="DM3" s="425"/>
      <c r="DN3" s="425"/>
      <c r="DO3" s="425"/>
      <c r="DP3" s="425"/>
      <c r="DQ3" s="425"/>
      <c r="DR3" s="425"/>
      <c r="DS3" s="425"/>
      <c r="DT3" s="425"/>
      <c r="DU3" s="425"/>
      <c r="DV3" s="425"/>
      <c r="DW3" s="425"/>
      <c r="DX3" s="425"/>
      <c r="DY3" s="425"/>
      <c r="DZ3" s="425"/>
      <c r="EA3" s="425"/>
      <c r="EB3" s="425"/>
      <c r="EC3" s="425"/>
      <c r="ED3" s="425"/>
      <c r="EE3" s="425"/>
      <c r="EF3" s="425"/>
      <c r="EG3" s="425"/>
      <c r="EH3" s="425"/>
      <c r="EI3" s="425"/>
      <c r="EJ3" s="425"/>
      <c r="EK3" s="425"/>
      <c r="EL3" s="425"/>
      <c r="EM3" s="425"/>
      <c r="EN3" s="425"/>
      <c r="EO3" s="425"/>
      <c r="EP3" s="425"/>
      <c r="EQ3" s="425"/>
      <c r="ER3" s="425"/>
      <c r="ES3" s="425"/>
      <c r="ET3" s="425"/>
      <c r="EU3" s="425"/>
      <c r="EV3" s="425"/>
      <c r="EW3" s="425"/>
      <c r="EX3" s="425"/>
      <c r="EY3" s="425"/>
      <c r="EZ3" s="425"/>
      <c r="FA3" s="425"/>
      <c r="FB3" s="425"/>
      <c r="FC3" s="425"/>
      <c r="FD3" s="425"/>
      <c r="FE3" s="425"/>
      <c r="FF3" s="425"/>
      <c r="FG3" s="425"/>
      <c r="FH3" s="425"/>
      <c r="FI3" s="425"/>
      <c r="FJ3" s="425"/>
      <c r="FK3" s="425"/>
      <c r="FL3" s="425"/>
      <c r="FM3" s="425"/>
      <c r="FN3" s="425"/>
      <c r="FO3" s="425"/>
      <c r="FP3" s="425"/>
      <c r="FQ3" s="425"/>
      <c r="FR3" s="425"/>
      <c r="FS3" s="425"/>
      <c r="FT3" s="425"/>
      <c r="FU3" s="425"/>
      <c r="FV3" s="425"/>
      <c r="FW3" s="425"/>
      <c r="FX3" s="425"/>
      <c r="FY3" s="425"/>
      <c r="FZ3" s="425"/>
      <c r="GA3" s="425"/>
      <c r="GB3" s="425"/>
      <c r="GC3" s="425"/>
      <c r="GD3" s="425"/>
      <c r="GE3" s="425"/>
      <c r="GF3" s="425"/>
      <c r="GG3" s="425"/>
      <c r="GH3" s="425"/>
      <c r="GI3" s="425"/>
      <c r="GJ3" s="425"/>
      <c r="GK3" s="425"/>
      <c r="GL3" s="425"/>
      <c r="GM3" s="425"/>
      <c r="GN3" s="425"/>
      <c r="GO3" s="425"/>
      <c r="GP3" s="425"/>
      <c r="GQ3" s="425"/>
      <c r="GR3" s="425"/>
      <c r="GS3" s="425"/>
      <c r="GT3" s="425"/>
      <c r="GU3" s="425"/>
      <c r="GV3" s="425"/>
      <c r="GW3" s="425"/>
      <c r="GX3" s="425"/>
      <c r="GY3" s="425"/>
      <c r="GZ3" s="425"/>
      <c r="HA3" s="425"/>
      <c r="HB3" s="425"/>
      <c r="HC3" s="425"/>
      <c r="HD3" s="425"/>
      <c r="HE3" s="425"/>
      <c r="HF3" s="425"/>
      <c r="HG3" s="425"/>
      <c r="HH3" s="425"/>
      <c r="HI3" s="425"/>
      <c r="HJ3" s="425"/>
      <c r="HK3" s="425"/>
      <c r="HL3" s="425"/>
      <c r="HM3" s="425"/>
      <c r="HN3" s="426"/>
      <c r="HO3" s="563" t="s">
        <v>60</v>
      </c>
      <c r="HP3" s="564"/>
      <c r="HQ3" s="564"/>
      <c r="HR3" s="564"/>
      <c r="HS3" s="564"/>
      <c r="HT3" s="564"/>
      <c r="HU3" s="564"/>
      <c r="HV3" s="564"/>
      <c r="HW3" s="564"/>
      <c r="HX3" s="564"/>
      <c r="HY3" s="565"/>
    </row>
    <row r="4" spans="2:233" ht="21" customHeight="1" thickBot="1" x14ac:dyDescent="0.25">
      <c r="B4" s="570"/>
      <c r="C4" s="518"/>
      <c r="D4" s="512"/>
      <c r="E4" s="512"/>
      <c r="F4" s="512"/>
      <c r="G4" s="512"/>
      <c r="H4" s="512"/>
      <c r="I4" s="512"/>
      <c r="J4" s="512"/>
      <c r="K4" s="512"/>
      <c r="L4" s="512"/>
      <c r="M4" s="578"/>
      <c r="N4" s="573" t="s">
        <v>57</v>
      </c>
      <c r="O4" s="574"/>
      <c r="P4" s="574"/>
      <c r="Q4" s="574"/>
      <c r="R4" s="574"/>
      <c r="S4" s="574"/>
      <c r="T4" s="574"/>
      <c r="U4" s="574"/>
      <c r="V4" s="574"/>
      <c r="W4" s="574"/>
      <c r="X4" s="575"/>
      <c r="Y4" s="573" t="s">
        <v>58</v>
      </c>
      <c r="Z4" s="574"/>
      <c r="AA4" s="574"/>
      <c r="AB4" s="574"/>
      <c r="AC4" s="574"/>
      <c r="AD4" s="574"/>
      <c r="AE4" s="574"/>
      <c r="AF4" s="574"/>
      <c r="AG4" s="574"/>
      <c r="AH4" s="574"/>
      <c r="AI4" s="575"/>
      <c r="AJ4" s="573" t="s">
        <v>59</v>
      </c>
      <c r="AK4" s="574"/>
      <c r="AL4" s="574"/>
      <c r="AM4" s="574"/>
      <c r="AN4" s="574"/>
      <c r="AO4" s="574"/>
      <c r="AP4" s="574"/>
      <c r="AQ4" s="574"/>
      <c r="AR4" s="574"/>
      <c r="AS4" s="574"/>
      <c r="AT4" s="575"/>
      <c r="AU4" s="573" t="s">
        <v>148</v>
      </c>
      <c r="AV4" s="574"/>
      <c r="AW4" s="574"/>
      <c r="AX4" s="574"/>
      <c r="AY4" s="574"/>
      <c r="AZ4" s="574"/>
      <c r="BA4" s="574"/>
      <c r="BB4" s="574"/>
      <c r="BC4" s="574"/>
      <c r="BD4" s="574"/>
      <c r="BE4" s="575"/>
      <c r="BF4" s="573" t="s">
        <v>116</v>
      </c>
      <c r="BG4" s="574"/>
      <c r="BH4" s="574"/>
      <c r="BI4" s="574"/>
      <c r="BJ4" s="574"/>
      <c r="BK4" s="574"/>
      <c r="BL4" s="574"/>
      <c r="BM4" s="574"/>
      <c r="BN4" s="574"/>
      <c r="BO4" s="574"/>
      <c r="BP4" s="575"/>
      <c r="BQ4" s="573" t="s">
        <v>77</v>
      </c>
      <c r="BR4" s="574"/>
      <c r="BS4" s="574"/>
      <c r="BT4" s="574"/>
      <c r="BU4" s="574"/>
      <c r="BV4" s="574"/>
      <c r="BW4" s="574"/>
      <c r="BX4" s="574"/>
      <c r="BY4" s="574"/>
      <c r="BZ4" s="574"/>
      <c r="CA4" s="575"/>
      <c r="CB4" s="573" t="s">
        <v>78</v>
      </c>
      <c r="CC4" s="574"/>
      <c r="CD4" s="574"/>
      <c r="CE4" s="574"/>
      <c r="CF4" s="574"/>
      <c r="CG4" s="574"/>
      <c r="CH4" s="574"/>
      <c r="CI4" s="574"/>
      <c r="CJ4" s="574"/>
      <c r="CK4" s="574"/>
      <c r="CL4" s="575"/>
      <c r="CM4" s="573" t="s">
        <v>79</v>
      </c>
      <c r="CN4" s="574"/>
      <c r="CO4" s="574"/>
      <c r="CP4" s="574"/>
      <c r="CQ4" s="574"/>
      <c r="CR4" s="574"/>
      <c r="CS4" s="574"/>
      <c r="CT4" s="574"/>
      <c r="CU4" s="574"/>
      <c r="CV4" s="574"/>
      <c r="CW4" s="575"/>
      <c r="CX4" s="573" t="s">
        <v>149</v>
      </c>
      <c r="CY4" s="574"/>
      <c r="CZ4" s="574"/>
      <c r="DA4" s="574"/>
      <c r="DB4" s="574"/>
      <c r="DC4" s="574"/>
      <c r="DD4" s="574"/>
      <c r="DE4" s="574"/>
      <c r="DF4" s="574"/>
      <c r="DG4" s="574"/>
      <c r="DH4" s="575"/>
      <c r="DI4" s="518"/>
      <c r="DJ4" s="512"/>
      <c r="DK4" s="512"/>
      <c r="DL4" s="512"/>
      <c r="DM4" s="512"/>
      <c r="DN4" s="512"/>
      <c r="DO4" s="512"/>
      <c r="DP4" s="512"/>
      <c r="DQ4" s="512"/>
      <c r="DR4" s="512"/>
      <c r="DS4" s="513"/>
      <c r="DT4" s="573" t="s">
        <v>57</v>
      </c>
      <c r="DU4" s="574"/>
      <c r="DV4" s="574"/>
      <c r="DW4" s="574"/>
      <c r="DX4" s="574"/>
      <c r="DY4" s="574"/>
      <c r="DZ4" s="574"/>
      <c r="EA4" s="574"/>
      <c r="EB4" s="574"/>
      <c r="EC4" s="574"/>
      <c r="ED4" s="575"/>
      <c r="EE4" s="573" t="s">
        <v>58</v>
      </c>
      <c r="EF4" s="574"/>
      <c r="EG4" s="574"/>
      <c r="EH4" s="574"/>
      <c r="EI4" s="574"/>
      <c r="EJ4" s="574"/>
      <c r="EK4" s="574"/>
      <c r="EL4" s="574"/>
      <c r="EM4" s="574"/>
      <c r="EN4" s="574"/>
      <c r="EO4" s="575"/>
      <c r="EP4" s="573" t="s">
        <v>59</v>
      </c>
      <c r="EQ4" s="574"/>
      <c r="ER4" s="574"/>
      <c r="ES4" s="574"/>
      <c r="ET4" s="574"/>
      <c r="EU4" s="574"/>
      <c r="EV4" s="574"/>
      <c r="EW4" s="574"/>
      <c r="EX4" s="574"/>
      <c r="EY4" s="574"/>
      <c r="EZ4" s="575"/>
      <c r="FA4" s="573" t="s">
        <v>148</v>
      </c>
      <c r="FB4" s="574"/>
      <c r="FC4" s="574"/>
      <c r="FD4" s="574"/>
      <c r="FE4" s="574"/>
      <c r="FF4" s="574"/>
      <c r="FG4" s="574"/>
      <c r="FH4" s="574"/>
      <c r="FI4" s="574"/>
      <c r="FJ4" s="574"/>
      <c r="FK4" s="575"/>
      <c r="FL4" s="573" t="s">
        <v>116</v>
      </c>
      <c r="FM4" s="574"/>
      <c r="FN4" s="574"/>
      <c r="FO4" s="574"/>
      <c r="FP4" s="574"/>
      <c r="FQ4" s="574"/>
      <c r="FR4" s="574"/>
      <c r="FS4" s="574"/>
      <c r="FT4" s="574"/>
      <c r="FU4" s="574"/>
      <c r="FV4" s="575"/>
      <c r="FW4" s="573" t="s">
        <v>77</v>
      </c>
      <c r="FX4" s="574"/>
      <c r="FY4" s="574"/>
      <c r="FZ4" s="574"/>
      <c r="GA4" s="574"/>
      <c r="GB4" s="574"/>
      <c r="GC4" s="574"/>
      <c r="GD4" s="574"/>
      <c r="GE4" s="574"/>
      <c r="GF4" s="574"/>
      <c r="GG4" s="575"/>
      <c r="GH4" s="573" t="s">
        <v>78</v>
      </c>
      <c r="GI4" s="574"/>
      <c r="GJ4" s="574"/>
      <c r="GK4" s="574"/>
      <c r="GL4" s="574"/>
      <c r="GM4" s="574"/>
      <c r="GN4" s="574"/>
      <c r="GO4" s="574"/>
      <c r="GP4" s="574"/>
      <c r="GQ4" s="574"/>
      <c r="GR4" s="575"/>
      <c r="GS4" s="573" t="s">
        <v>79</v>
      </c>
      <c r="GT4" s="574"/>
      <c r="GU4" s="574"/>
      <c r="GV4" s="574"/>
      <c r="GW4" s="574"/>
      <c r="GX4" s="574"/>
      <c r="GY4" s="574"/>
      <c r="GZ4" s="574"/>
      <c r="HA4" s="574"/>
      <c r="HB4" s="574"/>
      <c r="HC4" s="575"/>
      <c r="HD4" s="573" t="s">
        <v>149</v>
      </c>
      <c r="HE4" s="574"/>
      <c r="HF4" s="574"/>
      <c r="HG4" s="574"/>
      <c r="HH4" s="574"/>
      <c r="HI4" s="574"/>
      <c r="HJ4" s="574"/>
      <c r="HK4" s="574"/>
      <c r="HL4" s="574"/>
      <c r="HM4" s="574"/>
      <c r="HN4" s="575"/>
      <c r="HO4" s="566"/>
      <c r="HP4" s="567"/>
      <c r="HQ4" s="567"/>
      <c r="HR4" s="567"/>
      <c r="HS4" s="567"/>
      <c r="HT4" s="567"/>
      <c r="HU4" s="567"/>
      <c r="HV4" s="567"/>
      <c r="HW4" s="567"/>
      <c r="HX4" s="567"/>
      <c r="HY4" s="568"/>
    </row>
    <row r="5" spans="2:233" ht="21" customHeight="1" x14ac:dyDescent="0.2">
      <c r="B5" s="570"/>
      <c r="C5" s="502" t="s">
        <v>61</v>
      </c>
      <c r="D5" s="503"/>
      <c r="E5" s="504"/>
      <c r="F5" s="531" t="s">
        <v>62</v>
      </c>
      <c r="G5" s="503"/>
      <c r="H5" s="503"/>
      <c r="I5" s="503"/>
      <c r="J5" s="503"/>
      <c r="K5" s="503"/>
      <c r="L5" s="532"/>
      <c r="M5" s="571" t="s">
        <v>52</v>
      </c>
      <c r="N5" s="518" t="s">
        <v>61</v>
      </c>
      <c r="O5" s="512"/>
      <c r="P5" s="513"/>
      <c r="Q5" s="534" t="s">
        <v>62</v>
      </c>
      <c r="R5" s="512"/>
      <c r="S5" s="512"/>
      <c r="T5" s="512"/>
      <c r="U5" s="512"/>
      <c r="V5" s="512"/>
      <c r="W5" s="535"/>
      <c r="X5" s="435" t="s">
        <v>52</v>
      </c>
      <c r="Y5" s="518" t="s">
        <v>61</v>
      </c>
      <c r="Z5" s="512"/>
      <c r="AA5" s="513"/>
      <c r="AB5" s="534" t="s">
        <v>62</v>
      </c>
      <c r="AC5" s="512"/>
      <c r="AD5" s="512"/>
      <c r="AE5" s="512"/>
      <c r="AF5" s="512"/>
      <c r="AG5" s="512"/>
      <c r="AH5" s="535"/>
      <c r="AI5" s="435" t="s">
        <v>52</v>
      </c>
      <c r="AJ5" s="518" t="s">
        <v>61</v>
      </c>
      <c r="AK5" s="512"/>
      <c r="AL5" s="513"/>
      <c r="AM5" s="534" t="s">
        <v>62</v>
      </c>
      <c r="AN5" s="512"/>
      <c r="AO5" s="512"/>
      <c r="AP5" s="512"/>
      <c r="AQ5" s="512"/>
      <c r="AR5" s="512"/>
      <c r="AS5" s="535"/>
      <c r="AT5" s="435" t="s">
        <v>52</v>
      </c>
      <c r="AU5" s="518" t="s">
        <v>61</v>
      </c>
      <c r="AV5" s="512"/>
      <c r="AW5" s="513"/>
      <c r="AX5" s="534" t="s">
        <v>62</v>
      </c>
      <c r="AY5" s="512"/>
      <c r="AZ5" s="512"/>
      <c r="BA5" s="512"/>
      <c r="BB5" s="512"/>
      <c r="BC5" s="512"/>
      <c r="BD5" s="535"/>
      <c r="BE5" s="435" t="s">
        <v>52</v>
      </c>
      <c r="BF5" s="518" t="s">
        <v>61</v>
      </c>
      <c r="BG5" s="512"/>
      <c r="BH5" s="513"/>
      <c r="BI5" s="534" t="s">
        <v>62</v>
      </c>
      <c r="BJ5" s="512"/>
      <c r="BK5" s="512"/>
      <c r="BL5" s="512"/>
      <c r="BM5" s="512"/>
      <c r="BN5" s="512"/>
      <c r="BO5" s="535"/>
      <c r="BP5" s="435" t="s">
        <v>52</v>
      </c>
      <c r="BQ5" s="518" t="s">
        <v>61</v>
      </c>
      <c r="BR5" s="512"/>
      <c r="BS5" s="513"/>
      <c r="BT5" s="534" t="s">
        <v>62</v>
      </c>
      <c r="BU5" s="512"/>
      <c r="BV5" s="512"/>
      <c r="BW5" s="512"/>
      <c r="BX5" s="512"/>
      <c r="BY5" s="512"/>
      <c r="BZ5" s="535"/>
      <c r="CA5" s="435" t="s">
        <v>52</v>
      </c>
      <c r="CB5" s="518" t="s">
        <v>61</v>
      </c>
      <c r="CC5" s="512"/>
      <c r="CD5" s="513"/>
      <c r="CE5" s="534" t="s">
        <v>62</v>
      </c>
      <c r="CF5" s="512"/>
      <c r="CG5" s="512"/>
      <c r="CH5" s="512"/>
      <c r="CI5" s="512"/>
      <c r="CJ5" s="512"/>
      <c r="CK5" s="535"/>
      <c r="CL5" s="435" t="s">
        <v>52</v>
      </c>
      <c r="CM5" s="518" t="s">
        <v>61</v>
      </c>
      <c r="CN5" s="512"/>
      <c r="CO5" s="513"/>
      <c r="CP5" s="534" t="s">
        <v>62</v>
      </c>
      <c r="CQ5" s="512"/>
      <c r="CR5" s="512"/>
      <c r="CS5" s="512"/>
      <c r="CT5" s="512"/>
      <c r="CU5" s="512"/>
      <c r="CV5" s="535"/>
      <c r="CW5" s="435" t="s">
        <v>52</v>
      </c>
      <c r="CX5" s="518" t="s">
        <v>61</v>
      </c>
      <c r="CY5" s="512"/>
      <c r="CZ5" s="513"/>
      <c r="DA5" s="534" t="s">
        <v>62</v>
      </c>
      <c r="DB5" s="512"/>
      <c r="DC5" s="512"/>
      <c r="DD5" s="512"/>
      <c r="DE5" s="512"/>
      <c r="DF5" s="512"/>
      <c r="DG5" s="535"/>
      <c r="DH5" s="435" t="s">
        <v>52</v>
      </c>
      <c r="DI5" s="502" t="s">
        <v>61</v>
      </c>
      <c r="DJ5" s="503"/>
      <c r="DK5" s="504"/>
      <c r="DL5" s="531" t="s">
        <v>62</v>
      </c>
      <c r="DM5" s="503"/>
      <c r="DN5" s="503"/>
      <c r="DO5" s="503"/>
      <c r="DP5" s="503"/>
      <c r="DQ5" s="503"/>
      <c r="DR5" s="532"/>
      <c r="DS5" s="506" t="s">
        <v>52</v>
      </c>
      <c r="DT5" s="518" t="s">
        <v>61</v>
      </c>
      <c r="DU5" s="512"/>
      <c r="DV5" s="513"/>
      <c r="DW5" s="534" t="s">
        <v>62</v>
      </c>
      <c r="DX5" s="512"/>
      <c r="DY5" s="512"/>
      <c r="DZ5" s="512"/>
      <c r="EA5" s="512"/>
      <c r="EB5" s="512"/>
      <c r="EC5" s="535"/>
      <c r="ED5" s="435" t="s">
        <v>52</v>
      </c>
      <c r="EE5" s="518" t="s">
        <v>61</v>
      </c>
      <c r="EF5" s="512"/>
      <c r="EG5" s="513"/>
      <c r="EH5" s="534" t="s">
        <v>62</v>
      </c>
      <c r="EI5" s="512"/>
      <c r="EJ5" s="512"/>
      <c r="EK5" s="512"/>
      <c r="EL5" s="512"/>
      <c r="EM5" s="512"/>
      <c r="EN5" s="535"/>
      <c r="EO5" s="435" t="s">
        <v>52</v>
      </c>
      <c r="EP5" s="518" t="s">
        <v>61</v>
      </c>
      <c r="EQ5" s="512"/>
      <c r="ER5" s="513"/>
      <c r="ES5" s="534" t="s">
        <v>62</v>
      </c>
      <c r="ET5" s="512"/>
      <c r="EU5" s="512"/>
      <c r="EV5" s="512"/>
      <c r="EW5" s="512"/>
      <c r="EX5" s="512"/>
      <c r="EY5" s="535"/>
      <c r="EZ5" s="435" t="s">
        <v>52</v>
      </c>
      <c r="FA5" s="518" t="s">
        <v>61</v>
      </c>
      <c r="FB5" s="512"/>
      <c r="FC5" s="513"/>
      <c r="FD5" s="534" t="s">
        <v>62</v>
      </c>
      <c r="FE5" s="512"/>
      <c r="FF5" s="512"/>
      <c r="FG5" s="512"/>
      <c r="FH5" s="512"/>
      <c r="FI5" s="512"/>
      <c r="FJ5" s="535"/>
      <c r="FK5" s="435" t="s">
        <v>52</v>
      </c>
      <c r="FL5" s="518" t="s">
        <v>61</v>
      </c>
      <c r="FM5" s="512"/>
      <c r="FN5" s="513"/>
      <c r="FO5" s="534" t="s">
        <v>62</v>
      </c>
      <c r="FP5" s="512"/>
      <c r="FQ5" s="512"/>
      <c r="FR5" s="512"/>
      <c r="FS5" s="512"/>
      <c r="FT5" s="512"/>
      <c r="FU5" s="535"/>
      <c r="FV5" s="435" t="s">
        <v>52</v>
      </c>
      <c r="FW5" s="518" t="s">
        <v>61</v>
      </c>
      <c r="FX5" s="512"/>
      <c r="FY5" s="513"/>
      <c r="FZ5" s="534" t="s">
        <v>62</v>
      </c>
      <c r="GA5" s="512"/>
      <c r="GB5" s="512"/>
      <c r="GC5" s="512"/>
      <c r="GD5" s="512"/>
      <c r="GE5" s="512"/>
      <c r="GF5" s="535"/>
      <c r="GG5" s="435" t="s">
        <v>52</v>
      </c>
      <c r="GH5" s="518" t="s">
        <v>61</v>
      </c>
      <c r="GI5" s="512"/>
      <c r="GJ5" s="513"/>
      <c r="GK5" s="534" t="s">
        <v>62</v>
      </c>
      <c r="GL5" s="512"/>
      <c r="GM5" s="512"/>
      <c r="GN5" s="512"/>
      <c r="GO5" s="512"/>
      <c r="GP5" s="512"/>
      <c r="GQ5" s="535"/>
      <c r="GR5" s="435" t="s">
        <v>52</v>
      </c>
      <c r="GS5" s="518" t="s">
        <v>61</v>
      </c>
      <c r="GT5" s="512"/>
      <c r="GU5" s="513"/>
      <c r="GV5" s="534" t="s">
        <v>62</v>
      </c>
      <c r="GW5" s="512"/>
      <c r="GX5" s="512"/>
      <c r="GY5" s="512"/>
      <c r="GZ5" s="512"/>
      <c r="HA5" s="512"/>
      <c r="HB5" s="535"/>
      <c r="HC5" s="435" t="s">
        <v>52</v>
      </c>
      <c r="HD5" s="518" t="s">
        <v>61</v>
      </c>
      <c r="HE5" s="512"/>
      <c r="HF5" s="513"/>
      <c r="HG5" s="534" t="s">
        <v>62</v>
      </c>
      <c r="HH5" s="512"/>
      <c r="HI5" s="512"/>
      <c r="HJ5" s="512"/>
      <c r="HK5" s="512"/>
      <c r="HL5" s="512"/>
      <c r="HM5" s="535"/>
      <c r="HN5" s="435" t="s">
        <v>52</v>
      </c>
      <c r="HO5" s="518" t="s">
        <v>61</v>
      </c>
      <c r="HP5" s="512"/>
      <c r="HQ5" s="513"/>
      <c r="HR5" s="534" t="s">
        <v>62</v>
      </c>
      <c r="HS5" s="512"/>
      <c r="HT5" s="512"/>
      <c r="HU5" s="512"/>
      <c r="HV5" s="512"/>
      <c r="HW5" s="512"/>
      <c r="HX5" s="535"/>
      <c r="HY5" s="435" t="s">
        <v>52</v>
      </c>
    </row>
    <row r="6" spans="2:233" ht="30" customHeight="1" thickBot="1" x14ac:dyDescent="0.25">
      <c r="B6" s="577"/>
      <c r="C6" s="73" t="s">
        <v>118</v>
      </c>
      <c r="D6" s="74" t="s">
        <v>44</v>
      </c>
      <c r="E6" s="250" t="s">
        <v>45</v>
      </c>
      <c r="F6" s="76" t="s">
        <v>83</v>
      </c>
      <c r="G6" s="74" t="s">
        <v>47</v>
      </c>
      <c r="H6" s="74" t="s">
        <v>48</v>
      </c>
      <c r="I6" s="74" t="s">
        <v>49</v>
      </c>
      <c r="J6" s="74" t="s">
        <v>50</v>
      </c>
      <c r="K6" s="74" t="s">
        <v>51</v>
      </c>
      <c r="L6" s="75" t="s">
        <v>45</v>
      </c>
      <c r="M6" s="551"/>
      <c r="N6" s="73" t="s">
        <v>118</v>
      </c>
      <c r="O6" s="74" t="s">
        <v>44</v>
      </c>
      <c r="P6" s="250" t="s">
        <v>45</v>
      </c>
      <c r="Q6" s="76" t="s">
        <v>83</v>
      </c>
      <c r="R6" s="74" t="s">
        <v>47</v>
      </c>
      <c r="S6" s="74" t="s">
        <v>48</v>
      </c>
      <c r="T6" s="74" t="s">
        <v>49</v>
      </c>
      <c r="U6" s="74" t="s">
        <v>50</v>
      </c>
      <c r="V6" s="74" t="s">
        <v>51</v>
      </c>
      <c r="W6" s="75" t="s">
        <v>45</v>
      </c>
      <c r="X6" s="551"/>
      <c r="Y6" s="73" t="s">
        <v>118</v>
      </c>
      <c r="Z6" s="74" t="s">
        <v>44</v>
      </c>
      <c r="AA6" s="250" t="s">
        <v>45</v>
      </c>
      <c r="AB6" s="76" t="s">
        <v>83</v>
      </c>
      <c r="AC6" s="74" t="s">
        <v>47</v>
      </c>
      <c r="AD6" s="74" t="s">
        <v>48</v>
      </c>
      <c r="AE6" s="74" t="s">
        <v>49</v>
      </c>
      <c r="AF6" s="74" t="s">
        <v>50</v>
      </c>
      <c r="AG6" s="74" t="s">
        <v>51</v>
      </c>
      <c r="AH6" s="75" t="s">
        <v>45</v>
      </c>
      <c r="AI6" s="551"/>
      <c r="AJ6" s="73" t="s">
        <v>118</v>
      </c>
      <c r="AK6" s="74" t="s">
        <v>44</v>
      </c>
      <c r="AL6" s="250" t="s">
        <v>45</v>
      </c>
      <c r="AM6" s="76" t="s">
        <v>83</v>
      </c>
      <c r="AN6" s="74" t="s">
        <v>47</v>
      </c>
      <c r="AO6" s="74" t="s">
        <v>48</v>
      </c>
      <c r="AP6" s="74" t="s">
        <v>49</v>
      </c>
      <c r="AQ6" s="74" t="s">
        <v>50</v>
      </c>
      <c r="AR6" s="74" t="s">
        <v>51</v>
      </c>
      <c r="AS6" s="75" t="s">
        <v>45</v>
      </c>
      <c r="AT6" s="551"/>
      <c r="AU6" s="73" t="s">
        <v>118</v>
      </c>
      <c r="AV6" s="74" t="s">
        <v>44</v>
      </c>
      <c r="AW6" s="250" t="s">
        <v>45</v>
      </c>
      <c r="AX6" s="76" t="s">
        <v>83</v>
      </c>
      <c r="AY6" s="74" t="s">
        <v>47</v>
      </c>
      <c r="AZ6" s="74" t="s">
        <v>48</v>
      </c>
      <c r="BA6" s="74" t="s">
        <v>49</v>
      </c>
      <c r="BB6" s="74" t="s">
        <v>50</v>
      </c>
      <c r="BC6" s="74" t="s">
        <v>51</v>
      </c>
      <c r="BD6" s="75" t="s">
        <v>45</v>
      </c>
      <c r="BE6" s="551"/>
      <c r="BF6" s="73" t="s">
        <v>118</v>
      </c>
      <c r="BG6" s="74" t="s">
        <v>44</v>
      </c>
      <c r="BH6" s="250" t="s">
        <v>45</v>
      </c>
      <c r="BI6" s="76" t="s">
        <v>83</v>
      </c>
      <c r="BJ6" s="74" t="s">
        <v>47</v>
      </c>
      <c r="BK6" s="74" t="s">
        <v>48</v>
      </c>
      <c r="BL6" s="74" t="s">
        <v>49</v>
      </c>
      <c r="BM6" s="74" t="s">
        <v>50</v>
      </c>
      <c r="BN6" s="74" t="s">
        <v>51</v>
      </c>
      <c r="BO6" s="75" t="s">
        <v>45</v>
      </c>
      <c r="BP6" s="551"/>
      <c r="BQ6" s="73" t="s">
        <v>118</v>
      </c>
      <c r="BR6" s="74" t="s">
        <v>44</v>
      </c>
      <c r="BS6" s="250" t="s">
        <v>45</v>
      </c>
      <c r="BT6" s="76" t="s">
        <v>83</v>
      </c>
      <c r="BU6" s="74" t="s">
        <v>47</v>
      </c>
      <c r="BV6" s="74" t="s">
        <v>48</v>
      </c>
      <c r="BW6" s="74" t="s">
        <v>49</v>
      </c>
      <c r="BX6" s="74" t="s">
        <v>50</v>
      </c>
      <c r="BY6" s="74" t="s">
        <v>51</v>
      </c>
      <c r="BZ6" s="75" t="s">
        <v>45</v>
      </c>
      <c r="CA6" s="551"/>
      <c r="CB6" s="73" t="s">
        <v>118</v>
      </c>
      <c r="CC6" s="74" t="s">
        <v>44</v>
      </c>
      <c r="CD6" s="250" t="s">
        <v>45</v>
      </c>
      <c r="CE6" s="76" t="s">
        <v>83</v>
      </c>
      <c r="CF6" s="74" t="s">
        <v>47</v>
      </c>
      <c r="CG6" s="74" t="s">
        <v>48</v>
      </c>
      <c r="CH6" s="74" t="s">
        <v>49</v>
      </c>
      <c r="CI6" s="74" t="s">
        <v>50</v>
      </c>
      <c r="CJ6" s="74" t="s">
        <v>51</v>
      </c>
      <c r="CK6" s="75" t="s">
        <v>45</v>
      </c>
      <c r="CL6" s="551"/>
      <c r="CM6" s="73" t="s">
        <v>118</v>
      </c>
      <c r="CN6" s="74" t="s">
        <v>44</v>
      </c>
      <c r="CO6" s="250" t="s">
        <v>45</v>
      </c>
      <c r="CP6" s="76" t="s">
        <v>83</v>
      </c>
      <c r="CQ6" s="74" t="s">
        <v>47</v>
      </c>
      <c r="CR6" s="74" t="s">
        <v>48</v>
      </c>
      <c r="CS6" s="74" t="s">
        <v>49</v>
      </c>
      <c r="CT6" s="74" t="s">
        <v>50</v>
      </c>
      <c r="CU6" s="74" t="s">
        <v>51</v>
      </c>
      <c r="CV6" s="75" t="s">
        <v>45</v>
      </c>
      <c r="CW6" s="551"/>
      <c r="CX6" s="73" t="s">
        <v>118</v>
      </c>
      <c r="CY6" s="74" t="s">
        <v>44</v>
      </c>
      <c r="CZ6" s="250" t="s">
        <v>45</v>
      </c>
      <c r="DA6" s="76" t="s">
        <v>83</v>
      </c>
      <c r="DB6" s="74" t="s">
        <v>47</v>
      </c>
      <c r="DC6" s="74" t="s">
        <v>48</v>
      </c>
      <c r="DD6" s="74" t="s">
        <v>49</v>
      </c>
      <c r="DE6" s="74" t="s">
        <v>50</v>
      </c>
      <c r="DF6" s="74" t="s">
        <v>51</v>
      </c>
      <c r="DG6" s="75" t="s">
        <v>45</v>
      </c>
      <c r="DH6" s="551"/>
      <c r="DI6" s="73" t="s">
        <v>118</v>
      </c>
      <c r="DJ6" s="74" t="s">
        <v>44</v>
      </c>
      <c r="DK6" s="250" t="s">
        <v>45</v>
      </c>
      <c r="DL6" s="76" t="s">
        <v>83</v>
      </c>
      <c r="DM6" s="74" t="s">
        <v>47</v>
      </c>
      <c r="DN6" s="74" t="s">
        <v>48</v>
      </c>
      <c r="DO6" s="74" t="s">
        <v>49</v>
      </c>
      <c r="DP6" s="74" t="s">
        <v>50</v>
      </c>
      <c r="DQ6" s="74" t="s">
        <v>51</v>
      </c>
      <c r="DR6" s="75" t="s">
        <v>45</v>
      </c>
      <c r="DS6" s="549"/>
      <c r="DT6" s="73" t="s">
        <v>118</v>
      </c>
      <c r="DU6" s="74" t="s">
        <v>44</v>
      </c>
      <c r="DV6" s="250" t="s">
        <v>45</v>
      </c>
      <c r="DW6" s="76" t="s">
        <v>83</v>
      </c>
      <c r="DX6" s="74" t="s">
        <v>47</v>
      </c>
      <c r="DY6" s="74" t="s">
        <v>48</v>
      </c>
      <c r="DZ6" s="74" t="s">
        <v>49</v>
      </c>
      <c r="EA6" s="74" t="s">
        <v>50</v>
      </c>
      <c r="EB6" s="74" t="s">
        <v>51</v>
      </c>
      <c r="EC6" s="75" t="s">
        <v>45</v>
      </c>
      <c r="ED6" s="551"/>
      <c r="EE6" s="73" t="s">
        <v>118</v>
      </c>
      <c r="EF6" s="74" t="s">
        <v>44</v>
      </c>
      <c r="EG6" s="250" t="s">
        <v>45</v>
      </c>
      <c r="EH6" s="76" t="s">
        <v>83</v>
      </c>
      <c r="EI6" s="74" t="s">
        <v>47</v>
      </c>
      <c r="EJ6" s="74" t="s">
        <v>48</v>
      </c>
      <c r="EK6" s="74" t="s">
        <v>49</v>
      </c>
      <c r="EL6" s="74" t="s">
        <v>50</v>
      </c>
      <c r="EM6" s="74" t="s">
        <v>51</v>
      </c>
      <c r="EN6" s="75" t="s">
        <v>45</v>
      </c>
      <c r="EO6" s="551"/>
      <c r="EP6" s="73" t="s">
        <v>118</v>
      </c>
      <c r="EQ6" s="74" t="s">
        <v>44</v>
      </c>
      <c r="ER6" s="250" t="s">
        <v>45</v>
      </c>
      <c r="ES6" s="76" t="s">
        <v>83</v>
      </c>
      <c r="ET6" s="74" t="s">
        <v>47</v>
      </c>
      <c r="EU6" s="74" t="s">
        <v>48</v>
      </c>
      <c r="EV6" s="74" t="s">
        <v>49</v>
      </c>
      <c r="EW6" s="74" t="s">
        <v>50</v>
      </c>
      <c r="EX6" s="74" t="s">
        <v>51</v>
      </c>
      <c r="EY6" s="75" t="s">
        <v>45</v>
      </c>
      <c r="EZ6" s="551"/>
      <c r="FA6" s="73" t="s">
        <v>118</v>
      </c>
      <c r="FB6" s="74" t="s">
        <v>44</v>
      </c>
      <c r="FC6" s="250" t="s">
        <v>45</v>
      </c>
      <c r="FD6" s="76" t="s">
        <v>83</v>
      </c>
      <c r="FE6" s="74" t="s">
        <v>47</v>
      </c>
      <c r="FF6" s="74" t="s">
        <v>48</v>
      </c>
      <c r="FG6" s="74" t="s">
        <v>49</v>
      </c>
      <c r="FH6" s="74" t="s">
        <v>50</v>
      </c>
      <c r="FI6" s="74" t="s">
        <v>51</v>
      </c>
      <c r="FJ6" s="75" t="s">
        <v>45</v>
      </c>
      <c r="FK6" s="551"/>
      <c r="FL6" s="73" t="s">
        <v>118</v>
      </c>
      <c r="FM6" s="74" t="s">
        <v>44</v>
      </c>
      <c r="FN6" s="250" t="s">
        <v>45</v>
      </c>
      <c r="FO6" s="76" t="s">
        <v>83</v>
      </c>
      <c r="FP6" s="74" t="s">
        <v>47</v>
      </c>
      <c r="FQ6" s="74" t="s">
        <v>48</v>
      </c>
      <c r="FR6" s="74" t="s">
        <v>49</v>
      </c>
      <c r="FS6" s="74" t="s">
        <v>50</v>
      </c>
      <c r="FT6" s="74" t="s">
        <v>51</v>
      </c>
      <c r="FU6" s="75" t="s">
        <v>45</v>
      </c>
      <c r="FV6" s="551"/>
      <c r="FW6" s="73" t="s">
        <v>118</v>
      </c>
      <c r="FX6" s="74" t="s">
        <v>44</v>
      </c>
      <c r="FY6" s="250" t="s">
        <v>45</v>
      </c>
      <c r="FZ6" s="76" t="s">
        <v>83</v>
      </c>
      <c r="GA6" s="74" t="s">
        <v>47</v>
      </c>
      <c r="GB6" s="74" t="s">
        <v>48</v>
      </c>
      <c r="GC6" s="74" t="s">
        <v>49</v>
      </c>
      <c r="GD6" s="74" t="s">
        <v>50</v>
      </c>
      <c r="GE6" s="74" t="s">
        <v>51</v>
      </c>
      <c r="GF6" s="75" t="s">
        <v>45</v>
      </c>
      <c r="GG6" s="551"/>
      <c r="GH6" s="73" t="s">
        <v>118</v>
      </c>
      <c r="GI6" s="74" t="s">
        <v>44</v>
      </c>
      <c r="GJ6" s="250" t="s">
        <v>45</v>
      </c>
      <c r="GK6" s="76" t="s">
        <v>83</v>
      </c>
      <c r="GL6" s="74" t="s">
        <v>47</v>
      </c>
      <c r="GM6" s="74" t="s">
        <v>48</v>
      </c>
      <c r="GN6" s="74" t="s">
        <v>49</v>
      </c>
      <c r="GO6" s="74" t="s">
        <v>50</v>
      </c>
      <c r="GP6" s="74" t="s">
        <v>51</v>
      </c>
      <c r="GQ6" s="75" t="s">
        <v>45</v>
      </c>
      <c r="GR6" s="551"/>
      <c r="GS6" s="73" t="s">
        <v>118</v>
      </c>
      <c r="GT6" s="74" t="s">
        <v>44</v>
      </c>
      <c r="GU6" s="250" t="s">
        <v>45</v>
      </c>
      <c r="GV6" s="76" t="s">
        <v>83</v>
      </c>
      <c r="GW6" s="74" t="s">
        <v>47</v>
      </c>
      <c r="GX6" s="74" t="s">
        <v>48</v>
      </c>
      <c r="GY6" s="74" t="s">
        <v>49</v>
      </c>
      <c r="GZ6" s="74" t="s">
        <v>50</v>
      </c>
      <c r="HA6" s="74" t="s">
        <v>51</v>
      </c>
      <c r="HB6" s="75" t="s">
        <v>45</v>
      </c>
      <c r="HC6" s="551"/>
      <c r="HD6" s="73" t="s">
        <v>118</v>
      </c>
      <c r="HE6" s="74" t="s">
        <v>44</v>
      </c>
      <c r="HF6" s="250" t="s">
        <v>45</v>
      </c>
      <c r="HG6" s="76" t="s">
        <v>83</v>
      </c>
      <c r="HH6" s="74" t="s">
        <v>47</v>
      </c>
      <c r="HI6" s="74" t="s">
        <v>48</v>
      </c>
      <c r="HJ6" s="74" t="s">
        <v>49</v>
      </c>
      <c r="HK6" s="74" t="s">
        <v>50</v>
      </c>
      <c r="HL6" s="74" t="s">
        <v>51</v>
      </c>
      <c r="HM6" s="75" t="s">
        <v>45</v>
      </c>
      <c r="HN6" s="551"/>
      <c r="HO6" s="73" t="s">
        <v>118</v>
      </c>
      <c r="HP6" s="74" t="s">
        <v>44</v>
      </c>
      <c r="HQ6" s="250" t="s">
        <v>45</v>
      </c>
      <c r="HR6" s="76" t="s">
        <v>83</v>
      </c>
      <c r="HS6" s="74" t="s">
        <v>47</v>
      </c>
      <c r="HT6" s="74" t="s">
        <v>48</v>
      </c>
      <c r="HU6" s="74" t="s">
        <v>49</v>
      </c>
      <c r="HV6" s="74" t="s">
        <v>50</v>
      </c>
      <c r="HW6" s="74" t="s">
        <v>51</v>
      </c>
      <c r="HX6" s="75" t="s">
        <v>45</v>
      </c>
      <c r="HY6" s="551"/>
    </row>
    <row r="7" spans="2:233" s="294" customFormat="1" ht="21" customHeight="1" x14ac:dyDescent="0.2">
      <c r="B7" s="84" t="s">
        <v>4</v>
      </c>
      <c r="C7" s="49">
        <v>12325</v>
      </c>
      <c r="D7" s="50">
        <v>100563</v>
      </c>
      <c r="E7" s="51">
        <v>112888</v>
      </c>
      <c r="F7" s="52">
        <v>0</v>
      </c>
      <c r="G7" s="50">
        <v>17668662</v>
      </c>
      <c r="H7" s="50">
        <v>40061580</v>
      </c>
      <c r="I7" s="50">
        <v>120128135</v>
      </c>
      <c r="J7" s="50">
        <v>162453870</v>
      </c>
      <c r="K7" s="50">
        <v>97478824</v>
      </c>
      <c r="L7" s="53">
        <v>437791071</v>
      </c>
      <c r="M7" s="54">
        <v>437903959</v>
      </c>
      <c r="N7" s="49">
        <v>0</v>
      </c>
      <c r="O7" s="50">
        <v>0</v>
      </c>
      <c r="P7" s="51">
        <v>0</v>
      </c>
      <c r="Q7" s="402">
        <v>0</v>
      </c>
      <c r="R7" s="50">
        <v>4745318</v>
      </c>
      <c r="S7" s="50">
        <v>15394898</v>
      </c>
      <c r="T7" s="50">
        <v>82584616</v>
      </c>
      <c r="U7" s="50">
        <v>119908779</v>
      </c>
      <c r="V7" s="50">
        <v>75198767</v>
      </c>
      <c r="W7" s="53">
        <v>297832378</v>
      </c>
      <c r="X7" s="54">
        <v>297832378</v>
      </c>
      <c r="Y7" s="49">
        <v>0</v>
      </c>
      <c r="Z7" s="50">
        <v>0</v>
      </c>
      <c r="AA7" s="51">
        <v>0</v>
      </c>
      <c r="AB7" s="402">
        <v>0</v>
      </c>
      <c r="AC7" s="50">
        <v>10818104</v>
      </c>
      <c r="AD7" s="50">
        <v>20099801</v>
      </c>
      <c r="AE7" s="50">
        <v>27557513</v>
      </c>
      <c r="AF7" s="50">
        <v>31693299</v>
      </c>
      <c r="AG7" s="50">
        <v>14283304</v>
      </c>
      <c r="AH7" s="53">
        <v>104452021</v>
      </c>
      <c r="AI7" s="54">
        <v>104452021</v>
      </c>
      <c r="AJ7" s="49">
        <v>0</v>
      </c>
      <c r="AK7" s="50">
        <v>0</v>
      </c>
      <c r="AL7" s="51">
        <v>0</v>
      </c>
      <c r="AM7" s="402">
        <v>0</v>
      </c>
      <c r="AN7" s="50">
        <v>0</v>
      </c>
      <c r="AO7" s="50">
        <v>0</v>
      </c>
      <c r="AP7" s="50">
        <v>0</v>
      </c>
      <c r="AQ7" s="50">
        <v>0</v>
      </c>
      <c r="AR7" s="50">
        <v>0</v>
      </c>
      <c r="AS7" s="53">
        <v>0</v>
      </c>
      <c r="AT7" s="54">
        <v>0</v>
      </c>
      <c r="AU7" s="49">
        <v>0</v>
      </c>
      <c r="AV7" s="50">
        <v>0</v>
      </c>
      <c r="AW7" s="51">
        <v>0</v>
      </c>
      <c r="AX7" s="402">
        <v>0</v>
      </c>
      <c r="AY7" s="50">
        <v>221160</v>
      </c>
      <c r="AZ7" s="50">
        <v>194345</v>
      </c>
      <c r="BA7" s="50">
        <v>421175</v>
      </c>
      <c r="BB7" s="50">
        <v>2211545</v>
      </c>
      <c r="BC7" s="50">
        <v>3125330</v>
      </c>
      <c r="BD7" s="53">
        <v>6173555</v>
      </c>
      <c r="BE7" s="54">
        <v>6173555</v>
      </c>
      <c r="BF7" s="49">
        <v>0</v>
      </c>
      <c r="BG7" s="50">
        <v>0</v>
      </c>
      <c r="BH7" s="51">
        <v>0</v>
      </c>
      <c r="BI7" s="402">
        <v>0</v>
      </c>
      <c r="BJ7" s="50">
        <v>70680</v>
      </c>
      <c r="BK7" s="50">
        <v>263705</v>
      </c>
      <c r="BL7" s="50">
        <v>1648950</v>
      </c>
      <c r="BM7" s="50">
        <v>1911895</v>
      </c>
      <c r="BN7" s="50">
        <v>1230535</v>
      </c>
      <c r="BO7" s="53">
        <v>5125765</v>
      </c>
      <c r="BP7" s="54">
        <v>5125765</v>
      </c>
      <c r="BQ7" s="49">
        <v>12325</v>
      </c>
      <c r="BR7" s="50">
        <v>98823</v>
      </c>
      <c r="BS7" s="51">
        <v>111148</v>
      </c>
      <c r="BT7" s="52">
        <v>0</v>
      </c>
      <c r="BU7" s="50">
        <v>1722557</v>
      </c>
      <c r="BV7" s="50">
        <v>3824822</v>
      </c>
      <c r="BW7" s="50">
        <v>7594895</v>
      </c>
      <c r="BX7" s="50">
        <v>6435258</v>
      </c>
      <c r="BY7" s="50">
        <v>3455243</v>
      </c>
      <c r="BZ7" s="53">
        <v>23032775</v>
      </c>
      <c r="CA7" s="54">
        <v>23143923</v>
      </c>
      <c r="CB7" s="49">
        <v>0</v>
      </c>
      <c r="CC7" s="50">
        <v>1740</v>
      </c>
      <c r="CD7" s="51">
        <v>1740</v>
      </c>
      <c r="CE7" s="52">
        <v>0</v>
      </c>
      <c r="CF7" s="50">
        <v>90843</v>
      </c>
      <c r="CG7" s="50">
        <v>284009</v>
      </c>
      <c r="CH7" s="50">
        <v>320986</v>
      </c>
      <c r="CI7" s="50">
        <v>293094</v>
      </c>
      <c r="CJ7" s="50">
        <v>185645</v>
      </c>
      <c r="CK7" s="53">
        <v>1174577</v>
      </c>
      <c r="CL7" s="54">
        <v>1176317</v>
      </c>
      <c r="CM7" s="49">
        <v>0</v>
      </c>
      <c r="CN7" s="50">
        <v>0</v>
      </c>
      <c r="CO7" s="51">
        <v>0</v>
      </c>
      <c r="CP7" s="52">
        <v>0</v>
      </c>
      <c r="CQ7" s="50">
        <v>0</v>
      </c>
      <c r="CR7" s="50">
        <v>0</v>
      </c>
      <c r="CS7" s="50">
        <v>0</v>
      </c>
      <c r="CT7" s="50">
        <v>0</v>
      </c>
      <c r="CU7" s="50">
        <v>0</v>
      </c>
      <c r="CV7" s="53">
        <v>0</v>
      </c>
      <c r="CW7" s="54">
        <v>0</v>
      </c>
      <c r="CX7" s="49">
        <v>0</v>
      </c>
      <c r="CY7" s="50">
        <v>0</v>
      </c>
      <c r="CZ7" s="51">
        <v>0</v>
      </c>
      <c r="DA7" s="402">
        <v>0</v>
      </c>
      <c r="DB7" s="50">
        <v>0</v>
      </c>
      <c r="DC7" s="50">
        <v>0</v>
      </c>
      <c r="DD7" s="50">
        <v>0</v>
      </c>
      <c r="DE7" s="50">
        <v>0</v>
      </c>
      <c r="DF7" s="50">
        <v>0</v>
      </c>
      <c r="DG7" s="53">
        <v>0</v>
      </c>
      <c r="DH7" s="54">
        <v>0</v>
      </c>
      <c r="DI7" s="49">
        <v>15733</v>
      </c>
      <c r="DJ7" s="50">
        <v>185756</v>
      </c>
      <c r="DK7" s="51">
        <v>201489</v>
      </c>
      <c r="DL7" s="52">
        <v>0</v>
      </c>
      <c r="DM7" s="50">
        <v>12060863</v>
      </c>
      <c r="DN7" s="50">
        <v>35527710</v>
      </c>
      <c r="DO7" s="50">
        <v>135683183</v>
      </c>
      <c r="DP7" s="50">
        <v>173729554</v>
      </c>
      <c r="DQ7" s="50">
        <v>106845212</v>
      </c>
      <c r="DR7" s="53">
        <v>463846522</v>
      </c>
      <c r="DS7" s="55">
        <v>464048011</v>
      </c>
      <c r="DT7" s="49">
        <v>0</v>
      </c>
      <c r="DU7" s="50">
        <v>0</v>
      </c>
      <c r="DV7" s="51">
        <v>0</v>
      </c>
      <c r="DW7" s="402">
        <v>0</v>
      </c>
      <c r="DX7" s="50">
        <v>6589628</v>
      </c>
      <c r="DY7" s="50">
        <v>23295281</v>
      </c>
      <c r="DZ7" s="50">
        <v>113146920</v>
      </c>
      <c r="EA7" s="50">
        <v>152522134</v>
      </c>
      <c r="EB7" s="50">
        <v>94822167</v>
      </c>
      <c r="EC7" s="53">
        <v>390376130</v>
      </c>
      <c r="ED7" s="54">
        <v>390376130</v>
      </c>
      <c r="EE7" s="49">
        <v>0</v>
      </c>
      <c r="EF7" s="50">
        <v>0</v>
      </c>
      <c r="EG7" s="51">
        <v>0</v>
      </c>
      <c r="EH7" s="402">
        <v>0</v>
      </c>
      <c r="EI7" s="50">
        <v>2478840</v>
      </c>
      <c r="EJ7" s="50">
        <v>5136166</v>
      </c>
      <c r="EK7" s="50">
        <v>7017800</v>
      </c>
      <c r="EL7" s="50">
        <v>6936212</v>
      </c>
      <c r="EM7" s="50">
        <v>3664734</v>
      </c>
      <c r="EN7" s="53">
        <v>25233752</v>
      </c>
      <c r="EO7" s="54">
        <v>25233752</v>
      </c>
      <c r="EP7" s="49">
        <v>0</v>
      </c>
      <c r="EQ7" s="50">
        <v>0</v>
      </c>
      <c r="ER7" s="51">
        <v>0</v>
      </c>
      <c r="ES7" s="402">
        <v>0</v>
      </c>
      <c r="ET7" s="50">
        <v>0</v>
      </c>
      <c r="EU7" s="50">
        <v>0</v>
      </c>
      <c r="EV7" s="50">
        <v>0</v>
      </c>
      <c r="EW7" s="50">
        <v>0</v>
      </c>
      <c r="EX7" s="50">
        <v>0</v>
      </c>
      <c r="EY7" s="53">
        <v>0</v>
      </c>
      <c r="EZ7" s="54">
        <v>0</v>
      </c>
      <c r="FA7" s="49">
        <v>0</v>
      </c>
      <c r="FB7" s="50">
        <v>0</v>
      </c>
      <c r="FC7" s="51">
        <v>0</v>
      </c>
      <c r="FD7" s="402">
        <v>0</v>
      </c>
      <c r="FE7" s="50">
        <v>35929</v>
      </c>
      <c r="FF7" s="50">
        <v>35676</v>
      </c>
      <c r="FG7" s="50">
        <v>81459</v>
      </c>
      <c r="FH7" s="50">
        <v>313092</v>
      </c>
      <c r="FI7" s="50">
        <v>691468</v>
      </c>
      <c r="FJ7" s="53">
        <v>1157624</v>
      </c>
      <c r="FK7" s="54">
        <v>1157624</v>
      </c>
      <c r="FL7" s="49">
        <v>0</v>
      </c>
      <c r="FM7" s="50">
        <v>0</v>
      </c>
      <c r="FN7" s="51">
        <v>0</v>
      </c>
      <c r="FO7" s="402">
        <v>0</v>
      </c>
      <c r="FP7" s="50">
        <v>116684</v>
      </c>
      <c r="FQ7" s="50">
        <v>358253</v>
      </c>
      <c r="FR7" s="50">
        <v>2759008</v>
      </c>
      <c r="FS7" s="50">
        <v>3285582</v>
      </c>
      <c r="FT7" s="50">
        <v>2094617</v>
      </c>
      <c r="FU7" s="53">
        <v>8614144</v>
      </c>
      <c r="FV7" s="54">
        <v>8614144</v>
      </c>
      <c r="FW7" s="49">
        <v>15733</v>
      </c>
      <c r="FX7" s="50">
        <v>185665</v>
      </c>
      <c r="FY7" s="51">
        <v>201398</v>
      </c>
      <c r="FZ7" s="52">
        <v>0</v>
      </c>
      <c r="GA7" s="50">
        <v>2806705</v>
      </c>
      <c r="GB7" s="50">
        <v>6544304</v>
      </c>
      <c r="GC7" s="50">
        <v>12500126</v>
      </c>
      <c r="GD7" s="50">
        <v>10540415</v>
      </c>
      <c r="GE7" s="50">
        <v>5421610</v>
      </c>
      <c r="GF7" s="53">
        <v>37813160</v>
      </c>
      <c r="GG7" s="54">
        <v>38014558</v>
      </c>
      <c r="GH7" s="49">
        <v>0</v>
      </c>
      <c r="GI7" s="50">
        <v>91</v>
      </c>
      <c r="GJ7" s="51">
        <v>91</v>
      </c>
      <c r="GK7" s="52">
        <v>0</v>
      </c>
      <c r="GL7" s="50">
        <v>33077</v>
      </c>
      <c r="GM7" s="50">
        <v>158030</v>
      </c>
      <c r="GN7" s="50">
        <v>177870</v>
      </c>
      <c r="GO7" s="50">
        <v>132119</v>
      </c>
      <c r="GP7" s="50">
        <v>150616</v>
      </c>
      <c r="GQ7" s="53">
        <v>651712</v>
      </c>
      <c r="GR7" s="54">
        <v>651803</v>
      </c>
      <c r="GS7" s="49">
        <v>0</v>
      </c>
      <c r="GT7" s="50">
        <v>0</v>
      </c>
      <c r="GU7" s="51">
        <v>0</v>
      </c>
      <c r="GV7" s="52">
        <v>0</v>
      </c>
      <c r="GW7" s="50">
        <v>0</v>
      </c>
      <c r="GX7" s="50">
        <v>0</v>
      </c>
      <c r="GY7" s="50">
        <v>0</v>
      </c>
      <c r="GZ7" s="50">
        <v>0</v>
      </c>
      <c r="HA7" s="50">
        <v>0</v>
      </c>
      <c r="HB7" s="53">
        <v>0</v>
      </c>
      <c r="HC7" s="54">
        <v>0</v>
      </c>
      <c r="HD7" s="49">
        <v>0</v>
      </c>
      <c r="HE7" s="50">
        <v>0</v>
      </c>
      <c r="HF7" s="51">
        <v>0</v>
      </c>
      <c r="HG7" s="402">
        <v>0</v>
      </c>
      <c r="HH7" s="50">
        <v>0</v>
      </c>
      <c r="HI7" s="50">
        <v>0</v>
      </c>
      <c r="HJ7" s="50">
        <v>0</v>
      </c>
      <c r="HK7" s="50">
        <v>0</v>
      </c>
      <c r="HL7" s="50">
        <v>0</v>
      </c>
      <c r="HM7" s="53">
        <v>0</v>
      </c>
      <c r="HN7" s="54">
        <v>0</v>
      </c>
      <c r="HO7" s="49">
        <v>28058</v>
      </c>
      <c r="HP7" s="50">
        <v>286319</v>
      </c>
      <c r="HQ7" s="51">
        <v>314377</v>
      </c>
      <c r="HR7" s="52">
        <v>0</v>
      </c>
      <c r="HS7" s="50">
        <v>29729525</v>
      </c>
      <c r="HT7" s="50">
        <v>75589290</v>
      </c>
      <c r="HU7" s="50">
        <v>255811318</v>
      </c>
      <c r="HV7" s="50">
        <v>336183424</v>
      </c>
      <c r="HW7" s="50">
        <v>204324036</v>
      </c>
      <c r="HX7" s="53">
        <v>901637593</v>
      </c>
      <c r="HY7" s="54">
        <v>901951970</v>
      </c>
    </row>
    <row r="8" spans="2:233" s="294" customFormat="1" ht="21" customHeight="1" x14ac:dyDescent="0.2">
      <c r="B8" s="95" t="s">
        <v>5</v>
      </c>
      <c r="C8" s="56">
        <v>145</v>
      </c>
      <c r="D8" s="57">
        <v>31170</v>
      </c>
      <c r="E8" s="58">
        <v>31315</v>
      </c>
      <c r="F8" s="59">
        <v>0</v>
      </c>
      <c r="G8" s="57">
        <v>6821057</v>
      </c>
      <c r="H8" s="57">
        <v>20992543</v>
      </c>
      <c r="I8" s="57">
        <v>52040183</v>
      </c>
      <c r="J8" s="57">
        <v>68088263</v>
      </c>
      <c r="K8" s="57">
        <v>41878447</v>
      </c>
      <c r="L8" s="60">
        <v>189820493</v>
      </c>
      <c r="M8" s="61">
        <v>189851808</v>
      </c>
      <c r="N8" s="56">
        <v>0</v>
      </c>
      <c r="O8" s="57">
        <v>0</v>
      </c>
      <c r="P8" s="58">
        <v>0</v>
      </c>
      <c r="Q8" s="403">
        <v>0</v>
      </c>
      <c r="R8" s="57">
        <v>2513398</v>
      </c>
      <c r="S8" s="57">
        <v>10616421</v>
      </c>
      <c r="T8" s="57">
        <v>36813801</v>
      </c>
      <c r="U8" s="57">
        <v>51178877</v>
      </c>
      <c r="V8" s="57">
        <v>32541118</v>
      </c>
      <c r="W8" s="60">
        <v>133663615</v>
      </c>
      <c r="X8" s="61">
        <v>133663615</v>
      </c>
      <c r="Y8" s="56">
        <v>0</v>
      </c>
      <c r="Z8" s="57">
        <v>0</v>
      </c>
      <c r="AA8" s="58">
        <v>0</v>
      </c>
      <c r="AB8" s="403">
        <v>0</v>
      </c>
      <c r="AC8" s="57">
        <v>3697819</v>
      </c>
      <c r="AD8" s="57">
        <v>8399018</v>
      </c>
      <c r="AE8" s="57">
        <v>11807518</v>
      </c>
      <c r="AF8" s="57">
        <v>13856126</v>
      </c>
      <c r="AG8" s="57">
        <v>7013467</v>
      </c>
      <c r="AH8" s="60">
        <v>44773948</v>
      </c>
      <c r="AI8" s="61">
        <v>44773948</v>
      </c>
      <c r="AJ8" s="56">
        <v>0</v>
      </c>
      <c r="AK8" s="57">
        <v>0</v>
      </c>
      <c r="AL8" s="58">
        <v>0</v>
      </c>
      <c r="AM8" s="403">
        <v>0</v>
      </c>
      <c r="AN8" s="57">
        <v>0</v>
      </c>
      <c r="AO8" s="57">
        <v>0</v>
      </c>
      <c r="AP8" s="57">
        <v>0</v>
      </c>
      <c r="AQ8" s="57">
        <v>0</v>
      </c>
      <c r="AR8" s="57">
        <v>0</v>
      </c>
      <c r="AS8" s="60">
        <v>0</v>
      </c>
      <c r="AT8" s="61">
        <v>0</v>
      </c>
      <c r="AU8" s="56">
        <v>0</v>
      </c>
      <c r="AV8" s="57">
        <v>0</v>
      </c>
      <c r="AW8" s="58">
        <v>0</v>
      </c>
      <c r="AX8" s="403">
        <v>0</v>
      </c>
      <c r="AY8" s="57">
        <v>24645</v>
      </c>
      <c r="AZ8" s="57">
        <v>0</v>
      </c>
      <c r="BA8" s="57">
        <v>51515</v>
      </c>
      <c r="BB8" s="57">
        <v>526235</v>
      </c>
      <c r="BC8" s="57">
        <v>572760</v>
      </c>
      <c r="BD8" s="60">
        <v>1175155</v>
      </c>
      <c r="BE8" s="61">
        <v>1175155</v>
      </c>
      <c r="BF8" s="56">
        <v>0</v>
      </c>
      <c r="BG8" s="57">
        <v>0</v>
      </c>
      <c r="BH8" s="58">
        <v>0</v>
      </c>
      <c r="BI8" s="403">
        <v>0</v>
      </c>
      <c r="BJ8" s="57">
        <v>35340</v>
      </c>
      <c r="BK8" s="57">
        <v>139345</v>
      </c>
      <c r="BL8" s="57">
        <v>226665</v>
      </c>
      <c r="BM8" s="57">
        <v>148770</v>
      </c>
      <c r="BN8" s="57">
        <v>209575</v>
      </c>
      <c r="BO8" s="60">
        <v>759695</v>
      </c>
      <c r="BP8" s="61">
        <v>759695</v>
      </c>
      <c r="BQ8" s="56">
        <v>145</v>
      </c>
      <c r="BR8" s="57">
        <v>29430</v>
      </c>
      <c r="BS8" s="58">
        <v>29575</v>
      </c>
      <c r="BT8" s="59">
        <v>0</v>
      </c>
      <c r="BU8" s="57">
        <v>525617</v>
      </c>
      <c r="BV8" s="57">
        <v>1671188</v>
      </c>
      <c r="BW8" s="57">
        <v>2942451</v>
      </c>
      <c r="BX8" s="57">
        <v>2218555</v>
      </c>
      <c r="BY8" s="57">
        <v>1436875</v>
      </c>
      <c r="BZ8" s="60">
        <v>8794686</v>
      </c>
      <c r="CA8" s="61">
        <v>8824261</v>
      </c>
      <c r="CB8" s="56">
        <v>0</v>
      </c>
      <c r="CC8" s="57">
        <v>1740</v>
      </c>
      <c r="CD8" s="58">
        <v>1740</v>
      </c>
      <c r="CE8" s="59">
        <v>0</v>
      </c>
      <c r="CF8" s="57">
        <v>24238</v>
      </c>
      <c r="CG8" s="57">
        <v>166571</v>
      </c>
      <c r="CH8" s="57">
        <v>198233</v>
      </c>
      <c r="CI8" s="57">
        <v>159700</v>
      </c>
      <c r="CJ8" s="57">
        <v>104652</v>
      </c>
      <c r="CK8" s="60">
        <v>653394</v>
      </c>
      <c r="CL8" s="61">
        <v>655134</v>
      </c>
      <c r="CM8" s="56">
        <v>0</v>
      </c>
      <c r="CN8" s="57">
        <v>0</v>
      </c>
      <c r="CO8" s="58">
        <v>0</v>
      </c>
      <c r="CP8" s="59">
        <v>0</v>
      </c>
      <c r="CQ8" s="57">
        <v>0</v>
      </c>
      <c r="CR8" s="57">
        <v>0</v>
      </c>
      <c r="CS8" s="57">
        <v>0</v>
      </c>
      <c r="CT8" s="57">
        <v>0</v>
      </c>
      <c r="CU8" s="57">
        <v>0</v>
      </c>
      <c r="CV8" s="60">
        <v>0</v>
      </c>
      <c r="CW8" s="61">
        <v>0</v>
      </c>
      <c r="CX8" s="56">
        <v>0</v>
      </c>
      <c r="CY8" s="57">
        <v>0</v>
      </c>
      <c r="CZ8" s="58">
        <v>0</v>
      </c>
      <c r="DA8" s="403">
        <v>0</v>
      </c>
      <c r="DB8" s="57">
        <v>0</v>
      </c>
      <c r="DC8" s="57">
        <v>0</v>
      </c>
      <c r="DD8" s="57">
        <v>0</v>
      </c>
      <c r="DE8" s="57">
        <v>0</v>
      </c>
      <c r="DF8" s="57">
        <v>0</v>
      </c>
      <c r="DG8" s="60">
        <v>0</v>
      </c>
      <c r="DH8" s="61">
        <v>0</v>
      </c>
      <c r="DI8" s="56">
        <v>2784</v>
      </c>
      <c r="DJ8" s="57">
        <v>55516</v>
      </c>
      <c r="DK8" s="58">
        <v>58300</v>
      </c>
      <c r="DL8" s="59">
        <v>0</v>
      </c>
      <c r="DM8" s="57">
        <v>6043443</v>
      </c>
      <c r="DN8" s="57">
        <v>21310884</v>
      </c>
      <c r="DO8" s="57">
        <v>61049671</v>
      </c>
      <c r="DP8" s="57">
        <v>72730389</v>
      </c>
      <c r="DQ8" s="57">
        <v>45491344</v>
      </c>
      <c r="DR8" s="60">
        <v>206625731</v>
      </c>
      <c r="DS8" s="62">
        <v>206684031</v>
      </c>
      <c r="DT8" s="56">
        <v>0</v>
      </c>
      <c r="DU8" s="57">
        <v>0</v>
      </c>
      <c r="DV8" s="58">
        <v>0</v>
      </c>
      <c r="DW8" s="403">
        <v>0</v>
      </c>
      <c r="DX8" s="57">
        <v>3851546</v>
      </c>
      <c r="DY8" s="57">
        <v>15298827</v>
      </c>
      <c r="DZ8" s="57">
        <v>51817101</v>
      </c>
      <c r="EA8" s="57">
        <v>64382692</v>
      </c>
      <c r="EB8" s="57">
        <v>40222920</v>
      </c>
      <c r="EC8" s="60">
        <v>175573086</v>
      </c>
      <c r="ED8" s="61">
        <v>175573086</v>
      </c>
      <c r="EE8" s="56">
        <v>0</v>
      </c>
      <c r="EF8" s="57">
        <v>0</v>
      </c>
      <c r="EG8" s="58">
        <v>0</v>
      </c>
      <c r="EH8" s="403">
        <v>0</v>
      </c>
      <c r="EI8" s="57">
        <v>1198091</v>
      </c>
      <c r="EJ8" s="57">
        <v>3113444</v>
      </c>
      <c r="EK8" s="57">
        <v>3828641</v>
      </c>
      <c r="EL8" s="57">
        <v>4048139</v>
      </c>
      <c r="EM8" s="57">
        <v>2364311</v>
      </c>
      <c r="EN8" s="60">
        <v>14552626</v>
      </c>
      <c r="EO8" s="61">
        <v>14552626</v>
      </c>
      <c r="EP8" s="56">
        <v>0</v>
      </c>
      <c r="EQ8" s="57">
        <v>0</v>
      </c>
      <c r="ER8" s="58">
        <v>0</v>
      </c>
      <c r="ES8" s="403">
        <v>0</v>
      </c>
      <c r="ET8" s="57">
        <v>0</v>
      </c>
      <c r="EU8" s="57">
        <v>0</v>
      </c>
      <c r="EV8" s="57">
        <v>0</v>
      </c>
      <c r="EW8" s="57">
        <v>0</v>
      </c>
      <c r="EX8" s="57">
        <v>0</v>
      </c>
      <c r="EY8" s="60">
        <v>0</v>
      </c>
      <c r="EZ8" s="61">
        <v>0</v>
      </c>
      <c r="FA8" s="56">
        <v>0</v>
      </c>
      <c r="FB8" s="57">
        <v>0</v>
      </c>
      <c r="FC8" s="58">
        <v>0</v>
      </c>
      <c r="FD8" s="403">
        <v>0</v>
      </c>
      <c r="FE8" s="57">
        <v>217</v>
      </c>
      <c r="FF8" s="57">
        <v>0</v>
      </c>
      <c r="FG8" s="57">
        <v>11966</v>
      </c>
      <c r="FH8" s="57">
        <v>77200</v>
      </c>
      <c r="FI8" s="57">
        <v>253471</v>
      </c>
      <c r="FJ8" s="60">
        <v>342854</v>
      </c>
      <c r="FK8" s="61">
        <v>342854</v>
      </c>
      <c r="FL8" s="56">
        <v>0</v>
      </c>
      <c r="FM8" s="57">
        <v>0</v>
      </c>
      <c r="FN8" s="58">
        <v>0</v>
      </c>
      <c r="FO8" s="403">
        <v>0</v>
      </c>
      <c r="FP8" s="57">
        <v>58342</v>
      </c>
      <c r="FQ8" s="57">
        <v>138260</v>
      </c>
      <c r="FR8" s="57">
        <v>369712</v>
      </c>
      <c r="FS8" s="57">
        <v>366426</v>
      </c>
      <c r="FT8" s="57">
        <v>393448</v>
      </c>
      <c r="FU8" s="60">
        <v>1326188</v>
      </c>
      <c r="FV8" s="61">
        <v>1326188</v>
      </c>
      <c r="FW8" s="56">
        <v>2784</v>
      </c>
      <c r="FX8" s="57">
        <v>55425</v>
      </c>
      <c r="FY8" s="58">
        <v>58209</v>
      </c>
      <c r="FZ8" s="59">
        <v>0</v>
      </c>
      <c r="GA8" s="57">
        <v>920131</v>
      </c>
      <c r="GB8" s="57">
        <v>2665892</v>
      </c>
      <c r="GC8" s="57">
        <v>4921900</v>
      </c>
      <c r="GD8" s="57">
        <v>3793155</v>
      </c>
      <c r="GE8" s="57">
        <v>2186055</v>
      </c>
      <c r="GF8" s="60">
        <v>14487133</v>
      </c>
      <c r="GG8" s="61">
        <v>14545342</v>
      </c>
      <c r="GH8" s="56">
        <v>0</v>
      </c>
      <c r="GI8" s="57">
        <v>91</v>
      </c>
      <c r="GJ8" s="58">
        <v>91</v>
      </c>
      <c r="GK8" s="59">
        <v>0</v>
      </c>
      <c r="GL8" s="57">
        <v>15116</v>
      </c>
      <c r="GM8" s="57">
        <v>94461</v>
      </c>
      <c r="GN8" s="57">
        <v>100351</v>
      </c>
      <c r="GO8" s="57">
        <v>62777</v>
      </c>
      <c r="GP8" s="57">
        <v>71139</v>
      </c>
      <c r="GQ8" s="60">
        <v>343844</v>
      </c>
      <c r="GR8" s="61">
        <v>343935</v>
      </c>
      <c r="GS8" s="56">
        <v>0</v>
      </c>
      <c r="GT8" s="57">
        <v>0</v>
      </c>
      <c r="GU8" s="58">
        <v>0</v>
      </c>
      <c r="GV8" s="59">
        <v>0</v>
      </c>
      <c r="GW8" s="57">
        <v>0</v>
      </c>
      <c r="GX8" s="57">
        <v>0</v>
      </c>
      <c r="GY8" s="57">
        <v>0</v>
      </c>
      <c r="GZ8" s="57">
        <v>0</v>
      </c>
      <c r="HA8" s="57">
        <v>0</v>
      </c>
      <c r="HB8" s="60">
        <v>0</v>
      </c>
      <c r="HC8" s="61">
        <v>0</v>
      </c>
      <c r="HD8" s="56">
        <v>0</v>
      </c>
      <c r="HE8" s="57">
        <v>0</v>
      </c>
      <c r="HF8" s="58">
        <v>0</v>
      </c>
      <c r="HG8" s="403">
        <v>0</v>
      </c>
      <c r="HH8" s="57">
        <v>0</v>
      </c>
      <c r="HI8" s="57">
        <v>0</v>
      </c>
      <c r="HJ8" s="57">
        <v>0</v>
      </c>
      <c r="HK8" s="57">
        <v>0</v>
      </c>
      <c r="HL8" s="57">
        <v>0</v>
      </c>
      <c r="HM8" s="60">
        <v>0</v>
      </c>
      <c r="HN8" s="61">
        <v>0</v>
      </c>
      <c r="HO8" s="56">
        <v>2929</v>
      </c>
      <c r="HP8" s="57">
        <v>86686</v>
      </c>
      <c r="HQ8" s="58">
        <v>89615</v>
      </c>
      <c r="HR8" s="59">
        <v>0</v>
      </c>
      <c r="HS8" s="57">
        <v>12864500</v>
      </c>
      <c r="HT8" s="57">
        <v>42303427</v>
      </c>
      <c r="HU8" s="57">
        <v>113089854</v>
      </c>
      <c r="HV8" s="57">
        <v>140818652</v>
      </c>
      <c r="HW8" s="57">
        <v>87369791</v>
      </c>
      <c r="HX8" s="60">
        <v>396446224</v>
      </c>
      <c r="HY8" s="61">
        <v>396535839</v>
      </c>
    </row>
    <row r="9" spans="2:233" ht="21" customHeight="1" x14ac:dyDescent="0.2">
      <c r="B9" s="106" t="s">
        <v>6</v>
      </c>
      <c r="C9" s="24">
        <v>0</v>
      </c>
      <c r="D9" s="25">
        <v>25369</v>
      </c>
      <c r="E9" s="26">
        <v>25369</v>
      </c>
      <c r="F9" s="27">
        <v>0</v>
      </c>
      <c r="G9" s="25">
        <v>2663639</v>
      </c>
      <c r="H9" s="25">
        <v>4345156</v>
      </c>
      <c r="I9" s="25">
        <v>16038875</v>
      </c>
      <c r="J9" s="25">
        <v>22191598</v>
      </c>
      <c r="K9" s="25">
        <v>13141915</v>
      </c>
      <c r="L9" s="28">
        <v>58381183</v>
      </c>
      <c r="M9" s="29">
        <v>58406552</v>
      </c>
      <c r="N9" s="24">
        <v>0</v>
      </c>
      <c r="O9" s="25">
        <v>0</v>
      </c>
      <c r="P9" s="26">
        <v>0</v>
      </c>
      <c r="Q9" s="404">
        <v>0</v>
      </c>
      <c r="R9" s="25">
        <v>1053055</v>
      </c>
      <c r="S9" s="25">
        <v>1696515</v>
      </c>
      <c r="T9" s="25">
        <v>10934440</v>
      </c>
      <c r="U9" s="25">
        <v>16525394</v>
      </c>
      <c r="V9" s="25">
        <v>10037595</v>
      </c>
      <c r="W9" s="28">
        <v>40246999</v>
      </c>
      <c r="X9" s="29">
        <v>40246999</v>
      </c>
      <c r="Y9" s="24">
        <v>0</v>
      </c>
      <c r="Z9" s="25">
        <v>0</v>
      </c>
      <c r="AA9" s="26">
        <v>0</v>
      </c>
      <c r="AB9" s="404">
        <v>0</v>
      </c>
      <c r="AC9" s="25">
        <v>1385600</v>
      </c>
      <c r="AD9" s="25">
        <v>2248300</v>
      </c>
      <c r="AE9" s="25">
        <v>3477620</v>
      </c>
      <c r="AF9" s="25">
        <v>4210015</v>
      </c>
      <c r="AG9" s="25">
        <v>1992455</v>
      </c>
      <c r="AH9" s="28">
        <v>13313990</v>
      </c>
      <c r="AI9" s="29">
        <v>13313990</v>
      </c>
      <c r="AJ9" s="24">
        <v>0</v>
      </c>
      <c r="AK9" s="25">
        <v>0</v>
      </c>
      <c r="AL9" s="26">
        <v>0</v>
      </c>
      <c r="AM9" s="404">
        <v>0</v>
      </c>
      <c r="AN9" s="25">
        <v>0</v>
      </c>
      <c r="AO9" s="25">
        <v>0</v>
      </c>
      <c r="AP9" s="25">
        <v>0</v>
      </c>
      <c r="AQ9" s="25">
        <v>0</v>
      </c>
      <c r="AR9" s="25">
        <v>0</v>
      </c>
      <c r="AS9" s="28">
        <v>0</v>
      </c>
      <c r="AT9" s="29">
        <v>0</v>
      </c>
      <c r="AU9" s="24">
        <v>0</v>
      </c>
      <c r="AV9" s="25">
        <v>0</v>
      </c>
      <c r="AW9" s="26">
        <v>0</v>
      </c>
      <c r="AX9" s="404">
        <v>0</v>
      </c>
      <c r="AY9" s="25">
        <v>0</v>
      </c>
      <c r="AZ9" s="25">
        <v>0</v>
      </c>
      <c r="BA9" s="25">
        <v>0</v>
      </c>
      <c r="BB9" s="25">
        <v>234165</v>
      </c>
      <c r="BC9" s="25">
        <v>351470</v>
      </c>
      <c r="BD9" s="28">
        <v>585635</v>
      </c>
      <c r="BE9" s="29">
        <v>585635</v>
      </c>
      <c r="BF9" s="24">
        <v>0</v>
      </c>
      <c r="BG9" s="25">
        <v>0</v>
      </c>
      <c r="BH9" s="26">
        <v>0</v>
      </c>
      <c r="BI9" s="404">
        <v>0</v>
      </c>
      <c r="BJ9" s="25">
        <v>35340</v>
      </c>
      <c r="BK9" s="25">
        <v>70680</v>
      </c>
      <c r="BL9" s="25">
        <v>581405</v>
      </c>
      <c r="BM9" s="25">
        <v>423575</v>
      </c>
      <c r="BN9" s="25">
        <v>293530</v>
      </c>
      <c r="BO9" s="28">
        <v>1404530</v>
      </c>
      <c r="BP9" s="29">
        <v>1404530</v>
      </c>
      <c r="BQ9" s="24">
        <v>0</v>
      </c>
      <c r="BR9" s="25">
        <v>25369</v>
      </c>
      <c r="BS9" s="26">
        <v>25369</v>
      </c>
      <c r="BT9" s="27">
        <v>0</v>
      </c>
      <c r="BU9" s="25">
        <v>184507</v>
      </c>
      <c r="BV9" s="25">
        <v>281624</v>
      </c>
      <c r="BW9" s="25">
        <v>980485</v>
      </c>
      <c r="BX9" s="25">
        <v>755042</v>
      </c>
      <c r="BY9" s="25">
        <v>432190</v>
      </c>
      <c r="BZ9" s="28">
        <v>2633848</v>
      </c>
      <c r="CA9" s="29">
        <v>2659217</v>
      </c>
      <c r="CB9" s="24">
        <v>0</v>
      </c>
      <c r="CC9" s="25">
        <v>0</v>
      </c>
      <c r="CD9" s="26">
        <v>0</v>
      </c>
      <c r="CE9" s="27">
        <v>0</v>
      </c>
      <c r="CF9" s="25">
        <v>5137</v>
      </c>
      <c r="CG9" s="25">
        <v>48037</v>
      </c>
      <c r="CH9" s="25">
        <v>64925</v>
      </c>
      <c r="CI9" s="25">
        <v>43407</v>
      </c>
      <c r="CJ9" s="25">
        <v>34675</v>
      </c>
      <c r="CK9" s="28">
        <v>196181</v>
      </c>
      <c r="CL9" s="29">
        <v>196181</v>
      </c>
      <c r="CM9" s="24">
        <v>0</v>
      </c>
      <c r="CN9" s="25">
        <v>0</v>
      </c>
      <c r="CO9" s="26">
        <v>0</v>
      </c>
      <c r="CP9" s="27">
        <v>0</v>
      </c>
      <c r="CQ9" s="25">
        <v>0</v>
      </c>
      <c r="CR9" s="25">
        <v>0</v>
      </c>
      <c r="CS9" s="25">
        <v>0</v>
      </c>
      <c r="CT9" s="25">
        <v>0</v>
      </c>
      <c r="CU9" s="25">
        <v>0</v>
      </c>
      <c r="CV9" s="28">
        <v>0</v>
      </c>
      <c r="CW9" s="29">
        <v>0</v>
      </c>
      <c r="CX9" s="24">
        <v>0</v>
      </c>
      <c r="CY9" s="25">
        <v>0</v>
      </c>
      <c r="CZ9" s="26">
        <v>0</v>
      </c>
      <c r="DA9" s="404">
        <v>0</v>
      </c>
      <c r="DB9" s="25">
        <v>0</v>
      </c>
      <c r="DC9" s="25">
        <v>0</v>
      </c>
      <c r="DD9" s="25">
        <v>0</v>
      </c>
      <c r="DE9" s="25">
        <v>0</v>
      </c>
      <c r="DF9" s="25">
        <v>0</v>
      </c>
      <c r="DG9" s="28">
        <v>0</v>
      </c>
      <c r="DH9" s="29">
        <v>0</v>
      </c>
      <c r="DI9" s="24">
        <v>0</v>
      </c>
      <c r="DJ9" s="25">
        <v>37718</v>
      </c>
      <c r="DK9" s="26">
        <v>37718</v>
      </c>
      <c r="DL9" s="27">
        <v>0</v>
      </c>
      <c r="DM9" s="25">
        <v>1527299</v>
      </c>
      <c r="DN9" s="25">
        <v>3207892</v>
      </c>
      <c r="DO9" s="25">
        <v>14682495</v>
      </c>
      <c r="DP9" s="25">
        <v>20025111</v>
      </c>
      <c r="DQ9" s="25">
        <v>12677368</v>
      </c>
      <c r="DR9" s="28">
        <v>52120165</v>
      </c>
      <c r="DS9" s="30">
        <v>52157883</v>
      </c>
      <c r="DT9" s="24">
        <v>0</v>
      </c>
      <c r="DU9" s="25">
        <v>0</v>
      </c>
      <c r="DV9" s="26">
        <v>0</v>
      </c>
      <c r="DW9" s="404">
        <v>0</v>
      </c>
      <c r="DX9" s="25">
        <v>951564</v>
      </c>
      <c r="DY9" s="25">
        <v>2039230</v>
      </c>
      <c r="DZ9" s="25">
        <v>11707334</v>
      </c>
      <c r="EA9" s="25">
        <v>17159409</v>
      </c>
      <c r="EB9" s="25">
        <v>10878515</v>
      </c>
      <c r="EC9" s="28">
        <v>42736052</v>
      </c>
      <c r="ED9" s="29">
        <v>42736052</v>
      </c>
      <c r="EE9" s="24">
        <v>0</v>
      </c>
      <c r="EF9" s="25">
        <v>0</v>
      </c>
      <c r="EG9" s="26">
        <v>0</v>
      </c>
      <c r="EH9" s="404">
        <v>0</v>
      </c>
      <c r="EI9" s="25">
        <v>236896</v>
      </c>
      <c r="EJ9" s="25">
        <v>556156</v>
      </c>
      <c r="EK9" s="25">
        <v>811857</v>
      </c>
      <c r="EL9" s="25">
        <v>950575</v>
      </c>
      <c r="EM9" s="25">
        <v>518096</v>
      </c>
      <c r="EN9" s="28">
        <v>3073580</v>
      </c>
      <c r="EO9" s="29">
        <v>3073580</v>
      </c>
      <c r="EP9" s="24">
        <v>0</v>
      </c>
      <c r="EQ9" s="25">
        <v>0</v>
      </c>
      <c r="ER9" s="26">
        <v>0</v>
      </c>
      <c r="ES9" s="404">
        <v>0</v>
      </c>
      <c r="ET9" s="25">
        <v>0</v>
      </c>
      <c r="EU9" s="25">
        <v>0</v>
      </c>
      <c r="EV9" s="25">
        <v>0</v>
      </c>
      <c r="EW9" s="25">
        <v>0</v>
      </c>
      <c r="EX9" s="25">
        <v>0</v>
      </c>
      <c r="EY9" s="28">
        <v>0</v>
      </c>
      <c r="EZ9" s="29">
        <v>0</v>
      </c>
      <c r="FA9" s="24">
        <v>0</v>
      </c>
      <c r="FB9" s="25">
        <v>0</v>
      </c>
      <c r="FC9" s="26">
        <v>0</v>
      </c>
      <c r="FD9" s="404">
        <v>0</v>
      </c>
      <c r="FE9" s="25">
        <v>0</v>
      </c>
      <c r="FF9" s="25">
        <v>0</v>
      </c>
      <c r="FG9" s="25">
        <v>0</v>
      </c>
      <c r="FH9" s="25">
        <v>60934</v>
      </c>
      <c r="FI9" s="25">
        <v>39254</v>
      </c>
      <c r="FJ9" s="28">
        <v>100188</v>
      </c>
      <c r="FK9" s="29">
        <v>100188</v>
      </c>
      <c r="FL9" s="24">
        <v>0</v>
      </c>
      <c r="FM9" s="25">
        <v>0</v>
      </c>
      <c r="FN9" s="26">
        <v>0</v>
      </c>
      <c r="FO9" s="404">
        <v>0</v>
      </c>
      <c r="FP9" s="25">
        <v>58342</v>
      </c>
      <c r="FQ9" s="25">
        <v>134385</v>
      </c>
      <c r="FR9" s="25">
        <v>856559</v>
      </c>
      <c r="FS9" s="25">
        <v>800384</v>
      </c>
      <c r="FT9" s="25">
        <v>587131</v>
      </c>
      <c r="FU9" s="28">
        <v>2436801</v>
      </c>
      <c r="FV9" s="29">
        <v>2436801</v>
      </c>
      <c r="FW9" s="24">
        <v>0</v>
      </c>
      <c r="FX9" s="25">
        <v>37718</v>
      </c>
      <c r="FY9" s="26">
        <v>37718</v>
      </c>
      <c r="FZ9" s="27">
        <v>0</v>
      </c>
      <c r="GA9" s="25">
        <v>269729</v>
      </c>
      <c r="GB9" s="25">
        <v>422329</v>
      </c>
      <c r="GC9" s="25">
        <v>1259887</v>
      </c>
      <c r="GD9" s="25">
        <v>1014671</v>
      </c>
      <c r="GE9" s="25">
        <v>605703</v>
      </c>
      <c r="GF9" s="28">
        <v>3572319</v>
      </c>
      <c r="GG9" s="29">
        <v>3610037</v>
      </c>
      <c r="GH9" s="24">
        <v>0</v>
      </c>
      <c r="GI9" s="25">
        <v>0</v>
      </c>
      <c r="GJ9" s="26">
        <v>0</v>
      </c>
      <c r="GK9" s="27">
        <v>0</v>
      </c>
      <c r="GL9" s="25">
        <v>10768</v>
      </c>
      <c r="GM9" s="25">
        <v>55792</v>
      </c>
      <c r="GN9" s="25">
        <v>46858</v>
      </c>
      <c r="GO9" s="25">
        <v>39138</v>
      </c>
      <c r="GP9" s="25">
        <v>48669</v>
      </c>
      <c r="GQ9" s="28">
        <v>201225</v>
      </c>
      <c r="GR9" s="29">
        <v>201225</v>
      </c>
      <c r="GS9" s="24">
        <v>0</v>
      </c>
      <c r="GT9" s="25">
        <v>0</v>
      </c>
      <c r="GU9" s="26">
        <v>0</v>
      </c>
      <c r="GV9" s="27">
        <v>0</v>
      </c>
      <c r="GW9" s="25">
        <v>0</v>
      </c>
      <c r="GX9" s="25">
        <v>0</v>
      </c>
      <c r="GY9" s="25">
        <v>0</v>
      </c>
      <c r="GZ9" s="25">
        <v>0</v>
      </c>
      <c r="HA9" s="25">
        <v>0</v>
      </c>
      <c r="HB9" s="28">
        <v>0</v>
      </c>
      <c r="HC9" s="29">
        <v>0</v>
      </c>
      <c r="HD9" s="24">
        <v>0</v>
      </c>
      <c r="HE9" s="25">
        <v>0</v>
      </c>
      <c r="HF9" s="26">
        <v>0</v>
      </c>
      <c r="HG9" s="404">
        <v>0</v>
      </c>
      <c r="HH9" s="25">
        <v>0</v>
      </c>
      <c r="HI9" s="25">
        <v>0</v>
      </c>
      <c r="HJ9" s="25">
        <v>0</v>
      </c>
      <c r="HK9" s="25">
        <v>0</v>
      </c>
      <c r="HL9" s="25">
        <v>0</v>
      </c>
      <c r="HM9" s="28">
        <v>0</v>
      </c>
      <c r="HN9" s="29">
        <v>0</v>
      </c>
      <c r="HO9" s="24">
        <v>0</v>
      </c>
      <c r="HP9" s="25">
        <v>63087</v>
      </c>
      <c r="HQ9" s="26">
        <v>63087</v>
      </c>
      <c r="HR9" s="27">
        <v>0</v>
      </c>
      <c r="HS9" s="25">
        <v>4190938</v>
      </c>
      <c r="HT9" s="25">
        <v>7553048</v>
      </c>
      <c r="HU9" s="25">
        <v>30721370</v>
      </c>
      <c r="HV9" s="25">
        <v>42216709</v>
      </c>
      <c r="HW9" s="25">
        <v>25819283</v>
      </c>
      <c r="HX9" s="28">
        <v>110501348</v>
      </c>
      <c r="HY9" s="29">
        <v>110564435</v>
      </c>
    </row>
    <row r="10" spans="2:233" ht="21" customHeight="1" x14ac:dyDescent="0.2">
      <c r="B10" s="106" t="s">
        <v>14</v>
      </c>
      <c r="C10" s="24">
        <v>0</v>
      </c>
      <c r="D10" s="25">
        <v>10989</v>
      </c>
      <c r="E10" s="26">
        <v>10989</v>
      </c>
      <c r="F10" s="27">
        <v>0</v>
      </c>
      <c r="G10" s="25">
        <v>755996</v>
      </c>
      <c r="H10" s="25">
        <v>1874737</v>
      </c>
      <c r="I10" s="25">
        <v>8693987</v>
      </c>
      <c r="J10" s="25">
        <v>13566324</v>
      </c>
      <c r="K10" s="25">
        <v>8241044</v>
      </c>
      <c r="L10" s="28">
        <v>33132088</v>
      </c>
      <c r="M10" s="29">
        <v>33143077</v>
      </c>
      <c r="N10" s="24">
        <v>0</v>
      </c>
      <c r="O10" s="25">
        <v>0</v>
      </c>
      <c r="P10" s="26">
        <v>0</v>
      </c>
      <c r="Q10" s="404">
        <v>0</v>
      </c>
      <c r="R10" s="25">
        <v>101215</v>
      </c>
      <c r="S10" s="25">
        <v>286515</v>
      </c>
      <c r="T10" s="25">
        <v>5838113</v>
      </c>
      <c r="U10" s="25">
        <v>9483728</v>
      </c>
      <c r="V10" s="25">
        <v>6578848</v>
      </c>
      <c r="W10" s="28">
        <v>22288419</v>
      </c>
      <c r="X10" s="29">
        <v>22288419</v>
      </c>
      <c r="Y10" s="24">
        <v>0</v>
      </c>
      <c r="Z10" s="25">
        <v>0</v>
      </c>
      <c r="AA10" s="26">
        <v>0</v>
      </c>
      <c r="AB10" s="404">
        <v>0</v>
      </c>
      <c r="AC10" s="25">
        <v>537285</v>
      </c>
      <c r="AD10" s="25">
        <v>1381926</v>
      </c>
      <c r="AE10" s="25">
        <v>2029020</v>
      </c>
      <c r="AF10" s="25">
        <v>2602356</v>
      </c>
      <c r="AG10" s="25">
        <v>661938</v>
      </c>
      <c r="AH10" s="28">
        <v>7212525</v>
      </c>
      <c r="AI10" s="29">
        <v>7212525</v>
      </c>
      <c r="AJ10" s="24">
        <v>0</v>
      </c>
      <c r="AK10" s="25">
        <v>0</v>
      </c>
      <c r="AL10" s="26">
        <v>0</v>
      </c>
      <c r="AM10" s="404">
        <v>0</v>
      </c>
      <c r="AN10" s="25">
        <v>0</v>
      </c>
      <c r="AO10" s="25">
        <v>0</v>
      </c>
      <c r="AP10" s="25">
        <v>0</v>
      </c>
      <c r="AQ10" s="25">
        <v>0</v>
      </c>
      <c r="AR10" s="25">
        <v>0</v>
      </c>
      <c r="AS10" s="28">
        <v>0</v>
      </c>
      <c r="AT10" s="29">
        <v>0</v>
      </c>
      <c r="AU10" s="24">
        <v>0</v>
      </c>
      <c r="AV10" s="25">
        <v>0</v>
      </c>
      <c r="AW10" s="26">
        <v>0</v>
      </c>
      <c r="AX10" s="404">
        <v>0</v>
      </c>
      <c r="AY10" s="25">
        <v>35495</v>
      </c>
      <c r="AZ10" s="25">
        <v>0</v>
      </c>
      <c r="BA10" s="25">
        <v>5270</v>
      </c>
      <c r="BB10" s="25">
        <v>781690</v>
      </c>
      <c r="BC10" s="25">
        <v>712610</v>
      </c>
      <c r="BD10" s="28">
        <v>1535065</v>
      </c>
      <c r="BE10" s="29">
        <v>1535065</v>
      </c>
      <c r="BF10" s="24">
        <v>0</v>
      </c>
      <c r="BG10" s="25">
        <v>0</v>
      </c>
      <c r="BH10" s="26">
        <v>0</v>
      </c>
      <c r="BI10" s="404">
        <v>0</v>
      </c>
      <c r="BJ10" s="25">
        <v>0</v>
      </c>
      <c r="BK10" s="25">
        <v>0</v>
      </c>
      <c r="BL10" s="25">
        <v>65255</v>
      </c>
      <c r="BM10" s="25">
        <v>80895</v>
      </c>
      <c r="BN10" s="25">
        <v>59985</v>
      </c>
      <c r="BO10" s="28">
        <v>206135</v>
      </c>
      <c r="BP10" s="29">
        <v>206135</v>
      </c>
      <c r="BQ10" s="24">
        <v>0</v>
      </c>
      <c r="BR10" s="25">
        <v>10989</v>
      </c>
      <c r="BS10" s="26">
        <v>10989</v>
      </c>
      <c r="BT10" s="27">
        <v>0</v>
      </c>
      <c r="BU10" s="25">
        <v>82001</v>
      </c>
      <c r="BV10" s="25">
        <v>206296</v>
      </c>
      <c r="BW10" s="25">
        <v>754094</v>
      </c>
      <c r="BX10" s="25">
        <v>614561</v>
      </c>
      <c r="BY10" s="25">
        <v>223438</v>
      </c>
      <c r="BZ10" s="28">
        <v>1880390</v>
      </c>
      <c r="CA10" s="29">
        <v>1891379</v>
      </c>
      <c r="CB10" s="24">
        <v>0</v>
      </c>
      <c r="CC10" s="25">
        <v>0</v>
      </c>
      <c r="CD10" s="26">
        <v>0</v>
      </c>
      <c r="CE10" s="27">
        <v>0</v>
      </c>
      <c r="CF10" s="25">
        <v>0</v>
      </c>
      <c r="CG10" s="25">
        <v>0</v>
      </c>
      <c r="CH10" s="25">
        <v>2235</v>
      </c>
      <c r="CI10" s="25">
        <v>3094</v>
      </c>
      <c r="CJ10" s="25">
        <v>4225</v>
      </c>
      <c r="CK10" s="28">
        <v>9554</v>
      </c>
      <c r="CL10" s="29">
        <v>9554</v>
      </c>
      <c r="CM10" s="24">
        <v>0</v>
      </c>
      <c r="CN10" s="25">
        <v>0</v>
      </c>
      <c r="CO10" s="26">
        <v>0</v>
      </c>
      <c r="CP10" s="27">
        <v>0</v>
      </c>
      <c r="CQ10" s="25">
        <v>0</v>
      </c>
      <c r="CR10" s="25">
        <v>0</v>
      </c>
      <c r="CS10" s="25">
        <v>0</v>
      </c>
      <c r="CT10" s="25">
        <v>0</v>
      </c>
      <c r="CU10" s="25">
        <v>0</v>
      </c>
      <c r="CV10" s="28">
        <v>0</v>
      </c>
      <c r="CW10" s="29">
        <v>0</v>
      </c>
      <c r="CX10" s="24">
        <v>0</v>
      </c>
      <c r="CY10" s="25">
        <v>0</v>
      </c>
      <c r="CZ10" s="26">
        <v>0</v>
      </c>
      <c r="DA10" s="404">
        <v>0</v>
      </c>
      <c r="DB10" s="25">
        <v>0</v>
      </c>
      <c r="DC10" s="25">
        <v>0</v>
      </c>
      <c r="DD10" s="25">
        <v>0</v>
      </c>
      <c r="DE10" s="25">
        <v>0</v>
      </c>
      <c r="DF10" s="25">
        <v>0</v>
      </c>
      <c r="DG10" s="28">
        <v>0</v>
      </c>
      <c r="DH10" s="29">
        <v>0</v>
      </c>
      <c r="DI10" s="24">
        <v>0</v>
      </c>
      <c r="DJ10" s="25">
        <v>25283</v>
      </c>
      <c r="DK10" s="26">
        <v>25283</v>
      </c>
      <c r="DL10" s="27">
        <v>0</v>
      </c>
      <c r="DM10" s="25">
        <v>404115</v>
      </c>
      <c r="DN10" s="25">
        <v>1234548</v>
      </c>
      <c r="DO10" s="25">
        <v>10457827</v>
      </c>
      <c r="DP10" s="25">
        <v>13907741</v>
      </c>
      <c r="DQ10" s="25">
        <v>8299053</v>
      </c>
      <c r="DR10" s="28">
        <v>34303284</v>
      </c>
      <c r="DS10" s="30">
        <v>34328567</v>
      </c>
      <c r="DT10" s="24">
        <v>0</v>
      </c>
      <c r="DU10" s="25">
        <v>0</v>
      </c>
      <c r="DV10" s="26">
        <v>0</v>
      </c>
      <c r="DW10" s="404">
        <v>0</v>
      </c>
      <c r="DX10" s="25">
        <v>94798</v>
      </c>
      <c r="DY10" s="25">
        <v>597607</v>
      </c>
      <c r="DZ10" s="25">
        <v>8929918</v>
      </c>
      <c r="EA10" s="25">
        <v>12363308</v>
      </c>
      <c r="EB10" s="25">
        <v>7430508</v>
      </c>
      <c r="EC10" s="28">
        <v>29416139</v>
      </c>
      <c r="ED10" s="29">
        <v>29416139</v>
      </c>
      <c r="EE10" s="24">
        <v>0</v>
      </c>
      <c r="EF10" s="25">
        <v>0</v>
      </c>
      <c r="EG10" s="26">
        <v>0</v>
      </c>
      <c r="EH10" s="404">
        <v>0</v>
      </c>
      <c r="EI10" s="25">
        <v>158463</v>
      </c>
      <c r="EJ10" s="25">
        <v>289918</v>
      </c>
      <c r="EK10" s="25">
        <v>274239</v>
      </c>
      <c r="EL10" s="25">
        <v>354809</v>
      </c>
      <c r="EM10" s="25">
        <v>124034</v>
      </c>
      <c r="EN10" s="28">
        <v>1201463</v>
      </c>
      <c r="EO10" s="29">
        <v>1201463</v>
      </c>
      <c r="EP10" s="24">
        <v>0</v>
      </c>
      <c r="EQ10" s="25">
        <v>0</v>
      </c>
      <c r="ER10" s="26">
        <v>0</v>
      </c>
      <c r="ES10" s="404">
        <v>0</v>
      </c>
      <c r="ET10" s="25">
        <v>0</v>
      </c>
      <c r="EU10" s="25">
        <v>0</v>
      </c>
      <c r="EV10" s="25">
        <v>0</v>
      </c>
      <c r="EW10" s="25">
        <v>0</v>
      </c>
      <c r="EX10" s="25">
        <v>0</v>
      </c>
      <c r="EY10" s="28">
        <v>0</v>
      </c>
      <c r="EZ10" s="29">
        <v>0</v>
      </c>
      <c r="FA10" s="24">
        <v>0</v>
      </c>
      <c r="FB10" s="25">
        <v>0</v>
      </c>
      <c r="FC10" s="26">
        <v>0</v>
      </c>
      <c r="FD10" s="404">
        <v>0</v>
      </c>
      <c r="FE10" s="25">
        <v>11687</v>
      </c>
      <c r="FF10" s="25">
        <v>0</v>
      </c>
      <c r="FG10" s="25">
        <v>217</v>
      </c>
      <c r="FH10" s="25">
        <v>98270</v>
      </c>
      <c r="FI10" s="25">
        <v>164379</v>
      </c>
      <c r="FJ10" s="28">
        <v>274553</v>
      </c>
      <c r="FK10" s="29">
        <v>274553</v>
      </c>
      <c r="FL10" s="24">
        <v>0</v>
      </c>
      <c r="FM10" s="25">
        <v>0</v>
      </c>
      <c r="FN10" s="26">
        <v>0</v>
      </c>
      <c r="FO10" s="404">
        <v>0</v>
      </c>
      <c r="FP10" s="25">
        <v>0</v>
      </c>
      <c r="FQ10" s="25">
        <v>0</v>
      </c>
      <c r="FR10" s="25">
        <v>123070</v>
      </c>
      <c r="FS10" s="25">
        <v>217713</v>
      </c>
      <c r="FT10" s="25">
        <v>79918</v>
      </c>
      <c r="FU10" s="28">
        <v>420701</v>
      </c>
      <c r="FV10" s="29">
        <v>420701</v>
      </c>
      <c r="FW10" s="24">
        <v>0</v>
      </c>
      <c r="FX10" s="25">
        <v>25283</v>
      </c>
      <c r="FY10" s="26">
        <v>25283</v>
      </c>
      <c r="FZ10" s="27">
        <v>0</v>
      </c>
      <c r="GA10" s="25">
        <v>139167</v>
      </c>
      <c r="GB10" s="25">
        <v>347023</v>
      </c>
      <c r="GC10" s="25">
        <v>1123581</v>
      </c>
      <c r="GD10" s="25">
        <v>871518</v>
      </c>
      <c r="GE10" s="25">
        <v>500179</v>
      </c>
      <c r="GF10" s="28">
        <v>2981468</v>
      </c>
      <c r="GG10" s="29">
        <v>3006751</v>
      </c>
      <c r="GH10" s="24">
        <v>0</v>
      </c>
      <c r="GI10" s="25">
        <v>0</v>
      </c>
      <c r="GJ10" s="26">
        <v>0</v>
      </c>
      <c r="GK10" s="27">
        <v>0</v>
      </c>
      <c r="GL10" s="25">
        <v>0</v>
      </c>
      <c r="GM10" s="25">
        <v>0</v>
      </c>
      <c r="GN10" s="25">
        <v>6802</v>
      </c>
      <c r="GO10" s="25">
        <v>2123</v>
      </c>
      <c r="GP10" s="25">
        <v>35</v>
      </c>
      <c r="GQ10" s="28">
        <v>8960</v>
      </c>
      <c r="GR10" s="29">
        <v>8960</v>
      </c>
      <c r="GS10" s="24">
        <v>0</v>
      </c>
      <c r="GT10" s="25">
        <v>0</v>
      </c>
      <c r="GU10" s="26">
        <v>0</v>
      </c>
      <c r="GV10" s="27">
        <v>0</v>
      </c>
      <c r="GW10" s="25">
        <v>0</v>
      </c>
      <c r="GX10" s="25">
        <v>0</v>
      </c>
      <c r="GY10" s="25">
        <v>0</v>
      </c>
      <c r="GZ10" s="25">
        <v>0</v>
      </c>
      <c r="HA10" s="25">
        <v>0</v>
      </c>
      <c r="HB10" s="28">
        <v>0</v>
      </c>
      <c r="HC10" s="29">
        <v>0</v>
      </c>
      <c r="HD10" s="24">
        <v>0</v>
      </c>
      <c r="HE10" s="25">
        <v>0</v>
      </c>
      <c r="HF10" s="26">
        <v>0</v>
      </c>
      <c r="HG10" s="404">
        <v>0</v>
      </c>
      <c r="HH10" s="25">
        <v>0</v>
      </c>
      <c r="HI10" s="25">
        <v>0</v>
      </c>
      <c r="HJ10" s="25">
        <v>0</v>
      </c>
      <c r="HK10" s="25">
        <v>0</v>
      </c>
      <c r="HL10" s="25">
        <v>0</v>
      </c>
      <c r="HM10" s="28">
        <v>0</v>
      </c>
      <c r="HN10" s="29">
        <v>0</v>
      </c>
      <c r="HO10" s="24">
        <v>0</v>
      </c>
      <c r="HP10" s="25">
        <v>36272</v>
      </c>
      <c r="HQ10" s="26">
        <v>36272</v>
      </c>
      <c r="HR10" s="27">
        <v>0</v>
      </c>
      <c r="HS10" s="25">
        <v>1160111</v>
      </c>
      <c r="HT10" s="25">
        <v>3109285</v>
      </c>
      <c r="HU10" s="25">
        <v>19151814</v>
      </c>
      <c r="HV10" s="25">
        <v>27474065</v>
      </c>
      <c r="HW10" s="25">
        <v>16540097</v>
      </c>
      <c r="HX10" s="28">
        <v>67435372</v>
      </c>
      <c r="HY10" s="29">
        <v>67471644</v>
      </c>
    </row>
    <row r="11" spans="2:233" ht="21" customHeight="1" x14ac:dyDescent="0.2">
      <c r="B11" s="106" t="s">
        <v>7</v>
      </c>
      <c r="C11" s="24">
        <v>0</v>
      </c>
      <c r="D11" s="25">
        <v>4295</v>
      </c>
      <c r="E11" s="26">
        <v>4295</v>
      </c>
      <c r="F11" s="27">
        <v>0</v>
      </c>
      <c r="G11" s="25">
        <v>2152021</v>
      </c>
      <c r="H11" s="25">
        <v>2197398</v>
      </c>
      <c r="I11" s="25">
        <v>6931922</v>
      </c>
      <c r="J11" s="25">
        <v>8649512</v>
      </c>
      <c r="K11" s="25">
        <v>4101020</v>
      </c>
      <c r="L11" s="28">
        <v>24031873</v>
      </c>
      <c r="M11" s="29">
        <v>24036168</v>
      </c>
      <c r="N11" s="24">
        <v>0</v>
      </c>
      <c r="O11" s="25">
        <v>0</v>
      </c>
      <c r="P11" s="26">
        <v>0</v>
      </c>
      <c r="Q11" s="404">
        <v>0</v>
      </c>
      <c r="R11" s="25">
        <v>303815</v>
      </c>
      <c r="S11" s="25">
        <v>510090</v>
      </c>
      <c r="T11" s="25">
        <v>5116879</v>
      </c>
      <c r="U11" s="25">
        <v>6805176</v>
      </c>
      <c r="V11" s="25">
        <v>3501990</v>
      </c>
      <c r="W11" s="28">
        <v>16237950</v>
      </c>
      <c r="X11" s="29">
        <v>16237950</v>
      </c>
      <c r="Y11" s="24">
        <v>0</v>
      </c>
      <c r="Z11" s="25">
        <v>0</v>
      </c>
      <c r="AA11" s="26">
        <v>0</v>
      </c>
      <c r="AB11" s="404">
        <v>0</v>
      </c>
      <c r="AC11" s="25">
        <v>1630632</v>
      </c>
      <c r="AD11" s="25">
        <v>1405914</v>
      </c>
      <c r="AE11" s="25">
        <v>1495234</v>
      </c>
      <c r="AF11" s="25">
        <v>1381998</v>
      </c>
      <c r="AG11" s="25">
        <v>455407</v>
      </c>
      <c r="AH11" s="28">
        <v>6369185</v>
      </c>
      <c r="AI11" s="29">
        <v>6369185</v>
      </c>
      <c r="AJ11" s="24">
        <v>0</v>
      </c>
      <c r="AK11" s="25">
        <v>0</v>
      </c>
      <c r="AL11" s="26">
        <v>0</v>
      </c>
      <c r="AM11" s="404">
        <v>0</v>
      </c>
      <c r="AN11" s="25">
        <v>0</v>
      </c>
      <c r="AO11" s="25">
        <v>0</v>
      </c>
      <c r="AP11" s="25">
        <v>0</v>
      </c>
      <c r="AQ11" s="25">
        <v>0</v>
      </c>
      <c r="AR11" s="25">
        <v>0</v>
      </c>
      <c r="AS11" s="28">
        <v>0</v>
      </c>
      <c r="AT11" s="29">
        <v>0</v>
      </c>
      <c r="AU11" s="24">
        <v>0</v>
      </c>
      <c r="AV11" s="25">
        <v>0</v>
      </c>
      <c r="AW11" s="26">
        <v>0</v>
      </c>
      <c r="AX11" s="404">
        <v>0</v>
      </c>
      <c r="AY11" s="25">
        <v>0</v>
      </c>
      <c r="AZ11" s="25">
        <v>0</v>
      </c>
      <c r="BA11" s="25">
        <v>0</v>
      </c>
      <c r="BB11" s="25">
        <v>32705</v>
      </c>
      <c r="BC11" s="25">
        <v>40765</v>
      </c>
      <c r="BD11" s="28">
        <v>73470</v>
      </c>
      <c r="BE11" s="29">
        <v>73470</v>
      </c>
      <c r="BF11" s="24">
        <v>0</v>
      </c>
      <c r="BG11" s="25">
        <v>0</v>
      </c>
      <c r="BH11" s="26">
        <v>0</v>
      </c>
      <c r="BI11" s="404">
        <v>0</v>
      </c>
      <c r="BJ11" s="25">
        <v>0</v>
      </c>
      <c r="BK11" s="25">
        <v>0</v>
      </c>
      <c r="BL11" s="25">
        <v>0</v>
      </c>
      <c r="BM11" s="25">
        <v>0</v>
      </c>
      <c r="BN11" s="25">
        <v>0</v>
      </c>
      <c r="BO11" s="28">
        <v>0</v>
      </c>
      <c r="BP11" s="29">
        <v>0</v>
      </c>
      <c r="BQ11" s="24">
        <v>0</v>
      </c>
      <c r="BR11" s="25">
        <v>4295</v>
      </c>
      <c r="BS11" s="26">
        <v>4295</v>
      </c>
      <c r="BT11" s="27">
        <v>0</v>
      </c>
      <c r="BU11" s="25">
        <v>216204</v>
      </c>
      <c r="BV11" s="25">
        <v>276788</v>
      </c>
      <c r="BW11" s="25">
        <v>314444</v>
      </c>
      <c r="BX11" s="25">
        <v>421558</v>
      </c>
      <c r="BY11" s="25">
        <v>90523</v>
      </c>
      <c r="BZ11" s="28">
        <v>1319517</v>
      </c>
      <c r="CA11" s="29">
        <v>1323812</v>
      </c>
      <c r="CB11" s="24">
        <v>0</v>
      </c>
      <c r="CC11" s="25">
        <v>0</v>
      </c>
      <c r="CD11" s="26">
        <v>0</v>
      </c>
      <c r="CE11" s="27">
        <v>0</v>
      </c>
      <c r="CF11" s="25">
        <v>1370</v>
      </c>
      <c r="CG11" s="25">
        <v>4606</v>
      </c>
      <c r="CH11" s="25">
        <v>5365</v>
      </c>
      <c r="CI11" s="25">
        <v>8075</v>
      </c>
      <c r="CJ11" s="25">
        <v>12335</v>
      </c>
      <c r="CK11" s="28">
        <v>31751</v>
      </c>
      <c r="CL11" s="29">
        <v>31751</v>
      </c>
      <c r="CM11" s="24">
        <v>0</v>
      </c>
      <c r="CN11" s="25">
        <v>0</v>
      </c>
      <c r="CO11" s="26">
        <v>0</v>
      </c>
      <c r="CP11" s="27">
        <v>0</v>
      </c>
      <c r="CQ11" s="25">
        <v>0</v>
      </c>
      <c r="CR11" s="25">
        <v>0</v>
      </c>
      <c r="CS11" s="25">
        <v>0</v>
      </c>
      <c r="CT11" s="25">
        <v>0</v>
      </c>
      <c r="CU11" s="25">
        <v>0</v>
      </c>
      <c r="CV11" s="28">
        <v>0</v>
      </c>
      <c r="CW11" s="29">
        <v>0</v>
      </c>
      <c r="CX11" s="24">
        <v>0</v>
      </c>
      <c r="CY11" s="25">
        <v>0</v>
      </c>
      <c r="CZ11" s="26">
        <v>0</v>
      </c>
      <c r="DA11" s="404">
        <v>0</v>
      </c>
      <c r="DB11" s="25">
        <v>0</v>
      </c>
      <c r="DC11" s="25">
        <v>0</v>
      </c>
      <c r="DD11" s="25">
        <v>0</v>
      </c>
      <c r="DE11" s="25">
        <v>0</v>
      </c>
      <c r="DF11" s="25">
        <v>0</v>
      </c>
      <c r="DG11" s="28">
        <v>0</v>
      </c>
      <c r="DH11" s="29">
        <v>0</v>
      </c>
      <c r="DI11" s="24">
        <v>0</v>
      </c>
      <c r="DJ11" s="25">
        <v>6503</v>
      </c>
      <c r="DK11" s="26">
        <v>6503</v>
      </c>
      <c r="DL11" s="27">
        <v>0</v>
      </c>
      <c r="DM11" s="25">
        <v>829352</v>
      </c>
      <c r="DN11" s="25">
        <v>1135233</v>
      </c>
      <c r="DO11" s="25">
        <v>7349462</v>
      </c>
      <c r="DP11" s="25">
        <v>8773582</v>
      </c>
      <c r="DQ11" s="25">
        <v>4788452</v>
      </c>
      <c r="DR11" s="28">
        <v>22876081</v>
      </c>
      <c r="DS11" s="30">
        <v>22882584</v>
      </c>
      <c r="DT11" s="24">
        <v>0</v>
      </c>
      <c r="DU11" s="25">
        <v>0</v>
      </c>
      <c r="DV11" s="26">
        <v>0</v>
      </c>
      <c r="DW11" s="404">
        <v>0</v>
      </c>
      <c r="DX11" s="25">
        <v>300959</v>
      </c>
      <c r="DY11" s="25">
        <v>579925</v>
      </c>
      <c r="DZ11" s="25">
        <v>6492474</v>
      </c>
      <c r="EA11" s="25">
        <v>8022286</v>
      </c>
      <c r="EB11" s="25">
        <v>4637236</v>
      </c>
      <c r="EC11" s="28">
        <v>20032880</v>
      </c>
      <c r="ED11" s="29">
        <v>20032880</v>
      </c>
      <c r="EE11" s="24">
        <v>0</v>
      </c>
      <c r="EF11" s="25">
        <v>0</v>
      </c>
      <c r="EG11" s="26">
        <v>0</v>
      </c>
      <c r="EH11" s="404">
        <v>0</v>
      </c>
      <c r="EI11" s="25">
        <v>217416</v>
      </c>
      <c r="EJ11" s="25">
        <v>169658</v>
      </c>
      <c r="EK11" s="25">
        <v>331353</v>
      </c>
      <c r="EL11" s="25">
        <v>210635</v>
      </c>
      <c r="EM11" s="25">
        <v>34483</v>
      </c>
      <c r="EN11" s="28">
        <v>963545</v>
      </c>
      <c r="EO11" s="29">
        <v>963545</v>
      </c>
      <c r="EP11" s="24">
        <v>0</v>
      </c>
      <c r="EQ11" s="25">
        <v>0</v>
      </c>
      <c r="ER11" s="26">
        <v>0</v>
      </c>
      <c r="ES11" s="404">
        <v>0</v>
      </c>
      <c r="ET11" s="25">
        <v>0</v>
      </c>
      <c r="EU11" s="25">
        <v>0</v>
      </c>
      <c r="EV11" s="25">
        <v>0</v>
      </c>
      <c r="EW11" s="25">
        <v>0</v>
      </c>
      <c r="EX11" s="25">
        <v>0</v>
      </c>
      <c r="EY11" s="28">
        <v>0</v>
      </c>
      <c r="EZ11" s="29">
        <v>0</v>
      </c>
      <c r="FA11" s="24">
        <v>0</v>
      </c>
      <c r="FB11" s="25">
        <v>0</v>
      </c>
      <c r="FC11" s="26">
        <v>0</v>
      </c>
      <c r="FD11" s="404">
        <v>0</v>
      </c>
      <c r="FE11" s="25">
        <v>0</v>
      </c>
      <c r="FF11" s="25">
        <v>0</v>
      </c>
      <c r="FG11" s="25">
        <v>0</v>
      </c>
      <c r="FH11" s="25">
        <v>217</v>
      </c>
      <c r="FI11" s="25">
        <v>12121</v>
      </c>
      <c r="FJ11" s="28">
        <v>12338</v>
      </c>
      <c r="FK11" s="29">
        <v>12338</v>
      </c>
      <c r="FL11" s="24">
        <v>0</v>
      </c>
      <c r="FM11" s="25">
        <v>0</v>
      </c>
      <c r="FN11" s="26">
        <v>0</v>
      </c>
      <c r="FO11" s="404">
        <v>0</v>
      </c>
      <c r="FP11" s="25">
        <v>0</v>
      </c>
      <c r="FQ11" s="25">
        <v>0</v>
      </c>
      <c r="FR11" s="25">
        <v>0</v>
      </c>
      <c r="FS11" s="25">
        <v>0</v>
      </c>
      <c r="FT11" s="25">
        <v>0</v>
      </c>
      <c r="FU11" s="28">
        <v>0</v>
      </c>
      <c r="FV11" s="29">
        <v>0</v>
      </c>
      <c r="FW11" s="24">
        <v>0</v>
      </c>
      <c r="FX11" s="25">
        <v>6503</v>
      </c>
      <c r="FY11" s="26">
        <v>6503</v>
      </c>
      <c r="FZ11" s="27">
        <v>0</v>
      </c>
      <c r="GA11" s="25">
        <v>310970</v>
      </c>
      <c r="GB11" s="25">
        <v>385093</v>
      </c>
      <c r="GC11" s="25">
        <v>521373</v>
      </c>
      <c r="GD11" s="25">
        <v>540045</v>
      </c>
      <c r="GE11" s="25">
        <v>104472</v>
      </c>
      <c r="GF11" s="28">
        <v>1861953</v>
      </c>
      <c r="GG11" s="29">
        <v>1868456</v>
      </c>
      <c r="GH11" s="24">
        <v>0</v>
      </c>
      <c r="GI11" s="25">
        <v>0</v>
      </c>
      <c r="GJ11" s="26">
        <v>0</v>
      </c>
      <c r="GK11" s="27">
        <v>0</v>
      </c>
      <c r="GL11" s="25">
        <v>7</v>
      </c>
      <c r="GM11" s="25">
        <v>557</v>
      </c>
      <c r="GN11" s="25">
        <v>4262</v>
      </c>
      <c r="GO11" s="25">
        <v>399</v>
      </c>
      <c r="GP11" s="25">
        <v>140</v>
      </c>
      <c r="GQ11" s="28">
        <v>5365</v>
      </c>
      <c r="GR11" s="29">
        <v>5365</v>
      </c>
      <c r="GS11" s="24">
        <v>0</v>
      </c>
      <c r="GT11" s="25">
        <v>0</v>
      </c>
      <c r="GU11" s="26">
        <v>0</v>
      </c>
      <c r="GV11" s="27">
        <v>0</v>
      </c>
      <c r="GW11" s="25">
        <v>0</v>
      </c>
      <c r="GX11" s="25">
        <v>0</v>
      </c>
      <c r="GY11" s="25">
        <v>0</v>
      </c>
      <c r="GZ11" s="25">
        <v>0</v>
      </c>
      <c r="HA11" s="25">
        <v>0</v>
      </c>
      <c r="HB11" s="28">
        <v>0</v>
      </c>
      <c r="HC11" s="29">
        <v>0</v>
      </c>
      <c r="HD11" s="24">
        <v>0</v>
      </c>
      <c r="HE11" s="25">
        <v>0</v>
      </c>
      <c r="HF11" s="26">
        <v>0</v>
      </c>
      <c r="HG11" s="404">
        <v>0</v>
      </c>
      <c r="HH11" s="25">
        <v>0</v>
      </c>
      <c r="HI11" s="25">
        <v>0</v>
      </c>
      <c r="HJ11" s="25">
        <v>0</v>
      </c>
      <c r="HK11" s="25">
        <v>0</v>
      </c>
      <c r="HL11" s="25">
        <v>0</v>
      </c>
      <c r="HM11" s="28">
        <v>0</v>
      </c>
      <c r="HN11" s="29">
        <v>0</v>
      </c>
      <c r="HO11" s="24">
        <v>0</v>
      </c>
      <c r="HP11" s="25">
        <v>10798</v>
      </c>
      <c r="HQ11" s="26">
        <v>10798</v>
      </c>
      <c r="HR11" s="27">
        <v>0</v>
      </c>
      <c r="HS11" s="25">
        <v>2981373</v>
      </c>
      <c r="HT11" s="25">
        <v>3332631</v>
      </c>
      <c r="HU11" s="25">
        <v>14281384</v>
      </c>
      <c r="HV11" s="25">
        <v>17423094</v>
      </c>
      <c r="HW11" s="25">
        <v>8889472</v>
      </c>
      <c r="HX11" s="28">
        <v>46907954</v>
      </c>
      <c r="HY11" s="29">
        <v>46918752</v>
      </c>
    </row>
    <row r="12" spans="2:233" ht="21" customHeight="1" x14ac:dyDescent="0.2">
      <c r="B12" s="106" t="s">
        <v>8</v>
      </c>
      <c r="C12" s="24">
        <v>0</v>
      </c>
      <c r="D12" s="25">
        <v>1885</v>
      </c>
      <c r="E12" s="26">
        <v>1885</v>
      </c>
      <c r="F12" s="27">
        <v>0</v>
      </c>
      <c r="G12" s="25">
        <v>529075</v>
      </c>
      <c r="H12" s="25">
        <v>1220247</v>
      </c>
      <c r="I12" s="25">
        <v>4635166</v>
      </c>
      <c r="J12" s="25">
        <v>4668376</v>
      </c>
      <c r="K12" s="25">
        <v>2565537</v>
      </c>
      <c r="L12" s="28">
        <v>13618401</v>
      </c>
      <c r="M12" s="29">
        <v>13620286</v>
      </c>
      <c r="N12" s="24">
        <v>0</v>
      </c>
      <c r="O12" s="25">
        <v>0</v>
      </c>
      <c r="P12" s="26">
        <v>0</v>
      </c>
      <c r="Q12" s="404">
        <v>0</v>
      </c>
      <c r="R12" s="25">
        <v>153045</v>
      </c>
      <c r="S12" s="25">
        <v>404490</v>
      </c>
      <c r="T12" s="25">
        <v>3176460</v>
      </c>
      <c r="U12" s="25">
        <v>3337081</v>
      </c>
      <c r="V12" s="25">
        <v>1980464</v>
      </c>
      <c r="W12" s="28">
        <v>9051540</v>
      </c>
      <c r="X12" s="29">
        <v>9051540</v>
      </c>
      <c r="Y12" s="24">
        <v>0</v>
      </c>
      <c r="Z12" s="25">
        <v>0</v>
      </c>
      <c r="AA12" s="26">
        <v>0</v>
      </c>
      <c r="AB12" s="404">
        <v>0</v>
      </c>
      <c r="AC12" s="25">
        <v>253920</v>
      </c>
      <c r="AD12" s="25">
        <v>635580</v>
      </c>
      <c r="AE12" s="25">
        <v>906630</v>
      </c>
      <c r="AF12" s="25">
        <v>846004</v>
      </c>
      <c r="AG12" s="25">
        <v>344234</v>
      </c>
      <c r="AH12" s="28">
        <v>2986368</v>
      </c>
      <c r="AI12" s="29">
        <v>2986368</v>
      </c>
      <c r="AJ12" s="24">
        <v>0</v>
      </c>
      <c r="AK12" s="25">
        <v>0</v>
      </c>
      <c r="AL12" s="26">
        <v>0</v>
      </c>
      <c r="AM12" s="404">
        <v>0</v>
      </c>
      <c r="AN12" s="25">
        <v>0</v>
      </c>
      <c r="AO12" s="25">
        <v>0</v>
      </c>
      <c r="AP12" s="25">
        <v>0</v>
      </c>
      <c r="AQ12" s="25">
        <v>0</v>
      </c>
      <c r="AR12" s="25">
        <v>0</v>
      </c>
      <c r="AS12" s="28">
        <v>0</v>
      </c>
      <c r="AT12" s="29">
        <v>0</v>
      </c>
      <c r="AU12" s="24">
        <v>0</v>
      </c>
      <c r="AV12" s="25">
        <v>0</v>
      </c>
      <c r="AW12" s="26">
        <v>0</v>
      </c>
      <c r="AX12" s="404">
        <v>0</v>
      </c>
      <c r="AY12" s="25">
        <v>0</v>
      </c>
      <c r="AZ12" s="25">
        <v>0</v>
      </c>
      <c r="BA12" s="25">
        <v>32705</v>
      </c>
      <c r="BB12" s="25">
        <v>0</v>
      </c>
      <c r="BC12" s="25">
        <v>42975</v>
      </c>
      <c r="BD12" s="28">
        <v>75680</v>
      </c>
      <c r="BE12" s="29">
        <v>75680</v>
      </c>
      <c r="BF12" s="24">
        <v>0</v>
      </c>
      <c r="BG12" s="25">
        <v>0</v>
      </c>
      <c r="BH12" s="26">
        <v>0</v>
      </c>
      <c r="BI12" s="404">
        <v>0</v>
      </c>
      <c r="BJ12" s="25">
        <v>0</v>
      </c>
      <c r="BK12" s="25">
        <v>2635</v>
      </c>
      <c r="BL12" s="25">
        <v>71545</v>
      </c>
      <c r="BM12" s="25">
        <v>234165</v>
      </c>
      <c r="BN12" s="25">
        <v>27280</v>
      </c>
      <c r="BO12" s="28">
        <v>335625</v>
      </c>
      <c r="BP12" s="29">
        <v>335625</v>
      </c>
      <c r="BQ12" s="24">
        <v>0</v>
      </c>
      <c r="BR12" s="25">
        <v>1885</v>
      </c>
      <c r="BS12" s="26">
        <v>1885</v>
      </c>
      <c r="BT12" s="27">
        <v>0</v>
      </c>
      <c r="BU12" s="25">
        <v>113090</v>
      </c>
      <c r="BV12" s="25">
        <v>162602</v>
      </c>
      <c r="BW12" s="25">
        <v>447826</v>
      </c>
      <c r="BX12" s="25">
        <v>236521</v>
      </c>
      <c r="BY12" s="25">
        <v>169603</v>
      </c>
      <c r="BZ12" s="28">
        <v>1129642</v>
      </c>
      <c r="CA12" s="29">
        <v>1131527</v>
      </c>
      <c r="CB12" s="24">
        <v>0</v>
      </c>
      <c r="CC12" s="25">
        <v>0</v>
      </c>
      <c r="CD12" s="26">
        <v>0</v>
      </c>
      <c r="CE12" s="27">
        <v>0</v>
      </c>
      <c r="CF12" s="25">
        <v>9020</v>
      </c>
      <c r="CG12" s="25">
        <v>14940</v>
      </c>
      <c r="CH12" s="25">
        <v>0</v>
      </c>
      <c r="CI12" s="25">
        <v>14605</v>
      </c>
      <c r="CJ12" s="25">
        <v>981</v>
      </c>
      <c r="CK12" s="28">
        <v>39546</v>
      </c>
      <c r="CL12" s="29">
        <v>39546</v>
      </c>
      <c r="CM12" s="24">
        <v>0</v>
      </c>
      <c r="CN12" s="25">
        <v>0</v>
      </c>
      <c r="CO12" s="26">
        <v>0</v>
      </c>
      <c r="CP12" s="27">
        <v>0</v>
      </c>
      <c r="CQ12" s="25">
        <v>0</v>
      </c>
      <c r="CR12" s="25">
        <v>0</v>
      </c>
      <c r="CS12" s="25">
        <v>0</v>
      </c>
      <c r="CT12" s="25">
        <v>0</v>
      </c>
      <c r="CU12" s="25">
        <v>0</v>
      </c>
      <c r="CV12" s="28">
        <v>0</v>
      </c>
      <c r="CW12" s="29">
        <v>0</v>
      </c>
      <c r="CX12" s="24">
        <v>0</v>
      </c>
      <c r="CY12" s="25">
        <v>0</v>
      </c>
      <c r="CZ12" s="26">
        <v>0</v>
      </c>
      <c r="DA12" s="404">
        <v>0</v>
      </c>
      <c r="DB12" s="25">
        <v>0</v>
      </c>
      <c r="DC12" s="25">
        <v>0</v>
      </c>
      <c r="DD12" s="25">
        <v>0</v>
      </c>
      <c r="DE12" s="25">
        <v>0</v>
      </c>
      <c r="DF12" s="25">
        <v>0</v>
      </c>
      <c r="DG12" s="28">
        <v>0</v>
      </c>
      <c r="DH12" s="29">
        <v>0</v>
      </c>
      <c r="DI12" s="24">
        <v>400</v>
      </c>
      <c r="DJ12" s="25">
        <v>13224</v>
      </c>
      <c r="DK12" s="26">
        <v>13624</v>
      </c>
      <c r="DL12" s="27">
        <v>0</v>
      </c>
      <c r="DM12" s="25">
        <v>426415</v>
      </c>
      <c r="DN12" s="25">
        <v>1228048</v>
      </c>
      <c r="DO12" s="25">
        <v>5593005</v>
      </c>
      <c r="DP12" s="25">
        <v>5402036</v>
      </c>
      <c r="DQ12" s="25">
        <v>3195165</v>
      </c>
      <c r="DR12" s="28">
        <v>15844669</v>
      </c>
      <c r="DS12" s="30">
        <v>15858293</v>
      </c>
      <c r="DT12" s="24">
        <v>0</v>
      </c>
      <c r="DU12" s="25">
        <v>0</v>
      </c>
      <c r="DV12" s="26">
        <v>0</v>
      </c>
      <c r="DW12" s="404">
        <v>0</v>
      </c>
      <c r="DX12" s="25">
        <v>197574</v>
      </c>
      <c r="DY12" s="25">
        <v>826752</v>
      </c>
      <c r="DZ12" s="25">
        <v>4576304</v>
      </c>
      <c r="EA12" s="25">
        <v>4389608</v>
      </c>
      <c r="EB12" s="25">
        <v>2842775</v>
      </c>
      <c r="EC12" s="28">
        <v>12833013</v>
      </c>
      <c r="ED12" s="29">
        <v>12833013</v>
      </c>
      <c r="EE12" s="24">
        <v>0</v>
      </c>
      <c r="EF12" s="25">
        <v>0</v>
      </c>
      <c r="EG12" s="26">
        <v>0</v>
      </c>
      <c r="EH12" s="404">
        <v>0</v>
      </c>
      <c r="EI12" s="25">
        <v>57516</v>
      </c>
      <c r="EJ12" s="25">
        <v>63366</v>
      </c>
      <c r="EK12" s="25">
        <v>121768</v>
      </c>
      <c r="EL12" s="25">
        <v>135992</v>
      </c>
      <c r="EM12" s="25">
        <v>16918</v>
      </c>
      <c r="EN12" s="28">
        <v>395560</v>
      </c>
      <c r="EO12" s="29">
        <v>395560</v>
      </c>
      <c r="EP12" s="24">
        <v>0</v>
      </c>
      <c r="EQ12" s="25">
        <v>0</v>
      </c>
      <c r="ER12" s="26">
        <v>0</v>
      </c>
      <c r="ES12" s="404">
        <v>0</v>
      </c>
      <c r="ET12" s="25">
        <v>0</v>
      </c>
      <c r="EU12" s="25">
        <v>0</v>
      </c>
      <c r="EV12" s="25">
        <v>0</v>
      </c>
      <c r="EW12" s="25">
        <v>0</v>
      </c>
      <c r="EX12" s="25">
        <v>0</v>
      </c>
      <c r="EY12" s="28">
        <v>0</v>
      </c>
      <c r="EZ12" s="29">
        <v>0</v>
      </c>
      <c r="FA12" s="24">
        <v>0</v>
      </c>
      <c r="FB12" s="25">
        <v>0</v>
      </c>
      <c r="FC12" s="26">
        <v>0</v>
      </c>
      <c r="FD12" s="404">
        <v>0</v>
      </c>
      <c r="FE12" s="25">
        <v>0</v>
      </c>
      <c r="FF12" s="25">
        <v>0</v>
      </c>
      <c r="FG12" s="25">
        <v>217</v>
      </c>
      <c r="FH12" s="25">
        <v>0</v>
      </c>
      <c r="FI12" s="25">
        <v>12303</v>
      </c>
      <c r="FJ12" s="28">
        <v>12520</v>
      </c>
      <c r="FK12" s="29">
        <v>12520</v>
      </c>
      <c r="FL12" s="24">
        <v>0</v>
      </c>
      <c r="FM12" s="25">
        <v>0</v>
      </c>
      <c r="FN12" s="26">
        <v>0</v>
      </c>
      <c r="FO12" s="404">
        <v>0</v>
      </c>
      <c r="FP12" s="25">
        <v>0</v>
      </c>
      <c r="FQ12" s="25">
        <v>21576</v>
      </c>
      <c r="FR12" s="25">
        <v>178750</v>
      </c>
      <c r="FS12" s="25">
        <v>341226</v>
      </c>
      <c r="FT12" s="25">
        <v>43152</v>
      </c>
      <c r="FU12" s="28">
        <v>584704</v>
      </c>
      <c r="FV12" s="29">
        <v>584704</v>
      </c>
      <c r="FW12" s="24">
        <v>400</v>
      </c>
      <c r="FX12" s="25">
        <v>13224</v>
      </c>
      <c r="FY12" s="26">
        <v>13624</v>
      </c>
      <c r="FZ12" s="27">
        <v>0</v>
      </c>
      <c r="GA12" s="25">
        <v>171248</v>
      </c>
      <c r="GB12" s="25">
        <v>316116</v>
      </c>
      <c r="GC12" s="25">
        <v>715966</v>
      </c>
      <c r="GD12" s="25">
        <v>533666</v>
      </c>
      <c r="GE12" s="25">
        <v>280002</v>
      </c>
      <c r="GF12" s="28">
        <v>2016998</v>
      </c>
      <c r="GG12" s="29">
        <v>2030622</v>
      </c>
      <c r="GH12" s="24">
        <v>0</v>
      </c>
      <c r="GI12" s="25">
        <v>0</v>
      </c>
      <c r="GJ12" s="26">
        <v>0</v>
      </c>
      <c r="GK12" s="27">
        <v>0</v>
      </c>
      <c r="GL12" s="25">
        <v>77</v>
      </c>
      <c r="GM12" s="25">
        <v>238</v>
      </c>
      <c r="GN12" s="25">
        <v>0</v>
      </c>
      <c r="GO12" s="25">
        <v>1544</v>
      </c>
      <c r="GP12" s="25">
        <v>15</v>
      </c>
      <c r="GQ12" s="28">
        <v>1874</v>
      </c>
      <c r="GR12" s="29">
        <v>1874</v>
      </c>
      <c r="GS12" s="24">
        <v>0</v>
      </c>
      <c r="GT12" s="25">
        <v>0</v>
      </c>
      <c r="GU12" s="26">
        <v>0</v>
      </c>
      <c r="GV12" s="27">
        <v>0</v>
      </c>
      <c r="GW12" s="25">
        <v>0</v>
      </c>
      <c r="GX12" s="25">
        <v>0</v>
      </c>
      <c r="GY12" s="25">
        <v>0</v>
      </c>
      <c r="GZ12" s="25">
        <v>0</v>
      </c>
      <c r="HA12" s="25">
        <v>0</v>
      </c>
      <c r="HB12" s="28">
        <v>0</v>
      </c>
      <c r="HC12" s="29">
        <v>0</v>
      </c>
      <c r="HD12" s="24">
        <v>0</v>
      </c>
      <c r="HE12" s="25">
        <v>0</v>
      </c>
      <c r="HF12" s="26">
        <v>0</v>
      </c>
      <c r="HG12" s="404">
        <v>0</v>
      </c>
      <c r="HH12" s="25">
        <v>0</v>
      </c>
      <c r="HI12" s="25">
        <v>0</v>
      </c>
      <c r="HJ12" s="25">
        <v>0</v>
      </c>
      <c r="HK12" s="25">
        <v>0</v>
      </c>
      <c r="HL12" s="25">
        <v>0</v>
      </c>
      <c r="HM12" s="28">
        <v>0</v>
      </c>
      <c r="HN12" s="29">
        <v>0</v>
      </c>
      <c r="HO12" s="24">
        <v>400</v>
      </c>
      <c r="HP12" s="25">
        <v>15109</v>
      </c>
      <c r="HQ12" s="26">
        <v>15509</v>
      </c>
      <c r="HR12" s="27">
        <v>0</v>
      </c>
      <c r="HS12" s="25">
        <v>955490</v>
      </c>
      <c r="HT12" s="25">
        <v>2448295</v>
      </c>
      <c r="HU12" s="25">
        <v>10228171</v>
      </c>
      <c r="HV12" s="25">
        <v>10070412</v>
      </c>
      <c r="HW12" s="25">
        <v>5760702</v>
      </c>
      <c r="HX12" s="28">
        <v>29463070</v>
      </c>
      <c r="HY12" s="29">
        <v>29478579</v>
      </c>
    </row>
    <row r="13" spans="2:233" ht="21" customHeight="1" x14ac:dyDescent="0.2">
      <c r="B13" s="106" t="s">
        <v>9</v>
      </c>
      <c r="C13" s="24">
        <v>0</v>
      </c>
      <c r="D13" s="25">
        <v>360</v>
      </c>
      <c r="E13" s="26">
        <v>360</v>
      </c>
      <c r="F13" s="27">
        <v>0</v>
      </c>
      <c r="G13" s="25">
        <v>247388</v>
      </c>
      <c r="H13" s="25">
        <v>160005</v>
      </c>
      <c r="I13" s="25">
        <v>2128919</v>
      </c>
      <c r="J13" s="25">
        <v>2030092</v>
      </c>
      <c r="K13" s="25">
        <v>1809986</v>
      </c>
      <c r="L13" s="28">
        <v>6376390</v>
      </c>
      <c r="M13" s="29">
        <v>6376750</v>
      </c>
      <c r="N13" s="24">
        <v>0</v>
      </c>
      <c r="O13" s="25">
        <v>0</v>
      </c>
      <c r="P13" s="26">
        <v>0</v>
      </c>
      <c r="Q13" s="404">
        <v>0</v>
      </c>
      <c r="R13" s="25">
        <v>57350</v>
      </c>
      <c r="S13" s="25">
        <v>43245</v>
      </c>
      <c r="T13" s="25">
        <v>1395786</v>
      </c>
      <c r="U13" s="25">
        <v>1609540</v>
      </c>
      <c r="V13" s="25">
        <v>1393706</v>
      </c>
      <c r="W13" s="28">
        <v>4499627</v>
      </c>
      <c r="X13" s="29">
        <v>4499627</v>
      </c>
      <c r="Y13" s="24">
        <v>0</v>
      </c>
      <c r="Z13" s="25">
        <v>0</v>
      </c>
      <c r="AA13" s="26">
        <v>0</v>
      </c>
      <c r="AB13" s="404">
        <v>0</v>
      </c>
      <c r="AC13" s="25">
        <v>148118</v>
      </c>
      <c r="AD13" s="25">
        <v>48360</v>
      </c>
      <c r="AE13" s="25">
        <v>568303</v>
      </c>
      <c r="AF13" s="25">
        <v>315075</v>
      </c>
      <c r="AG13" s="25">
        <v>312515</v>
      </c>
      <c r="AH13" s="28">
        <v>1392371</v>
      </c>
      <c r="AI13" s="29">
        <v>1392371</v>
      </c>
      <c r="AJ13" s="24">
        <v>0</v>
      </c>
      <c r="AK13" s="25">
        <v>0</v>
      </c>
      <c r="AL13" s="26">
        <v>0</v>
      </c>
      <c r="AM13" s="404">
        <v>0</v>
      </c>
      <c r="AN13" s="25">
        <v>0</v>
      </c>
      <c r="AO13" s="25">
        <v>0</v>
      </c>
      <c r="AP13" s="25">
        <v>0</v>
      </c>
      <c r="AQ13" s="25">
        <v>0</v>
      </c>
      <c r="AR13" s="25">
        <v>0</v>
      </c>
      <c r="AS13" s="28">
        <v>0</v>
      </c>
      <c r="AT13" s="29">
        <v>0</v>
      </c>
      <c r="AU13" s="24">
        <v>0</v>
      </c>
      <c r="AV13" s="25">
        <v>0</v>
      </c>
      <c r="AW13" s="26">
        <v>0</v>
      </c>
      <c r="AX13" s="404">
        <v>0</v>
      </c>
      <c r="AY13" s="25">
        <v>0</v>
      </c>
      <c r="AZ13" s="25">
        <v>0</v>
      </c>
      <c r="BA13" s="25">
        <v>0</v>
      </c>
      <c r="BB13" s="25">
        <v>0</v>
      </c>
      <c r="BC13" s="25">
        <v>7905</v>
      </c>
      <c r="BD13" s="28">
        <v>7905</v>
      </c>
      <c r="BE13" s="29">
        <v>7905</v>
      </c>
      <c r="BF13" s="24">
        <v>0</v>
      </c>
      <c r="BG13" s="25">
        <v>0</v>
      </c>
      <c r="BH13" s="26">
        <v>0</v>
      </c>
      <c r="BI13" s="404">
        <v>0</v>
      </c>
      <c r="BJ13" s="25">
        <v>0</v>
      </c>
      <c r="BK13" s="25">
        <v>0</v>
      </c>
      <c r="BL13" s="25">
        <v>0</v>
      </c>
      <c r="BM13" s="25">
        <v>0</v>
      </c>
      <c r="BN13" s="25">
        <v>24645</v>
      </c>
      <c r="BO13" s="28">
        <v>24645</v>
      </c>
      <c r="BP13" s="29">
        <v>24645</v>
      </c>
      <c r="BQ13" s="24">
        <v>0</v>
      </c>
      <c r="BR13" s="25">
        <v>360</v>
      </c>
      <c r="BS13" s="26">
        <v>360</v>
      </c>
      <c r="BT13" s="27">
        <v>0</v>
      </c>
      <c r="BU13" s="25">
        <v>38330</v>
      </c>
      <c r="BV13" s="25">
        <v>66575</v>
      </c>
      <c r="BW13" s="25">
        <v>148665</v>
      </c>
      <c r="BX13" s="25">
        <v>98747</v>
      </c>
      <c r="BY13" s="25">
        <v>70200</v>
      </c>
      <c r="BZ13" s="28">
        <v>422517</v>
      </c>
      <c r="CA13" s="29">
        <v>422877</v>
      </c>
      <c r="CB13" s="24">
        <v>0</v>
      </c>
      <c r="CC13" s="25">
        <v>0</v>
      </c>
      <c r="CD13" s="26">
        <v>0</v>
      </c>
      <c r="CE13" s="27">
        <v>0</v>
      </c>
      <c r="CF13" s="25">
        <v>3590</v>
      </c>
      <c r="CG13" s="25">
        <v>1825</v>
      </c>
      <c r="CH13" s="25">
        <v>16165</v>
      </c>
      <c r="CI13" s="25">
        <v>6730</v>
      </c>
      <c r="CJ13" s="25">
        <v>1015</v>
      </c>
      <c r="CK13" s="28">
        <v>29325</v>
      </c>
      <c r="CL13" s="29">
        <v>29325</v>
      </c>
      <c r="CM13" s="24">
        <v>0</v>
      </c>
      <c r="CN13" s="25">
        <v>0</v>
      </c>
      <c r="CO13" s="26">
        <v>0</v>
      </c>
      <c r="CP13" s="27">
        <v>0</v>
      </c>
      <c r="CQ13" s="25">
        <v>0</v>
      </c>
      <c r="CR13" s="25">
        <v>0</v>
      </c>
      <c r="CS13" s="25">
        <v>0</v>
      </c>
      <c r="CT13" s="25">
        <v>0</v>
      </c>
      <c r="CU13" s="25">
        <v>0</v>
      </c>
      <c r="CV13" s="28">
        <v>0</v>
      </c>
      <c r="CW13" s="29">
        <v>0</v>
      </c>
      <c r="CX13" s="24">
        <v>0</v>
      </c>
      <c r="CY13" s="25">
        <v>0</v>
      </c>
      <c r="CZ13" s="26">
        <v>0</v>
      </c>
      <c r="DA13" s="404">
        <v>0</v>
      </c>
      <c r="DB13" s="25">
        <v>0</v>
      </c>
      <c r="DC13" s="25">
        <v>0</v>
      </c>
      <c r="DD13" s="25">
        <v>0</v>
      </c>
      <c r="DE13" s="25">
        <v>0</v>
      </c>
      <c r="DF13" s="25">
        <v>0</v>
      </c>
      <c r="DG13" s="28">
        <v>0</v>
      </c>
      <c r="DH13" s="29">
        <v>0</v>
      </c>
      <c r="DI13" s="24">
        <v>0</v>
      </c>
      <c r="DJ13" s="25">
        <v>2784</v>
      </c>
      <c r="DK13" s="26">
        <v>2784</v>
      </c>
      <c r="DL13" s="27">
        <v>0</v>
      </c>
      <c r="DM13" s="25">
        <v>133148</v>
      </c>
      <c r="DN13" s="25">
        <v>246967</v>
      </c>
      <c r="DO13" s="25">
        <v>2390319</v>
      </c>
      <c r="DP13" s="25">
        <v>2598514</v>
      </c>
      <c r="DQ13" s="25">
        <v>1986139</v>
      </c>
      <c r="DR13" s="28">
        <v>7355087</v>
      </c>
      <c r="DS13" s="30">
        <v>7357871</v>
      </c>
      <c r="DT13" s="24">
        <v>0</v>
      </c>
      <c r="DU13" s="25">
        <v>0</v>
      </c>
      <c r="DV13" s="26">
        <v>0</v>
      </c>
      <c r="DW13" s="404">
        <v>0</v>
      </c>
      <c r="DX13" s="25">
        <v>58342</v>
      </c>
      <c r="DY13" s="25">
        <v>116529</v>
      </c>
      <c r="DZ13" s="25">
        <v>2028903</v>
      </c>
      <c r="EA13" s="25">
        <v>2340752</v>
      </c>
      <c r="EB13" s="25">
        <v>1748654</v>
      </c>
      <c r="EC13" s="28">
        <v>6293180</v>
      </c>
      <c r="ED13" s="29">
        <v>6293180</v>
      </c>
      <c r="EE13" s="24">
        <v>0</v>
      </c>
      <c r="EF13" s="25">
        <v>0</v>
      </c>
      <c r="EG13" s="26">
        <v>0</v>
      </c>
      <c r="EH13" s="404">
        <v>0</v>
      </c>
      <c r="EI13" s="25">
        <v>12005</v>
      </c>
      <c r="EJ13" s="25">
        <v>23529</v>
      </c>
      <c r="EK13" s="25">
        <v>93636</v>
      </c>
      <c r="EL13" s="25">
        <v>15277</v>
      </c>
      <c r="EM13" s="25">
        <v>92203</v>
      </c>
      <c r="EN13" s="28">
        <v>236650</v>
      </c>
      <c r="EO13" s="29">
        <v>236650</v>
      </c>
      <c r="EP13" s="24">
        <v>0</v>
      </c>
      <c r="EQ13" s="25">
        <v>0</v>
      </c>
      <c r="ER13" s="26">
        <v>0</v>
      </c>
      <c r="ES13" s="404">
        <v>0</v>
      </c>
      <c r="ET13" s="25">
        <v>0</v>
      </c>
      <c r="EU13" s="25">
        <v>0</v>
      </c>
      <c r="EV13" s="25">
        <v>0</v>
      </c>
      <c r="EW13" s="25">
        <v>0</v>
      </c>
      <c r="EX13" s="25">
        <v>0</v>
      </c>
      <c r="EY13" s="28">
        <v>0</v>
      </c>
      <c r="EZ13" s="29">
        <v>0</v>
      </c>
      <c r="FA13" s="24">
        <v>0</v>
      </c>
      <c r="FB13" s="25">
        <v>0</v>
      </c>
      <c r="FC13" s="26">
        <v>0</v>
      </c>
      <c r="FD13" s="404">
        <v>0</v>
      </c>
      <c r="FE13" s="25">
        <v>0</v>
      </c>
      <c r="FF13" s="25">
        <v>0</v>
      </c>
      <c r="FG13" s="25">
        <v>0</v>
      </c>
      <c r="FH13" s="25">
        <v>0</v>
      </c>
      <c r="FI13" s="25">
        <v>651</v>
      </c>
      <c r="FJ13" s="28">
        <v>651</v>
      </c>
      <c r="FK13" s="29">
        <v>651</v>
      </c>
      <c r="FL13" s="24">
        <v>0</v>
      </c>
      <c r="FM13" s="25">
        <v>0</v>
      </c>
      <c r="FN13" s="26">
        <v>0</v>
      </c>
      <c r="FO13" s="404">
        <v>0</v>
      </c>
      <c r="FP13" s="25">
        <v>0</v>
      </c>
      <c r="FQ13" s="25">
        <v>0</v>
      </c>
      <c r="FR13" s="25">
        <v>0</v>
      </c>
      <c r="FS13" s="25">
        <v>0</v>
      </c>
      <c r="FT13" s="25">
        <v>21576</v>
      </c>
      <c r="FU13" s="28">
        <v>21576</v>
      </c>
      <c r="FV13" s="29">
        <v>21576</v>
      </c>
      <c r="FW13" s="24">
        <v>0</v>
      </c>
      <c r="FX13" s="25">
        <v>2784</v>
      </c>
      <c r="FY13" s="26">
        <v>2784</v>
      </c>
      <c r="FZ13" s="27">
        <v>0</v>
      </c>
      <c r="GA13" s="25">
        <v>60271</v>
      </c>
      <c r="GB13" s="25">
        <v>106853</v>
      </c>
      <c r="GC13" s="25">
        <v>258725</v>
      </c>
      <c r="GD13" s="25">
        <v>242352</v>
      </c>
      <c r="GE13" s="25">
        <v>122999</v>
      </c>
      <c r="GF13" s="28">
        <v>791200</v>
      </c>
      <c r="GG13" s="29">
        <v>793984</v>
      </c>
      <c r="GH13" s="24">
        <v>0</v>
      </c>
      <c r="GI13" s="25">
        <v>0</v>
      </c>
      <c r="GJ13" s="26">
        <v>0</v>
      </c>
      <c r="GK13" s="27">
        <v>0</v>
      </c>
      <c r="GL13" s="25">
        <v>2530</v>
      </c>
      <c r="GM13" s="25">
        <v>56</v>
      </c>
      <c r="GN13" s="25">
        <v>9055</v>
      </c>
      <c r="GO13" s="25">
        <v>133</v>
      </c>
      <c r="GP13" s="25">
        <v>56</v>
      </c>
      <c r="GQ13" s="28">
        <v>11830</v>
      </c>
      <c r="GR13" s="29">
        <v>11830</v>
      </c>
      <c r="GS13" s="24">
        <v>0</v>
      </c>
      <c r="GT13" s="25">
        <v>0</v>
      </c>
      <c r="GU13" s="26">
        <v>0</v>
      </c>
      <c r="GV13" s="27">
        <v>0</v>
      </c>
      <c r="GW13" s="25">
        <v>0</v>
      </c>
      <c r="GX13" s="25">
        <v>0</v>
      </c>
      <c r="GY13" s="25">
        <v>0</v>
      </c>
      <c r="GZ13" s="25">
        <v>0</v>
      </c>
      <c r="HA13" s="25">
        <v>0</v>
      </c>
      <c r="HB13" s="28">
        <v>0</v>
      </c>
      <c r="HC13" s="29">
        <v>0</v>
      </c>
      <c r="HD13" s="24">
        <v>0</v>
      </c>
      <c r="HE13" s="25">
        <v>0</v>
      </c>
      <c r="HF13" s="26">
        <v>0</v>
      </c>
      <c r="HG13" s="404">
        <v>0</v>
      </c>
      <c r="HH13" s="25">
        <v>0</v>
      </c>
      <c r="HI13" s="25">
        <v>0</v>
      </c>
      <c r="HJ13" s="25">
        <v>0</v>
      </c>
      <c r="HK13" s="25">
        <v>0</v>
      </c>
      <c r="HL13" s="25">
        <v>0</v>
      </c>
      <c r="HM13" s="28">
        <v>0</v>
      </c>
      <c r="HN13" s="29">
        <v>0</v>
      </c>
      <c r="HO13" s="24">
        <v>0</v>
      </c>
      <c r="HP13" s="25">
        <v>3144</v>
      </c>
      <c r="HQ13" s="26">
        <v>3144</v>
      </c>
      <c r="HR13" s="27">
        <v>0</v>
      </c>
      <c r="HS13" s="25">
        <v>380536</v>
      </c>
      <c r="HT13" s="25">
        <v>406972</v>
      </c>
      <c r="HU13" s="25">
        <v>4519238</v>
      </c>
      <c r="HV13" s="25">
        <v>4628606</v>
      </c>
      <c r="HW13" s="25">
        <v>3796125</v>
      </c>
      <c r="HX13" s="28">
        <v>13731477</v>
      </c>
      <c r="HY13" s="29">
        <v>13734621</v>
      </c>
    </row>
    <row r="14" spans="2:233" ht="21" customHeight="1" x14ac:dyDescent="0.2">
      <c r="B14" s="106" t="s">
        <v>10</v>
      </c>
      <c r="C14" s="24">
        <v>2045</v>
      </c>
      <c r="D14" s="25">
        <v>13465</v>
      </c>
      <c r="E14" s="26">
        <v>15510</v>
      </c>
      <c r="F14" s="27">
        <v>0</v>
      </c>
      <c r="G14" s="25">
        <v>789288</v>
      </c>
      <c r="H14" s="25">
        <v>1027444</v>
      </c>
      <c r="I14" s="25">
        <v>3098512</v>
      </c>
      <c r="J14" s="25">
        <v>5183369</v>
      </c>
      <c r="K14" s="25">
        <v>3894945</v>
      </c>
      <c r="L14" s="28">
        <v>13993558</v>
      </c>
      <c r="M14" s="29">
        <v>14009068</v>
      </c>
      <c r="N14" s="24">
        <v>0</v>
      </c>
      <c r="O14" s="25">
        <v>0</v>
      </c>
      <c r="P14" s="26">
        <v>0</v>
      </c>
      <c r="Q14" s="404">
        <v>0</v>
      </c>
      <c r="R14" s="25">
        <v>81375</v>
      </c>
      <c r="S14" s="25">
        <v>293230</v>
      </c>
      <c r="T14" s="25">
        <v>1950835</v>
      </c>
      <c r="U14" s="25">
        <v>3774922</v>
      </c>
      <c r="V14" s="25">
        <v>3075465</v>
      </c>
      <c r="W14" s="28">
        <v>9175827</v>
      </c>
      <c r="X14" s="29">
        <v>9175827</v>
      </c>
      <c r="Y14" s="24">
        <v>0</v>
      </c>
      <c r="Z14" s="25">
        <v>0</v>
      </c>
      <c r="AA14" s="26">
        <v>0</v>
      </c>
      <c r="AB14" s="404">
        <v>0</v>
      </c>
      <c r="AC14" s="25">
        <v>595250</v>
      </c>
      <c r="AD14" s="25">
        <v>501215</v>
      </c>
      <c r="AE14" s="25">
        <v>902410</v>
      </c>
      <c r="AF14" s="25">
        <v>1031546</v>
      </c>
      <c r="AG14" s="25">
        <v>498325</v>
      </c>
      <c r="AH14" s="28">
        <v>3528746</v>
      </c>
      <c r="AI14" s="29">
        <v>3528746</v>
      </c>
      <c r="AJ14" s="24">
        <v>0</v>
      </c>
      <c r="AK14" s="25">
        <v>0</v>
      </c>
      <c r="AL14" s="26">
        <v>0</v>
      </c>
      <c r="AM14" s="404">
        <v>0</v>
      </c>
      <c r="AN14" s="25">
        <v>0</v>
      </c>
      <c r="AO14" s="25">
        <v>0</v>
      </c>
      <c r="AP14" s="25">
        <v>0</v>
      </c>
      <c r="AQ14" s="25">
        <v>0</v>
      </c>
      <c r="AR14" s="25">
        <v>0</v>
      </c>
      <c r="AS14" s="28">
        <v>0</v>
      </c>
      <c r="AT14" s="29">
        <v>0</v>
      </c>
      <c r="AU14" s="24">
        <v>0</v>
      </c>
      <c r="AV14" s="25">
        <v>0</v>
      </c>
      <c r="AW14" s="26">
        <v>0</v>
      </c>
      <c r="AX14" s="404">
        <v>0</v>
      </c>
      <c r="AY14" s="25">
        <v>0</v>
      </c>
      <c r="AZ14" s="25">
        <v>2110</v>
      </c>
      <c r="BA14" s="25">
        <v>0</v>
      </c>
      <c r="BB14" s="25">
        <v>57350</v>
      </c>
      <c r="BC14" s="25">
        <v>169015</v>
      </c>
      <c r="BD14" s="28">
        <v>228475</v>
      </c>
      <c r="BE14" s="29">
        <v>228475</v>
      </c>
      <c r="BF14" s="24">
        <v>0</v>
      </c>
      <c r="BG14" s="25">
        <v>0</v>
      </c>
      <c r="BH14" s="26">
        <v>0</v>
      </c>
      <c r="BI14" s="404">
        <v>0</v>
      </c>
      <c r="BJ14" s="25">
        <v>0</v>
      </c>
      <c r="BK14" s="25">
        <v>0</v>
      </c>
      <c r="BL14" s="25">
        <v>0</v>
      </c>
      <c r="BM14" s="25">
        <v>32705</v>
      </c>
      <c r="BN14" s="25">
        <v>40610</v>
      </c>
      <c r="BO14" s="28">
        <v>73315</v>
      </c>
      <c r="BP14" s="29">
        <v>73315</v>
      </c>
      <c r="BQ14" s="24">
        <v>2045</v>
      </c>
      <c r="BR14" s="25">
        <v>13465</v>
      </c>
      <c r="BS14" s="26">
        <v>15510</v>
      </c>
      <c r="BT14" s="27">
        <v>0</v>
      </c>
      <c r="BU14" s="25">
        <v>112335</v>
      </c>
      <c r="BV14" s="25">
        <v>229196</v>
      </c>
      <c r="BW14" s="25">
        <v>240529</v>
      </c>
      <c r="BX14" s="25">
        <v>276870</v>
      </c>
      <c r="BY14" s="25">
        <v>107063</v>
      </c>
      <c r="BZ14" s="28">
        <v>965993</v>
      </c>
      <c r="CA14" s="29">
        <v>981503</v>
      </c>
      <c r="CB14" s="24">
        <v>0</v>
      </c>
      <c r="CC14" s="25">
        <v>0</v>
      </c>
      <c r="CD14" s="26">
        <v>0</v>
      </c>
      <c r="CE14" s="27">
        <v>0</v>
      </c>
      <c r="CF14" s="25">
        <v>328</v>
      </c>
      <c r="CG14" s="25">
        <v>1693</v>
      </c>
      <c r="CH14" s="25">
        <v>4738</v>
      </c>
      <c r="CI14" s="25">
        <v>9976</v>
      </c>
      <c r="CJ14" s="25">
        <v>4467</v>
      </c>
      <c r="CK14" s="28">
        <v>21202</v>
      </c>
      <c r="CL14" s="29">
        <v>21202</v>
      </c>
      <c r="CM14" s="24">
        <v>0</v>
      </c>
      <c r="CN14" s="25">
        <v>0</v>
      </c>
      <c r="CO14" s="26">
        <v>0</v>
      </c>
      <c r="CP14" s="27">
        <v>0</v>
      </c>
      <c r="CQ14" s="25">
        <v>0</v>
      </c>
      <c r="CR14" s="25">
        <v>0</v>
      </c>
      <c r="CS14" s="25">
        <v>0</v>
      </c>
      <c r="CT14" s="25">
        <v>0</v>
      </c>
      <c r="CU14" s="25">
        <v>0</v>
      </c>
      <c r="CV14" s="28">
        <v>0</v>
      </c>
      <c r="CW14" s="29">
        <v>0</v>
      </c>
      <c r="CX14" s="24">
        <v>0</v>
      </c>
      <c r="CY14" s="25">
        <v>0</v>
      </c>
      <c r="CZ14" s="26">
        <v>0</v>
      </c>
      <c r="DA14" s="404">
        <v>0</v>
      </c>
      <c r="DB14" s="25">
        <v>0</v>
      </c>
      <c r="DC14" s="25">
        <v>0</v>
      </c>
      <c r="DD14" s="25">
        <v>0</v>
      </c>
      <c r="DE14" s="25">
        <v>0</v>
      </c>
      <c r="DF14" s="25">
        <v>0</v>
      </c>
      <c r="DG14" s="28">
        <v>0</v>
      </c>
      <c r="DH14" s="29">
        <v>0</v>
      </c>
      <c r="DI14" s="24">
        <v>3558</v>
      </c>
      <c r="DJ14" s="25">
        <v>16554</v>
      </c>
      <c r="DK14" s="26">
        <v>20112</v>
      </c>
      <c r="DL14" s="27">
        <v>0</v>
      </c>
      <c r="DM14" s="25">
        <v>399552</v>
      </c>
      <c r="DN14" s="25">
        <v>1051897</v>
      </c>
      <c r="DO14" s="25">
        <v>3475373</v>
      </c>
      <c r="DP14" s="25">
        <v>6007540</v>
      </c>
      <c r="DQ14" s="25">
        <v>4241332</v>
      </c>
      <c r="DR14" s="28">
        <v>15175694</v>
      </c>
      <c r="DS14" s="30">
        <v>15195806</v>
      </c>
      <c r="DT14" s="24">
        <v>0</v>
      </c>
      <c r="DU14" s="25">
        <v>0</v>
      </c>
      <c r="DV14" s="26">
        <v>0</v>
      </c>
      <c r="DW14" s="404">
        <v>0</v>
      </c>
      <c r="DX14" s="25">
        <v>180296</v>
      </c>
      <c r="DY14" s="25">
        <v>545437</v>
      </c>
      <c r="DZ14" s="25">
        <v>2832717</v>
      </c>
      <c r="EA14" s="25">
        <v>5326094</v>
      </c>
      <c r="EB14" s="25">
        <v>3941205</v>
      </c>
      <c r="EC14" s="28">
        <v>12825749</v>
      </c>
      <c r="ED14" s="29">
        <v>12825749</v>
      </c>
      <c r="EE14" s="24">
        <v>0</v>
      </c>
      <c r="EF14" s="25">
        <v>0</v>
      </c>
      <c r="EG14" s="26">
        <v>0</v>
      </c>
      <c r="EH14" s="404">
        <v>0</v>
      </c>
      <c r="EI14" s="25">
        <v>40727</v>
      </c>
      <c r="EJ14" s="25">
        <v>143161</v>
      </c>
      <c r="EK14" s="25">
        <v>226641</v>
      </c>
      <c r="EL14" s="25">
        <v>193205</v>
      </c>
      <c r="EM14" s="25">
        <v>41599</v>
      </c>
      <c r="EN14" s="28">
        <v>645333</v>
      </c>
      <c r="EO14" s="29">
        <v>645333</v>
      </c>
      <c r="EP14" s="24">
        <v>0</v>
      </c>
      <c r="EQ14" s="25">
        <v>0</v>
      </c>
      <c r="ER14" s="26">
        <v>0</v>
      </c>
      <c r="ES14" s="404">
        <v>0</v>
      </c>
      <c r="ET14" s="25">
        <v>0</v>
      </c>
      <c r="EU14" s="25">
        <v>0</v>
      </c>
      <c r="EV14" s="25">
        <v>0</v>
      </c>
      <c r="EW14" s="25">
        <v>0</v>
      </c>
      <c r="EX14" s="25">
        <v>0</v>
      </c>
      <c r="EY14" s="28">
        <v>0</v>
      </c>
      <c r="EZ14" s="29">
        <v>0</v>
      </c>
      <c r="FA14" s="24">
        <v>0</v>
      </c>
      <c r="FB14" s="25">
        <v>0</v>
      </c>
      <c r="FC14" s="26">
        <v>0</v>
      </c>
      <c r="FD14" s="404">
        <v>0</v>
      </c>
      <c r="FE14" s="25">
        <v>0</v>
      </c>
      <c r="FF14" s="25">
        <v>14</v>
      </c>
      <c r="FG14" s="25">
        <v>0</v>
      </c>
      <c r="FH14" s="25">
        <v>434</v>
      </c>
      <c r="FI14" s="25">
        <v>2261</v>
      </c>
      <c r="FJ14" s="28">
        <v>2709</v>
      </c>
      <c r="FK14" s="29">
        <v>2709</v>
      </c>
      <c r="FL14" s="24">
        <v>0</v>
      </c>
      <c r="FM14" s="25">
        <v>0</v>
      </c>
      <c r="FN14" s="26">
        <v>0</v>
      </c>
      <c r="FO14" s="404">
        <v>0</v>
      </c>
      <c r="FP14" s="25">
        <v>0</v>
      </c>
      <c r="FQ14" s="25">
        <v>0</v>
      </c>
      <c r="FR14" s="25">
        <v>0</v>
      </c>
      <c r="FS14" s="25">
        <v>36766</v>
      </c>
      <c r="FT14" s="25">
        <v>101494</v>
      </c>
      <c r="FU14" s="28">
        <v>138260</v>
      </c>
      <c r="FV14" s="29">
        <v>138260</v>
      </c>
      <c r="FW14" s="24">
        <v>3558</v>
      </c>
      <c r="FX14" s="25">
        <v>16554</v>
      </c>
      <c r="FY14" s="26">
        <v>20112</v>
      </c>
      <c r="FZ14" s="27">
        <v>0</v>
      </c>
      <c r="GA14" s="25">
        <v>177097</v>
      </c>
      <c r="GB14" s="25">
        <v>363201</v>
      </c>
      <c r="GC14" s="25">
        <v>415777</v>
      </c>
      <c r="GD14" s="25">
        <v>443981</v>
      </c>
      <c r="GE14" s="25">
        <v>153963</v>
      </c>
      <c r="GF14" s="28">
        <v>1554019</v>
      </c>
      <c r="GG14" s="29">
        <v>1574131</v>
      </c>
      <c r="GH14" s="24">
        <v>0</v>
      </c>
      <c r="GI14" s="25">
        <v>0</v>
      </c>
      <c r="GJ14" s="26">
        <v>0</v>
      </c>
      <c r="GK14" s="27">
        <v>0</v>
      </c>
      <c r="GL14" s="25">
        <v>1432</v>
      </c>
      <c r="GM14" s="25">
        <v>84</v>
      </c>
      <c r="GN14" s="25">
        <v>238</v>
      </c>
      <c r="GO14" s="25">
        <v>7060</v>
      </c>
      <c r="GP14" s="25">
        <v>810</v>
      </c>
      <c r="GQ14" s="28">
        <v>9624</v>
      </c>
      <c r="GR14" s="29">
        <v>9624</v>
      </c>
      <c r="GS14" s="24">
        <v>0</v>
      </c>
      <c r="GT14" s="25">
        <v>0</v>
      </c>
      <c r="GU14" s="26">
        <v>0</v>
      </c>
      <c r="GV14" s="27">
        <v>0</v>
      </c>
      <c r="GW14" s="25">
        <v>0</v>
      </c>
      <c r="GX14" s="25">
        <v>0</v>
      </c>
      <c r="GY14" s="25">
        <v>0</v>
      </c>
      <c r="GZ14" s="25">
        <v>0</v>
      </c>
      <c r="HA14" s="25">
        <v>0</v>
      </c>
      <c r="HB14" s="28">
        <v>0</v>
      </c>
      <c r="HC14" s="29">
        <v>0</v>
      </c>
      <c r="HD14" s="24">
        <v>0</v>
      </c>
      <c r="HE14" s="25">
        <v>0</v>
      </c>
      <c r="HF14" s="26">
        <v>0</v>
      </c>
      <c r="HG14" s="404">
        <v>0</v>
      </c>
      <c r="HH14" s="25">
        <v>0</v>
      </c>
      <c r="HI14" s="25">
        <v>0</v>
      </c>
      <c r="HJ14" s="25">
        <v>0</v>
      </c>
      <c r="HK14" s="25">
        <v>0</v>
      </c>
      <c r="HL14" s="25">
        <v>0</v>
      </c>
      <c r="HM14" s="28">
        <v>0</v>
      </c>
      <c r="HN14" s="29">
        <v>0</v>
      </c>
      <c r="HO14" s="24">
        <v>5603</v>
      </c>
      <c r="HP14" s="25">
        <v>30019</v>
      </c>
      <c r="HQ14" s="26">
        <v>35622</v>
      </c>
      <c r="HR14" s="27">
        <v>0</v>
      </c>
      <c r="HS14" s="25">
        <v>1188840</v>
      </c>
      <c r="HT14" s="25">
        <v>2079341</v>
      </c>
      <c r="HU14" s="25">
        <v>6573885</v>
      </c>
      <c r="HV14" s="25">
        <v>11190909</v>
      </c>
      <c r="HW14" s="25">
        <v>8136277</v>
      </c>
      <c r="HX14" s="28">
        <v>29169252</v>
      </c>
      <c r="HY14" s="29">
        <v>29204874</v>
      </c>
    </row>
    <row r="15" spans="2:233" ht="21" customHeight="1" x14ac:dyDescent="0.2">
      <c r="B15" s="106" t="s">
        <v>11</v>
      </c>
      <c r="C15" s="24">
        <v>1535</v>
      </c>
      <c r="D15" s="25">
        <v>4065</v>
      </c>
      <c r="E15" s="26">
        <v>5600</v>
      </c>
      <c r="F15" s="27">
        <v>0</v>
      </c>
      <c r="G15" s="25">
        <v>719341</v>
      </c>
      <c r="H15" s="25">
        <v>984746</v>
      </c>
      <c r="I15" s="25">
        <v>2807462</v>
      </c>
      <c r="J15" s="25">
        <v>4545746</v>
      </c>
      <c r="K15" s="25">
        <v>2627829</v>
      </c>
      <c r="L15" s="28">
        <v>11685124</v>
      </c>
      <c r="M15" s="29">
        <v>11690724</v>
      </c>
      <c r="N15" s="24">
        <v>0</v>
      </c>
      <c r="O15" s="25">
        <v>0</v>
      </c>
      <c r="P15" s="26">
        <v>0</v>
      </c>
      <c r="Q15" s="404">
        <v>0</v>
      </c>
      <c r="R15" s="25">
        <v>5270</v>
      </c>
      <c r="S15" s="25">
        <v>76570</v>
      </c>
      <c r="T15" s="25">
        <v>1891710</v>
      </c>
      <c r="U15" s="25">
        <v>2979270</v>
      </c>
      <c r="V15" s="25">
        <v>1682535</v>
      </c>
      <c r="W15" s="28">
        <v>6635355</v>
      </c>
      <c r="X15" s="29">
        <v>6635355</v>
      </c>
      <c r="Y15" s="24">
        <v>0</v>
      </c>
      <c r="Z15" s="25">
        <v>0</v>
      </c>
      <c r="AA15" s="26">
        <v>0</v>
      </c>
      <c r="AB15" s="404">
        <v>0</v>
      </c>
      <c r="AC15" s="25">
        <v>521135</v>
      </c>
      <c r="AD15" s="25">
        <v>610471</v>
      </c>
      <c r="AE15" s="25">
        <v>581819</v>
      </c>
      <c r="AF15" s="25">
        <v>1165297</v>
      </c>
      <c r="AG15" s="25">
        <v>314600</v>
      </c>
      <c r="AH15" s="28">
        <v>3193322</v>
      </c>
      <c r="AI15" s="29">
        <v>3193322</v>
      </c>
      <c r="AJ15" s="24">
        <v>0</v>
      </c>
      <c r="AK15" s="25">
        <v>0</v>
      </c>
      <c r="AL15" s="26">
        <v>0</v>
      </c>
      <c r="AM15" s="404">
        <v>0</v>
      </c>
      <c r="AN15" s="25">
        <v>0</v>
      </c>
      <c r="AO15" s="25">
        <v>0</v>
      </c>
      <c r="AP15" s="25">
        <v>0</v>
      </c>
      <c r="AQ15" s="25">
        <v>0</v>
      </c>
      <c r="AR15" s="25">
        <v>0</v>
      </c>
      <c r="AS15" s="28">
        <v>0</v>
      </c>
      <c r="AT15" s="29">
        <v>0</v>
      </c>
      <c r="AU15" s="24">
        <v>0</v>
      </c>
      <c r="AV15" s="25">
        <v>0</v>
      </c>
      <c r="AW15" s="26">
        <v>0</v>
      </c>
      <c r="AX15" s="404">
        <v>0</v>
      </c>
      <c r="AY15" s="25">
        <v>128315</v>
      </c>
      <c r="AZ15" s="25">
        <v>94120</v>
      </c>
      <c r="BA15" s="25">
        <v>121815</v>
      </c>
      <c r="BB15" s="25">
        <v>122095</v>
      </c>
      <c r="BC15" s="25">
        <v>519665</v>
      </c>
      <c r="BD15" s="28">
        <v>986010</v>
      </c>
      <c r="BE15" s="29">
        <v>986010</v>
      </c>
      <c r="BF15" s="24">
        <v>0</v>
      </c>
      <c r="BG15" s="25">
        <v>0</v>
      </c>
      <c r="BH15" s="26">
        <v>0</v>
      </c>
      <c r="BI15" s="404">
        <v>0</v>
      </c>
      <c r="BJ15" s="25">
        <v>0</v>
      </c>
      <c r="BK15" s="25">
        <v>48495</v>
      </c>
      <c r="BL15" s="25">
        <v>0</v>
      </c>
      <c r="BM15" s="25">
        <v>64355</v>
      </c>
      <c r="BN15" s="25">
        <v>0</v>
      </c>
      <c r="BO15" s="28">
        <v>112850</v>
      </c>
      <c r="BP15" s="29">
        <v>112850</v>
      </c>
      <c r="BQ15" s="24">
        <v>1535</v>
      </c>
      <c r="BR15" s="25">
        <v>4065</v>
      </c>
      <c r="BS15" s="26">
        <v>5600</v>
      </c>
      <c r="BT15" s="27">
        <v>0</v>
      </c>
      <c r="BU15" s="25">
        <v>62269</v>
      </c>
      <c r="BV15" s="25">
        <v>155090</v>
      </c>
      <c r="BW15" s="25">
        <v>208063</v>
      </c>
      <c r="BX15" s="25">
        <v>212044</v>
      </c>
      <c r="BY15" s="25">
        <v>110139</v>
      </c>
      <c r="BZ15" s="28">
        <v>747605</v>
      </c>
      <c r="CA15" s="29">
        <v>753205</v>
      </c>
      <c r="CB15" s="24">
        <v>0</v>
      </c>
      <c r="CC15" s="25">
        <v>0</v>
      </c>
      <c r="CD15" s="26">
        <v>0</v>
      </c>
      <c r="CE15" s="27">
        <v>0</v>
      </c>
      <c r="CF15" s="25">
        <v>2352</v>
      </c>
      <c r="CG15" s="25">
        <v>0</v>
      </c>
      <c r="CH15" s="25">
        <v>4055</v>
      </c>
      <c r="CI15" s="25">
        <v>2685</v>
      </c>
      <c r="CJ15" s="25">
        <v>890</v>
      </c>
      <c r="CK15" s="28">
        <v>9982</v>
      </c>
      <c r="CL15" s="29">
        <v>9982</v>
      </c>
      <c r="CM15" s="24">
        <v>0</v>
      </c>
      <c r="CN15" s="25">
        <v>0</v>
      </c>
      <c r="CO15" s="26">
        <v>0</v>
      </c>
      <c r="CP15" s="27">
        <v>0</v>
      </c>
      <c r="CQ15" s="25">
        <v>0</v>
      </c>
      <c r="CR15" s="25">
        <v>0</v>
      </c>
      <c r="CS15" s="25">
        <v>0</v>
      </c>
      <c r="CT15" s="25">
        <v>0</v>
      </c>
      <c r="CU15" s="25">
        <v>0</v>
      </c>
      <c r="CV15" s="28">
        <v>0</v>
      </c>
      <c r="CW15" s="29">
        <v>0</v>
      </c>
      <c r="CX15" s="24">
        <v>0</v>
      </c>
      <c r="CY15" s="25">
        <v>0</v>
      </c>
      <c r="CZ15" s="26">
        <v>0</v>
      </c>
      <c r="DA15" s="404">
        <v>0</v>
      </c>
      <c r="DB15" s="25">
        <v>0</v>
      </c>
      <c r="DC15" s="25">
        <v>0</v>
      </c>
      <c r="DD15" s="25">
        <v>0</v>
      </c>
      <c r="DE15" s="25">
        <v>0</v>
      </c>
      <c r="DF15" s="25">
        <v>0</v>
      </c>
      <c r="DG15" s="28">
        <v>0</v>
      </c>
      <c r="DH15" s="29">
        <v>0</v>
      </c>
      <c r="DI15" s="24">
        <v>1755</v>
      </c>
      <c r="DJ15" s="25">
        <v>10458</v>
      </c>
      <c r="DK15" s="26">
        <v>12213</v>
      </c>
      <c r="DL15" s="27">
        <v>0</v>
      </c>
      <c r="DM15" s="25">
        <v>232300</v>
      </c>
      <c r="DN15" s="25">
        <v>377177</v>
      </c>
      <c r="DO15" s="25">
        <v>2588122</v>
      </c>
      <c r="DP15" s="25">
        <v>4387412</v>
      </c>
      <c r="DQ15" s="25">
        <v>2169309</v>
      </c>
      <c r="DR15" s="28">
        <v>9754320</v>
      </c>
      <c r="DS15" s="30">
        <v>9766533</v>
      </c>
      <c r="DT15" s="24">
        <v>0</v>
      </c>
      <c r="DU15" s="25">
        <v>0</v>
      </c>
      <c r="DV15" s="26">
        <v>0</v>
      </c>
      <c r="DW15" s="404">
        <v>0</v>
      </c>
      <c r="DX15" s="25">
        <v>36146</v>
      </c>
      <c r="DY15" s="25">
        <v>69106</v>
      </c>
      <c r="DZ15" s="25">
        <v>2178152</v>
      </c>
      <c r="EA15" s="25">
        <v>3835584</v>
      </c>
      <c r="EB15" s="25">
        <v>1924231</v>
      </c>
      <c r="EC15" s="28">
        <v>8043219</v>
      </c>
      <c r="ED15" s="29">
        <v>8043219</v>
      </c>
      <c r="EE15" s="24">
        <v>0</v>
      </c>
      <c r="EF15" s="25">
        <v>0</v>
      </c>
      <c r="EG15" s="26">
        <v>0</v>
      </c>
      <c r="EH15" s="404">
        <v>0</v>
      </c>
      <c r="EI15" s="25">
        <v>106603</v>
      </c>
      <c r="EJ15" s="25">
        <v>73906</v>
      </c>
      <c r="EK15" s="25">
        <v>157032</v>
      </c>
      <c r="EL15" s="25">
        <v>184857</v>
      </c>
      <c r="EM15" s="25">
        <v>59198</v>
      </c>
      <c r="EN15" s="28">
        <v>581596</v>
      </c>
      <c r="EO15" s="29">
        <v>581596</v>
      </c>
      <c r="EP15" s="24">
        <v>0</v>
      </c>
      <c r="EQ15" s="25">
        <v>0</v>
      </c>
      <c r="ER15" s="26">
        <v>0</v>
      </c>
      <c r="ES15" s="404">
        <v>0</v>
      </c>
      <c r="ET15" s="25">
        <v>0</v>
      </c>
      <c r="EU15" s="25">
        <v>0</v>
      </c>
      <c r="EV15" s="25">
        <v>0</v>
      </c>
      <c r="EW15" s="25">
        <v>0</v>
      </c>
      <c r="EX15" s="25">
        <v>0</v>
      </c>
      <c r="EY15" s="28">
        <v>0</v>
      </c>
      <c r="EZ15" s="29">
        <v>0</v>
      </c>
      <c r="FA15" s="24">
        <v>0</v>
      </c>
      <c r="FB15" s="25">
        <v>0</v>
      </c>
      <c r="FC15" s="26">
        <v>0</v>
      </c>
      <c r="FD15" s="404">
        <v>0</v>
      </c>
      <c r="FE15" s="25">
        <v>23808</v>
      </c>
      <c r="FF15" s="25">
        <v>23107</v>
      </c>
      <c r="FG15" s="25">
        <v>21009</v>
      </c>
      <c r="FH15" s="25">
        <v>1512</v>
      </c>
      <c r="FI15" s="25">
        <v>94690</v>
      </c>
      <c r="FJ15" s="28">
        <v>164126</v>
      </c>
      <c r="FK15" s="29">
        <v>164126</v>
      </c>
      <c r="FL15" s="24">
        <v>0</v>
      </c>
      <c r="FM15" s="25">
        <v>0</v>
      </c>
      <c r="FN15" s="26">
        <v>0</v>
      </c>
      <c r="FO15" s="404">
        <v>0</v>
      </c>
      <c r="FP15" s="25">
        <v>0</v>
      </c>
      <c r="FQ15" s="25">
        <v>42456</v>
      </c>
      <c r="FR15" s="25">
        <v>0</v>
      </c>
      <c r="FS15" s="25">
        <v>72346</v>
      </c>
      <c r="FT15" s="25">
        <v>0</v>
      </c>
      <c r="FU15" s="28">
        <v>114802</v>
      </c>
      <c r="FV15" s="29">
        <v>114802</v>
      </c>
      <c r="FW15" s="24">
        <v>1755</v>
      </c>
      <c r="FX15" s="25">
        <v>10458</v>
      </c>
      <c r="FY15" s="26">
        <v>12213</v>
      </c>
      <c r="FZ15" s="27">
        <v>0</v>
      </c>
      <c r="GA15" s="25">
        <v>65701</v>
      </c>
      <c r="GB15" s="25">
        <v>168602</v>
      </c>
      <c r="GC15" s="25">
        <v>231894</v>
      </c>
      <c r="GD15" s="25">
        <v>287363</v>
      </c>
      <c r="GE15" s="25">
        <v>89042</v>
      </c>
      <c r="GF15" s="28">
        <v>842602</v>
      </c>
      <c r="GG15" s="29">
        <v>854815</v>
      </c>
      <c r="GH15" s="24">
        <v>0</v>
      </c>
      <c r="GI15" s="25">
        <v>0</v>
      </c>
      <c r="GJ15" s="26">
        <v>0</v>
      </c>
      <c r="GK15" s="27">
        <v>0</v>
      </c>
      <c r="GL15" s="25">
        <v>42</v>
      </c>
      <c r="GM15" s="25">
        <v>0</v>
      </c>
      <c r="GN15" s="25">
        <v>35</v>
      </c>
      <c r="GO15" s="25">
        <v>5750</v>
      </c>
      <c r="GP15" s="25">
        <v>2148</v>
      </c>
      <c r="GQ15" s="28">
        <v>7975</v>
      </c>
      <c r="GR15" s="29">
        <v>7975</v>
      </c>
      <c r="GS15" s="24">
        <v>0</v>
      </c>
      <c r="GT15" s="25">
        <v>0</v>
      </c>
      <c r="GU15" s="26">
        <v>0</v>
      </c>
      <c r="GV15" s="27">
        <v>0</v>
      </c>
      <c r="GW15" s="25">
        <v>0</v>
      </c>
      <c r="GX15" s="25">
        <v>0</v>
      </c>
      <c r="GY15" s="25">
        <v>0</v>
      </c>
      <c r="GZ15" s="25">
        <v>0</v>
      </c>
      <c r="HA15" s="25">
        <v>0</v>
      </c>
      <c r="HB15" s="28">
        <v>0</v>
      </c>
      <c r="HC15" s="29">
        <v>0</v>
      </c>
      <c r="HD15" s="24">
        <v>0</v>
      </c>
      <c r="HE15" s="25">
        <v>0</v>
      </c>
      <c r="HF15" s="26">
        <v>0</v>
      </c>
      <c r="HG15" s="404">
        <v>0</v>
      </c>
      <c r="HH15" s="25">
        <v>0</v>
      </c>
      <c r="HI15" s="25">
        <v>0</v>
      </c>
      <c r="HJ15" s="25">
        <v>0</v>
      </c>
      <c r="HK15" s="25">
        <v>0</v>
      </c>
      <c r="HL15" s="25">
        <v>0</v>
      </c>
      <c r="HM15" s="28">
        <v>0</v>
      </c>
      <c r="HN15" s="29">
        <v>0</v>
      </c>
      <c r="HO15" s="24">
        <v>3290</v>
      </c>
      <c r="HP15" s="25">
        <v>14523</v>
      </c>
      <c r="HQ15" s="26">
        <v>17813</v>
      </c>
      <c r="HR15" s="27">
        <v>0</v>
      </c>
      <c r="HS15" s="25">
        <v>951641</v>
      </c>
      <c r="HT15" s="25">
        <v>1361923</v>
      </c>
      <c r="HU15" s="25">
        <v>5395584</v>
      </c>
      <c r="HV15" s="25">
        <v>8933158</v>
      </c>
      <c r="HW15" s="25">
        <v>4797138</v>
      </c>
      <c r="HX15" s="28">
        <v>21439444</v>
      </c>
      <c r="HY15" s="29">
        <v>21457257</v>
      </c>
    </row>
    <row r="16" spans="2:233" ht="21" customHeight="1" x14ac:dyDescent="0.2">
      <c r="B16" s="106" t="s">
        <v>12</v>
      </c>
      <c r="C16" s="24">
        <v>6870</v>
      </c>
      <c r="D16" s="25">
        <v>0</v>
      </c>
      <c r="E16" s="26">
        <v>6870</v>
      </c>
      <c r="F16" s="27">
        <v>0</v>
      </c>
      <c r="G16" s="25">
        <v>213188</v>
      </c>
      <c r="H16" s="25">
        <v>781650</v>
      </c>
      <c r="I16" s="25">
        <v>2328213</v>
      </c>
      <c r="J16" s="25">
        <v>4014398</v>
      </c>
      <c r="K16" s="25">
        <v>1840268</v>
      </c>
      <c r="L16" s="28">
        <v>9177717</v>
      </c>
      <c r="M16" s="29">
        <v>9184587</v>
      </c>
      <c r="N16" s="24">
        <v>0</v>
      </c>
      <c r="O16" s="25">
        <v>0</v>
      </c>
      <c r="P16" s="26">
        <v>0</v>
      </c>
      <c r="Q16" s="404">
        <v>0</v>
      </c>
      <c r="R16" s="25">
        <v>2635</v>
      </c>
      <c r="S16" s="25">
        <v>67267</v>
      </c>
      <c r="T16" s="25">
        <v>1386060</v>
      </c>
      <c r="U16" s="25">
        <v>2721385</v>
      </c>
      <c r="V16" s="25">
        <v>1087525</v>
      </c>
      <c r="W16" s="28">
        <v>5264872</v>
      </c>
      <c r="X16" s="29">
        <v>5264872</v>
      </c>
      <c r="Y16" s="24">
        <v>0</v>
      </c>
      <c r="Z16" s="25">
        <v>0</v>
      </c>
      <c r="AA16" s="26">
        <v>0</v>
      </c>
      <c r="AB16" s="404">
        <v>0</v>
      </c>
      <c r="AC16" s="25">
        <v>126065</v>
      </c>
      <c r="AD16" s="25">
        <v>614333</v>
      </c>
      <c r="AE16" s="25">
        <v>698260</v>
      </c>
      <c r="AF16" s="25">
        <v>928736</v>
      </c>
      <c r="AG16" s="25">
        <v>613275</v>
      </c>
      <c r="AH16" s="28">
        <v>2980669</v>
      </c>
      <c r="AI16" s="29">
        <v>2980669</v>
      </c>
      <c r="AJ16" s="24">
        <v>0</v>
      </c>
      <c r="AK16" s="25">
        <v>0</v>
      </c>
      <c r="AL16" s="26">
        <v>0</v>
      </c>
      <c r="AM16" s="404">
        <v>0</v>
      </c>
      <c r="AN16" s="25">
        <v>0</v>
      </c>
      <c r="AO16" s="25">
        <v>0</v>
      </c>
      <c r="AP16" s="25">
        <v>0</v>
      </c>
      <c r="AQ16" s="25">
        <v>0</v>
      </c>
      <c r="AR16" s="25">
        <v>0</v>
      </c>
      <c r="AS16" s="28">
        <v>0</v>
      </c>
      <c r="AT16" s="29">
        <v>0</v>
      </c>
      <c r="AU16" s="24">
        <v>0</v>
      </c>
      <c r="AV16" s="25">
        <v>0</v>
      </c>
      <c r="AW16" s="26">
        <v>0</v>
      </c>
      <c r="AX16" s="404">
        <v>0</v>
      </c>
      <c r="AY16" s="25">
        <v>0</v>
      </c>
      <c r="AZ16" s="25">
        <v>0</v>
      </c>
      <c r="BA16" s="25">
        <v>24645</v>
      </c>
      <c r="BB16" s="25">
        <v>73315</v>
      </c>
      <c r="BC16" s="25">
        <v>43740</v>
      </c>
      <c r="BD16" s="28">
        <v>141700</v>
      </c>
      <c r="BE16" s="29">
        <v>141700</v>
      </c>
      <c r="BF16" s="24">
        <v>0</v>
      </c>
      <c r="BG16" s="25">
        <v>0</v>
      </c>
      <c r="BH16" s="26">
        <v>0</v>
      </c>
      <c r="BI16" s="404">
        <v>0</v>
      </c>
      <c r="BJ16" s="25">
        <v>0</v>
      </c>
      <c r="BK16" s="25">
        <v>0</v>
      </c>
      <c r="BL16" s="25">
        <v>62465</v>
      </c>
      <c r="BM16" s="25">
        <v>133045</v>
      </c>
      <c r="BN16" s="25">
        <v>32705</v>
      </c>
      <c r="BO16" s="28">
        <v>228215</v>
      </c>
      <c r="BP16" s="29">
        <v>228215</v>
      </c>
      <c r="BQ16" s="24">
        <v>6870</v>
      </c>
      <c r="BR16" s="25">
        <v>0</v>
      </c>
      <c r="BS16" s="26">
        <v>6870</v>
      </c>
      <c r="BT16" s="27">
        <v>0</v>
      </c>
      <c r="BU16" s="25">
        <v>83085</v>
      </c>
      <c r="BV16" s="25">
        <v>100050</v>
      </c>
      <c r="BW16" s="25">
        <v>154113</v>
      </c>
      <c r="BX16" s="25">
        <v>157082</v>
      </c>
      <c r="BY16" s="25">
        <v>63023</v>
      </c>
      <c r="BZ16" s="28">
        <v>557353</v>
      </c>
      <c r="CA16" s="29">
        <v>564223</v>
      </c>
      <c r="CB16" s="24">
        <v>0</v>
      </c>
      <c r="CC16" s="25">
        <v>0</v>
      </c>
      <c r="CD16" s="26">
        <v>0</v>
      </c>
      <c r="CE16" s="27">
        <v>0</v>
      </c>
      <c r="CF16" s="25">
        <v>1403</v>
      </c>
      <c r="CG16" s="25">
        <v>0</v>
      </c>
      <c r="CH16" s="25">
        <v>2670</v>
      </c>
      <c r="CI16" s="25">
        <v>835</v>
      </c>
      <c r="CJ16" s="25">
        <v>0</v>
      </c>
      <c r="CK16" s="28">
        <v>4908</v>
      </c>
      <c r="CL16" s="29">
        <v>4908</v>
      </c>
      <c r="CM16" s="24">
        <v>0</v>
      </c>
      <c r="CN16" s="25">
        <v>0</v>
      </c>
      <c r="CO16" s="26">
        <v>0</v>
      </c>
      <c r="CP16" s="27">
        <v>0</v>
      </c>
      <c r="CQ16" s="25">
        <v>0</v>
      </c>
      <c r="CR16" s="25">
        <v>0</v>
      </c>
      <c r="CS16" s="25">
        <v>0</v>
      </c>
      <c r="CT16" s="25">
        <v>0</v>
      </c>
      <c r="CU16" s="25">
        <v>0</v>
      </c>
      <c r="CV16" s="28">
        <v>0</v>
      </c>
      <c r="CW16" s="29">
        <v>0</v>
      </c>
      <c r="CX16" s="24">
        <v>0</v>
      </c>
      <c r="CY16" s="25">
        <v>0</v>
      </c>
      <c r="CZ16" s="26">
        <v>0</v>
      </c>
      <c r="DA16" s="404">
        <v>0</v>
      </c>
      <c r="DB16" s="25">
        <v>0</v>
      </c>
      <c r="DC16" s="25">
        <v>0</v>
      </c>
      <c r="DD16" s="25">
        <v>0</v>
      </c>
      <c r="DE16" s="25">
        <v>0</v>
      </c>
      <c r="DF16" s="25">
        <v>0</v>
      </c>
      <c r="DG16" s="28">
        <v>0</v>
      </c>
      <c r="DH16" s="29">
        <v>0</v>
      </c>
      <c r="DI16" s="24">
        <v>5130</v>
      </c>
      <c r="DJ16" s="25">
        <v>0</v>
      </c>
      <c r="DK16" s="26">
        <v>5130</v>
      </c>
      <c r="DL16" s="27">
        <v>0</v>
      </c>
      <c r="DM16" s="25">
        <v>201137</v>
      </c>
      <c r="DN16" s="25">
        <v>501698</v>
      </c>
      <c r="DO16" s="25">
        <v>2505340</v>
      </c>
      <c r="DP16" s="25">
        <v>3836226</v>
      </c>
      <c r="DQ16" s="25">
        <v>1739729</v>
      </c>
      <c r="DR16" s="28">
        <v>8784130</v>
      </c>
      <c r="DS16" s="30">
        <v>8789260</v>
      </c>
      <c r="DT16" s="24">
        <v>0</v>
      </c>
      <c r="DU16" s="25">
        <v>0</v>
      </c>
      <c r="DV16" s="26">
        <v>0</v>
      </c>
      <c r="DW16" s="404">
        <v>0</v>
      </c>
      <c r="DX16" s="25">
        <v>21576</v>
      </c>
      <c r="DY16" s="25">
        <v>241113</v>
      </c>
      <c r="DZ16" s="25">
        <v>1945689</v>
      </c>
      <c r="EA16" s="25">
        <v>3238103</v>
      </c>
      <c r="EB16" s="25">
        <v>1493222</v>
      </c>
      <c r="EC16" s="28">
        <v>6939703</v>
      </c>
      <c r="ED16" s="29">
        <v>6939703</v>
      </c>
      <c r="EE16" s="24">
        <v>0</v>
      </c>
      <c r="EF16" s="25">
        <v>0</v>
      </c>
      <c r="EG16" s="26">
        <v>0</v>
      </c>
      <c r="EH16" s="404">
        <v>0</v>
      </c>
      <c r="EI16" s="25">
        <v>49130</v>
      </c>
      <c r="EJ16" s="25">
        <v>89252</v>
      </c>
      <c r="EK16" s="25">
        <v>137278</v>
      </c>
      <c r="EL16" s="25">
        <v>138298</v>
      </c>
      <c r="EM16" s="25">
        <v>63010</v>
      </c>
      <c r="EN16" s="28">
        <v>476968</v>
      </c>
      <c r="EO16" s="29">
        <v>476968</v>
      </c>
      <c r="EP16" s="24">
        <v>0</v>
      </c>
      <c r="EQ16" s="25">
        <v>0</v>
      </c>
      <c r="ER16" s="26">
        <v>0</v>
      </c>
      <c r="ES16" s="404">
        <v>0</v>
      </c>
      <c r="ET16" s="25">
        <v>0</v>
      </c>
      <c r="EU16" s="25">
        <v>0</v>
      </c>
      <c r="EV16" s="25">
        <v>0</v>
      </c>
      <c r="EW16" s="25">
        <v>0</v>
      </c>
      <c r="EX16" s="25">
        <v>0</v>
      </c>
      <c r="EY16" s="28">
        <v>0</v>
      </c>
      <c r="EZ16" s="29">
        <v>0</v>
      </c>
      <c r="FA16" s="24">
        <v>0</v>
      </c>
      <c r="FB16" s="25">
        <v>0</v>
      </c>
      <c r="FC16" s="26">
        <v>0</v>
      </c>
      <c r="FD16" s="404">
        <v>0</v>
      </c>
      <c r="FE16" s="25">
        <v>0</v>
      </c>
      <c r="FF16" s="25">
        <v>0</v>
      </c>
      <c r="FG16" s="25">
        <v>217</v>
      </c>
      <c r="FH16" s="25">
        <v>1302</v>
      </c>
      <c r="FI16" s="25">
        <v>12394</v>
      </c>
      <c r="FJ16" s="28">
        <v>13913</v>
      </c>
      <c r="FK16" s="29">
        <v>13913</v>
      </c>
      <c r="FL16" s="24">
        <v>0</v>
      </c>
      <c r="FM16" s="25">
        <v>0</v>
      </c>
      <c r="FN16" s="26">
        <v>0</v>
      </c>
      <c r="FO16" s="404">
        <v>0</v>
      </c>
      <c r="FP16" s="25">
        <v>0</v>
      </c>
      <c r="FQ16" s="25">
        <v>0</v>
      </c>
      <c r="FR16" s="25">
        <v>151032</v>
      </c>
      <c r="FS16" s="25">
        <v>218178</v>
      </c>
      <c r="FT16" s="25">
        <v>36766</v>
      </c>
      <c r="FU16" s="28">
        <v>405976</v>
      </c>
      <c r="FV16" s="29">
        <v>405976</v>
      </c>
      <c r="FW16" s="24">
        <v>5130</v>
      </c>
      <c r="FX16" s="25">
        <v>0</v>
      </c>
      <c r="FY16" s="26">
        <v>5130</v>
      </c>
      <c r="FZ16" s="27">
        <v>0</v>
      </c>
      <c r="GA16" s="25">
        <v>130361</v>
      </c>
      <c r="GB16" s="25">
        <v>171333</v>
      </c>
      <c r="GC16" s="25">
        <v>271124</v>
      </c>
      <c r="GD16" s="25">
        <v>240331</v>
      </c>
      <c r="GE16" s="25">
        <v>134337</v>
      </c>
      <c r="GF16" s="28">
        <v>947486</v>
      </c>
      <c r="GG16" s="29">
        <v>952616</v>
      </c>
      <c r="GH16" s="24">
        <v>0</v>
      </c>
      <c r="GI16" s="25">
        <v>0</v>
      </c>
      <c r="GJ16" s="26">
        <v>0</v>
      </c>
      <c r="GK16" s="27">
        <v>0</v>
      </c>
      <c r="GL16" s="25">
        <v>70</v>
      </c>
      <c r="GM16" s="25">
        <v>0</v>
      </c>
      <c r="GN16" s="25">
        <v>0</v>
      </c>
      <c r="GO16" s="25">
        <v>14</v>
      </c>
      <c r="GP16" s="25">
        <v>0</v>
      </c>
      <c r="GQ16" s="28">
        <v>84</v>
      </c>
      <c r="GR16" s="29">
        <v>84</v>
      </c>
      <c r="GS16" s="24">
        <v>0</v>
      </c>
      <c r="GT16" s="25">
        <v>0</v>
      </c>
      <c r="GU16" s="26">
        <v>0</v>
      </c>
      <c r="GV16" s="27">
        <v>0</v>
      </c>
      <c r="GW16" s="25">
        <v>0</v>
      </c>
      <c r="GX16" s="25">
        <v>0</v>
      </c>
      <c r="GY16" s="25">
        <v>0</v>
      </c>
      <c r="GZ16" s="25">
        <v>0</v>
      </c>
      <c r="HA16" s="25">
        <v>0</v>
      </c>
      <c r="HB16" s="28">
        <v>0</v>
      </c>
      <c r="HC16" s="29">
        <v>0</v>
      </c>
      <c r="HD16" s="24">
        <v>0</v>
      </c>
      <c r="HE16" s="25">
        <v>0</v>
      </c>
      <c r="HF16" s="26">
        <v>0</v>
      </c>
      <c r="HG16" s="404">
        <v>0</v>
      </c>
      <c r="HH16" s="25">
        <v>0</v>
      </c>
      <c r="HI16" s="25">
        <v>0</v>
      </c>
      <c r="HJ16" s="25">
        <v>0</v>
      </c>
      <c r="HK16" s="25">
        <v>0</v>
      </c>
      <c r="HL16" s="25">
        <v>0</v>
      </c>
      <c r="HM16" s="28">
        <v>0</v>
      </c>
      <c r="HN16" s="29">
        <v>0</v>
      </c>
      <c r="HO16" s="24">
        <v>12000</v>
      </c>
      <c r="HP16" s="25">
        <v>0</v>
      </c>
      <c r="HQ16" s="26">
        <v>12000</v>
      </c>
      <c r="HR16" s="27">
        <v>0</v>
      </c>
      <c r="HS16" s="25">
        <v>414325</v>
      </c>
      <c r="HT16" s="25">
        <v>1283348</v>
      </c>
      <c r="HU16" s="25">
        <v>4833553</v>
      </c>
      <c r="HV16" s="25">
        <v>7850624</v>
      </c>
      <c r="HW16" s="25">
        <v>3579997</v>
      </c>
      <c r="HX16" s="28">
        <v>17961847</v>
      </c>
      <c r="HY16" s="29">
        <v>17973847</v>
      </c>
    </row>
    <row r="17" spans="2:233" ht="21" customHeight="1" x14ac:dyDescent="0.2">
      <c r="B17" s="106" t="s">
        <v>13</v>
      </c>
      <c r="C17" s="24">
        <v>0</v>
      </c>
      <c r="D17" s="25">
        <v>0</v>
      </c>
      <c r="E17" s="26">
        <v>0</v>
      </c>
      <c r="F17" s="27">
        <v>0</v>
      </c>
      <c r="G17" s="25">
        <v>76970</v>
      </c>
      <c r="H17" s="25">
        <v>141165</v>
      </c>
      <c r="I17" s="25">
        <v>416432</v>
      </c>
      <c r="J17" s="25">
        <v>1146327</v>
      </c>
      <c r="K17" s="25">
        <v>662802</v>
      </c>
      <c r="L17" s="28">
        <v>2443696</v>
      </c>
      <c r="M17" s="29">
        <v>2443696</v>
      </c>
      <c r="N17" s="24">
        <v>0</v>
      </c>
      <c r="O17" s="25">
        <v>0</v>
      </c>
      <c r="P17" s="26">
        <v>0</v>
      </c>
      <c r="Q17" s="404">
        <v>0</v>
      </c>
      <c r="R17" s="25">
        <v>2635</v>
      </c>
      <c r="S17" s="25">
        <v>37975</v>
      </c>
      <c r="T17" s="25">
        <v>276645</v>
      </c>
      <c r="U17" s="25">
        <v>974290</v>
      </c>
      <c r="V17" s="25">
        <v>569272</v>
      </c>
      <c r="W17" s="28">
        <v>1860817</v>
      </c>
      <c r="X17" s="29">
        <v>1860817</v>
      </c>
      <c r="Y17" s="24">
        <v>0</v>
      </c>
      <c r="Z17" s="25">
        <v>0</v>
      </c>
      <c r="AA17" s="26">
        <v>0</v>
      </c>
      <c r="AB17" s="404">
        <v>0</v>
      </c>
      <c r="AC17" s="25">
        <v>56065</v>
      </c>
      <c r="AD17" s="25">
        <v>78410</v>
      </c>
      <c r="AE17" s="25">
        <v>85862</v>
      </c>
      <c r="AF17" s="25">
        <v>94602</v>
      </c>
      <c r="AG17" s="25">
        <v>59150</v>
      </c>
      <c r="AH17" s="28">
        <v>374089</v>
      </c>
      <c r="AI17" s="29">
        <v>374089</v>
      </c>
      <c r="AJ17" s="24">
        <v>0</v>
      </c>
      <c r="AK17" s="25">
        <v>0</v>
      </c>
      <c r="AL17" s="26">
        <v>0</v>
      </c>
      <c r="AM17" s="404">
        <v>0</v>
      </c>
      <c r="AN17" s="25">
        <v>0</v>
      </c>
      <c r="AO17" s="25">
        <v>0</v>
      </c>
      <c r="AP17" s="25">
        <v>0</v>
      </c>
      <c r="AQ17" s="25">
        <v>0</v>
      </c>
      <c r="AR17" s="25">
        <v>0</v>
      </c>
      <c r="AS17" s="28">
        <v>0</v>
      </c>
      <c r="AT17" s="29">
        <v>0</v>
      </c>
      <c r="AU17" s="24">
        <v>0</v>
      </c>
      <c r="AV17" s="25">
        <v>0</v>
      </c>
      <c r="AW17" s="26">
        <v>0</v>
      </c>
      <c r="AX17" s="404">
        <v>0</v>
      </c>
      <c r="AY17" s="25">
        <v>0</v>
      </c>
      <c r="AZ17" s="25">
        <v>0</v>
      </c>
      <c r="BA17" s="25">
        <v>0</v>
      </c>
      <c r="BB17" s="25">
        <v>0</v>
      </c>
      <c r="BC17" s="25">
        <v>0</v>
      </c>
      <c r="BD17" s="28">
        <v>0</v>
      </c>
      <c r="BE17" s="29">
        <v>0</v>
      </c>
      <c r="BF17" s="24">
        <v>0</v>
      </c>
      <c r="BG17" s="25">
        <v>0</v>
      </c>
      <c r="BH17" s="26">
        <v>0</v>
      </c>
      <c r="BI17" s="404">
        <v>0</v>
      </c>
      <c r="BJ17" s="25">
        <v>0</v>
      </c>
      <c r="BK17" s="25">
        <v>0</v>
      </c>
      <c r="BL17" s="25">
        <v>0</v>
      </c>
      <c r="BM17" s="25">
        <v>0</v>
      </c>
      <c r="BN17" s="25">
        <v>0</v>
      </c>
      <c r="BO17" s="28">
        <v>0</v>
      </c>
      <c r="BP17" s="29">
        <v>0</v>
      </c>
      <c r="BQ17" s="24">
        <v>0</v>
      </c>
      <c r="BR17" s="25">
        <v>0</v>
      </c>
      <c r="BS17" s="26">
        <v>0</v>
      </c>
      <c r="BT17" s="27">
        <v>0</v>
      </c>
      <c r="BU17" s="25">
        <v>6465</v>
      </c>
      <c r="BV17" s="25">
        <v>24780</v>
      </c>
      <c r="BW17" s="25">
        <v>53490</v>
      </c>
      <c r="BX17" s="25">
        <v>76880</v>
      </c>
      <c r="BY17" s="25">
        <v>34380</v>
      </c>
      <c r="BZ17" s="28">
        <v>195995</v>
      </c>
      <c r="CA17" s="29">
        <v>195995</v>
      </c>
      <c r="CB17" s="24">
        <v>0</v>
      </c>
      <c r="CC17" s="25">
        <v>0</v>
      </c>
      <c r="CD17" s="26">
        <v>0</v>
      </c>
      <c r="CE17" s="27">
        <v>0</v>
      </c>
      <c r="CF17" s="25">
        <v>11805</v>
      </c>
      <c r="CG17" s="25">
        <v>0</v>
      </c>
      <c r="CH17" s="25">
        <v>435</v>
      </c>
      <c r="CI17" s="25">
        <v>555</v>
      </c>
      <c r="CJ17" s="25">
        <v>0</v>
      </c>
      <c r="CK17" s="28">
        <v>12795</v>
      </c>
      <c r="CL17" s="29">
        <v>12795</v>
      </c>
      <c r="CM17" s="24">
        <v>0</v>
      </c>
      <c r="CN17" s="25">
        <v>0</v>
      </c>
      <c r="CO17" s="26">
        <v>0</v>
      </c>
      <c r="CP17" s="27">
        <v>0</v>
      </c>
      <c r="CQ17" s="25">
        <v>0</v>
      </c>
      <c r="CR17" s="25">
        <v>0</v>
      </c>
      <c r="CS17" s="25">
        <v>0</v>
      </c>
      <c r="CT17" s="25">
        <v>0</v>
      </c>
      <c r="CU17" s="25">
        <v>0</v>
      </c>
      <c r="CV17" s="28">
        <v>0</v>
      </c>
      <c r="CW17" s="29">
        <v>0</v>
      </c>
      <c r="CX17" s="24">
        <v>0</v>
      </c>
      <c r="CY17" s="25">
        <v>0</v>
      </c>
      <c r="CZ17" s="26">
        <v>0</v>
      </c>
      <c r="DA17" s="404">
        <v>0</v>
      </c>
      <c r="DB17" s="25">
        <v>0</v>
      </c>
      <c r="DC17" s="25">
        <v>0</v>
      </c>
      <c r="DD17" s="25">
        <v>0</v>
      </c>
      <c r="DE17" s="25">
        <v>0</v>
      </c>
      <c r="DF17" s="25">
        <v>0</v>
      </c>
      <c r="DG17" s="28">
        <v>0</v>
      </c>
      <c r="DH17" s="29">
        <v>0</v>
      </c>
      <c r="DI17" s="24">
        <v>0</v>
      </c>
      <c r="DJ17" s="25">
        <v>0</v>
      </c>
      <c r="DK17" s="26">
        <v>0</v>
      </c>
      <c r="DL17" s="27">
        <v>0</v>
      </c>
      <c r="DM17" s="25">
        <v>50328</v>
      </c>
      <c r="DN17" s="25">
        <v>101149</v>
      </c>
      <c r="DO17" s="25">
        <v>663035</v>
      </c>
      <c r="DP17" s="25">
        <v>1290178</v>
      </c>
      <c r="DQ17" s="25">
        <v>872642</v>
      </c>
      <c r="DR17" s="28">
        <v>2977332</v>
      </c>
      <c r="DS17" s="30">
        <v>2977332</v>
      </c>
      <c r="DT17" s="24">
        <v>0</v>
      </c>
      <c r="DU17" s="25">
        <v>0</v>
      </c>
      <c r="DV17" s="26">
        <v>0</v>
      </c>
      <c r="DW17" s="404">
        <v>0</v>
      </c>
      <c r="DX17" s="25">
        <v>21576</v>
      </c>
      <c r="DY17" s="25">
        <v>59892</v>
      </c>
      <c r="DZ17" s="25">
        <v>471262</v>
      </c>
      <c r="EA17" s="25">
        <v>1123258</v>
      </c>
      <c r="EB17" s="25">
        <v>817109</v>
      </c>
      <c r="EC17" s="28">
        <v>2493097</v>
      </c>
      <c r="ED17" s="29">
        <v>2493097</v>
      </c>
      <c r="EE17" s="24">
        <v>0</v>
      </c>
      <c r="EF17" s="25">
        <v>0</v>
      </c>
      <c r="EG17" s="26">
        <v>0</v>
      </c>
      <c r="EH17" s="404">
        <v>0</v>
      </c>
      <c r="EI17" s="25">
        <v>22687</v>
      </c>
      <c r="EJ17" s="25">
        <v>861</v>
      </c>
      <c r="EK17" s="25">
        <v>602</v>
      </c>
      <c r="EL17" s="25">
        <v>1946</v>
      </c>
      <c r="EM17" s="25">
        <v>980</v>
      </c>
      <c r="EN17" s="28">
        <v>27076</v>
      </c>
      <c r="EO17" s="29">
        <v>27076</v>
      </c>
      <c r="EP17" s="24">
        <v>0</v>
      </c>
      <c r="EQ17" s="25">
        <v>0</v>
      </c>
      <c r="ER17" s="26">
        <v>0</v>
      </c>
      <c r="ES17" s="404">
        <v>0</v>
      </c>
      <c r="ET17" s="25">
        <v>0</v>
      </c>
      <c r="EU17" s="25">
        <v>0</v>
      </c>
      <c r="EV17" s="25">
        <v>0</v>
      </c>
      <c r="EW17" s="25">
        <v>0</v>
      </c>
      <c r="EX17" s="25">
        <v>0</v>
      </c>
      <c r="EY17" s="28">
        <v>0</v>
      </c>
      <c r="EZ17" s="29">
        <v>0</v>
      </c>
      <c r="FA17" s="24">
        <v>0</v>
      </c>
      <c r="FB17" s="25">
        <v>0</v>
      </c>
      <c r="FC17" s="26">
        <v>0</v>
      </c>
      <c r="FD17" s="404">
        <v>0</v>
      </c>
      <c r="FE17" s="25">
        <v>0</v>
      </c>
      <c r="FF17" s="25">
        <v>0</v>
      </c>
      <c r="FG17" s="25">
        <v>0</v>
      </c>
      <c r="FH17" s="25">
        <v>0</v>
      </c>
      <c r="FI17" s="25">
        <v>0</v>
      </c>
      <c r="FJ17" s="28">
        <v>0</v>
      </c>
      <c r="FK17" s="29">
        <v>0</v>
      </c>
      <c r="FL17" s="24">
        <v>0</v>
      </c>
      <c r="FM17" s="25">
        <v>0</v>
      </c>
      <c r="FN17" s="26">
        <v>0</v>
      </c>
      <c r="FO17" s="404">
        <v>0</v>
      </c>
      <c r="FP17" s="25">
        <v>0</v>
      </c>
      <c r="FQ17" s="25">
        <v>0</v>
      </c>
      <c r="FR17" s="25">
        <v>0</v>
      </c>
      <c r="FS17" s="25">
        <v>0</v>
      </c>
      <c r="FT17" s="25">
        <v>0</v>
      </c>
      <c r="FU17" s="28">
        <v>0</v>
      </c>
      <c r="FV17" s="29">
        <v>0</v>
      </c>
      <c r="FW17" s="24">
        <v>0</v>
      </c>
      <c r="FX17" s="25">
        <v>0</v>
      </c>
      <c r="FY17" s="26">
        <v>0</v>
      </c>
      <c r="FZ17" s="27">
        <v>0</v>
      </c>
      <c r="GA17" s="25">
        <v>5967</v>
      </c>
      <c r="GB17" s="25">
        <v>40396</v>
      </c>
      <c r="GC17" s="25">
        <v>191171</v>
      </c>
      <c r="GD17" s="25">
        <v>164939</v>
      </c>
      <c r="GE17" s="25">
        <v>54553</v>
      </c>
      <c r="GF17" s="28">
        <v>457026</v>
      </c>
      <c r="GG17" s="29">
        <v>457026</v>
      </c>
      <c r="GH17" s="24">
        <v>0</v>
      </c>
      <c r="GI17" s="25">
        <v>0</v>
      </c>
      <c r="GJ17" s="26">
        <v>0</v>
      </c>
      <c r="GK17" s="27">
        <v>0</v>
      </c>
      <c r="GL17" s="25">
        <v>98</v>
      </c>
      <c r="GM17" s="25">
        <v>0</v>
      </c>
      <c r="GN17" s="25">
        <v>0</v>
      </c>
      <c r="GO17" s="25">
        <v>35</v>
      </c>
      <c r="GP17" s="25">
        <v>0</v>
      </c>
      <c r="GQ17" s="28">
        <v>133</v>
      </c>
      <c r="GR17" s="29">
        <v>133</v>
      </c>
      <c r="GS17" s="24">
        <v>0</v>
      </c>
      <c r="GT17" s="25">
        <v>0</v>
      </c>
      <c r="GU17" s="26">
        <v>0</v>
      </c>
      <c r="GV17" s="27">
        <v>0</v>
      </c>
      <c r="GW17" s="25">
        <v>0</v>
      </c>
      <c r="GX17" s="25">
        <v>0</v>
      </c>
      <c r="GY17" s="25">
        <v>0</v>
      </c>
      <c r="GZ17" s="25">
        <v>0</v>
      </c>
      <c r="HA17" s="25">
        <v>0</v>
      </c>
      <c r="HB17" s="28">
        <v>0</v>
      </c>
      <c r="HC17" s="29">
        <v>0</v>
      </c>
      <c r="HD17" s="24">
        <v>0</v>
      </c>
      <c r="HE17" s="25">
        <v>0</v>
      </c>
      <c r="HF17" s="26">
        <v>0</v>
      </c>
      <c r="HG17" s="404">
        <v>0</v>
      </c>
      <c r="HH17" s="25">
        <v>0</v>
      </c>
      <c r="HI17" s="25">
        <v>0</v>
      </c>
      <c r="HJ17" s="25">
        <v>0</v>
      </c>
      <c r="HK17" s="25">
        <v>0</v>
      </c>
      <c r="HL17" s="25">
        <v>0</v>
      </c>
      <c r="HM17" s="28">
        <v>0</v>
      </c>
      <c r="HN17" s="29">
        <v>0</v>
      </c>
      <c r="HO17" s="24">
        <v>0</v>
      </c>
      <c r="HP17" s="25">
        <v>0</v>
      </c>
      <c r="HQ17" s="26">
        <v>0</v>
      </c>
      <c r="HR17" s="27">
        <v>0</v>
      </c>
      <c r="HS17" s="25">
        <v>127298</v>
      </c>
      <c r="HT17" s="25">
        <v>242314</v>
      </c>
      <c r="HU17" s="25">
        <v>1079467</v>
      </c>
      <c r="HV17" s="25">
        <v>2436505</v>
      </c>
      <c r="HW17" s="25">
        <v>1535444</v>
      </c>
      <c r="HX17" s="28">
        <v>5421028</v>
      </c>
      <c r="HY17" s="29">
        <v>5421028</v>
      </c>
    </row>
    <row r="18" spans="2:233" ht="21" customHeight="1" x14ac:dyDescent="0.2">
      <c r="B18" s="106" t="s">
        <v>15</v>
      </c>
      <c r="C18" s="24">
        <v>0</v>
      </c>
      <c r="D18" s="25">
        <v>0</v>
      </c>
      <c r="E18" s="26">
        <v>0</v>
      </c>
      <c r="F18" s="27">
        <v>0</v>
      </c>
      <c r="G18" s="25">
        <v>242134</v>
      </c>
      <c r="H18" s="25">
        <v>257220</v>
      </c>
      <c r="I18" s="25">
        <v>1634457</v>
      </c>
      <c r="J18" s="25">
        <v>2336698</v>
      </c>
      <c r="K18" s="25">
        <v>1112250</v>
      </c>
      <c r="L18" s="28">
        <v>5582759</v>
      </c>
      <c r="M18" s="29">
        <v>5582759</v>
      </c>
      <c r="N18" s="24">
        <v>0</v>
      </c>
      <c r="O18" s="25">
        <v>0</v>
      </c>
      <c r="P18" s="26">
        <v>0</v>
      </c>
      <c r="Q18" s="404">
        <v>0</v>
      </c>
      <c r="R18" s="25">
        <v>32705</v>
      </c>
      <c r="S18" s="25">
        <v>2635</v>
      </c>
      <c r="T18" s="25">
        <v>1071105</v>
      </c>
      <c r="U18" s="25">
        <v>1372195</v>
      </c>
      <c r="V18" s="25">
        <v>755370</v>
      </c>
      <c r="W18" s="28">
        <v>3234010</v>
      </c>
      <c r="X18" s="29">
        <v>3234010</v>
      </c>
      <c r="Y18" s="24">
        <v>0</v>
      </c>
      <c r="Z18" s="25">
        <v>0</v>
      </c>
      <c r="AA18" s="26">
        <v>0</v>
      </c>
      <c r="AB18" s="404">
        <v>0</v>
      </c>
      <c r="AC18" s="25">
        <v>184710</v>
      </c>
      <c r="AD18" s="25">
        <v>218513</v>
      </c>
      <c r="AE18" s="25">
        <v>289402</v>
      </c>
      <c r="AF18" s="25">
        <v>641411</v>
      </c>
      <c r="AG18" s="25">
        <v>211386</v>
      </c>
      <c r="AH18" s="28">
        <v>1545422</v>
      </c>
      <c r="AI18" s="29">
        <v>1545422</v>
      </c>
      <c r="AJ18" s="24">
        <v>0</v>
      </c>
      <c r="AK18" s="25">
        <v>0</v>
      </c>
      <c r="AL18" s="26">
        <v>0</v>
      </c>
      <c r="AM18" s="404">
        <v>0</v>
      </c>
      <c r="AN18" s="25">
        <v>0</v>
      </c>
      <c r="AO18" s="25">
        <v>0</v>
      </c>
      <c r="AP18" s="25">
        <v>0</v>
      </c>
      <c r="AQ18" s="25">
        <v>0</v>
      </c>
      <c r="AR18" s="25">
        <v>0</v>
      </c>
      <c r="AS18" s="28">
        <v>0</v>
      </c>
      <c r="AT18" s="29">
        <v>0</v>
      </c>
      <c r="AU18" s="24">
        <v>0</v>
      </c>
      <c r="AV18" s="25">
        <v>0</v>
      </c>
      <c r="AW18" s="26">
        <v>0</v>
      </c>
      <c r="AX18" s="404">
        <v>0</v>
      </c>
      <c r="AY18" s="25">
        <v>0</v>
      </c>
      <c r="AZ18" s="25">
        <v>0</v>
      </c>
      <c r="BA18" s="25">
        <v>0</v>
      </c>
      <c r="BB18" s="25">
        <v>0</v>
      </c>
      <c r="BC18" s="25">
        <v>0</v>
      </c>
      <c r="BD18" s="28">
        <v>0</v>
      </c>
      <c r="BE18" s="29">
        <v>0</v>
      </c>
      <c r="BF18" s="24">
        <v>0</v>
      </c>
      <c r="BG18" s="25">
        <v>0</v>
      </c>
      <c r="BH18" s="26">
        <v>0</v>
      </c>
      <c r="BI18" s="404">
        <v>0</v>
      </c>
      <c r="BJ18" s="25">
        <v>0</v>
      </c>
      <c r="BK18" s="25">
        <v>0</v>
      </c>
      <c r="BL18" s="25">
        <v>67890</v>
      </c>
      <c r="BM18" s="25">
        <v>158100</v>
      </c>
      <c r="BN18" s="25">
        <v>101685</v>
      </c>
      <c r="BO18" s="28">
        <v>327675</v>
      </c>
      <c r="BP18" s="29">
        <v>327675</v>
      </c>
      <c r="BQ18" s="24">
        <v>0</v>
      </c>
      <c r="BR18" s="25">
        <v>0</v>
      </c>
      <c r="BS18" s="26">
        <v>0</v>
      </c>
      <c r="BT18" s="27">
        <v>0</v>
      </c>
      <c r="BU18" s="25">
        <v>9869</v>
      </c>
      <c r="BV18" s="25">
        <v>17551</v>
      </c>
      <c r="BW18" s="25">
        <v>206060</v>
      </c>
      <c r="BX18" s="25">
        <v>164544</v>
      </c>
      <c r="BY18" s="25">
        <v>43809</v>
      </c>
      <c r="BZ18" s="28">
        <v>441833</v>
      </c>
      <c r="CA18" s="29">
        <v>441833</v>
      </c>
      <c r="CB18" s="24">
        <v>0</v>
      </c>
      <c r="CC18" s="25">
        <v>0</v>
      </c>
      <c r="CD18" s="26">
        <v>0</v>
      </c>
      <c r="CE18" s="27">
        <v>0</v>
      </c>
      <c r="CF18" s="25">
        <v>14850</v>
      </c>
      <c r="CG18" s="25">
        <v>18521</v>
      </c>
      <c r="CH18" s="25">
        <v>0</v>
      </c>
      <c r="CI18" s="25">
        <v>448</v>
      </c>
      <c r="CJ18" s="25">
        <v>0</v>
      </c>
      <c r="CK18" s="28">
        <v>33819</v>
      </c>
      <c r="CL18" s="29">
        <v>33819</v>
      </c>
      <c r="CM18" s="24">
        <v>0</v>
      </c>
      <c r="CN18" s="25">
        <v>0</v>
      </c>
      <c r="CO18" s="26">
        <v>0</v>
      </c>
      <c r="CP18" s="27">
        <v>0</v>
      </c>
      <c r="CQ18" s="25">
        <v>0</v>
      </c>
      <c r="CR18" s="25">
        <v>0</v>
      </c>
      <c r="CS18" s="25">
        <v>0</v>
      </c>
      <c r="CT18" s="25">
        <v>0</v>
      </c>
      <c r="CU18" s="25">
        <v>0</v>
      </c>
      <c r="CV18" s="28">
        <v>0</v>
      </c>
      <c r="CW18" s="29">
        <v>0</v>
      </c>
      <c r="CX18" s="24">
        <v>0</v>
      </c>
      <c r="CY18" s="25">
        <v>0</v>
      </c>
      <c r="CZ18" s="26">
        <v>0</v>
      </c>
      <c r="DA18" s="404">
        <v>0</v>
      </c>
      <c r="DB18" s="25">
        <v>0</v>
      </c>
      <c r="DC18" s="25">
        <v>0</v>
      </c>
      <c r="DD18" s="25">
        <v>0</v>
      </c>
      <c r="DE18" s="25">
        <v>0</v>
      </c>
      <c r="DF18" s="25">
        <v>0</v>
      </c>
      <c r="DG18" s="28">
        <v>0</v>
      </c>
      <c r="DH18" s="29">
        <v>0</v>
      </c>
      <c r="DI18" s="24">
        <v>0</v>
      </c>
      <c r="DJ18" s="25">
        <v>0</v>
      </c>
      <c r="DK18" s="26">
        <v>0</v>
      </c>
      <c r="DL18" s="27">
        <v>0</v>
      </c>
      <c r="DM18" s="25">
        <v>59089</v>
      </c>
      <c r="DN18" s="25">
        <v>86187</v>
      </c>
      <c r="DO18" s="25">
        <v>1465401</v>
      </c>
      <c r="DP18" s="25">
        <v>2261206</v>
      </c>
      <c r="DQ18" s="25">
        <v>1084644</v>
      </c>
      <c r="DR18" s="28">
        <v>4956527</v>
      </c>
      <c r="DS18" s="30">
        <v>4956527</v>
      </c>
      <c r="DT18" s="24">
        <v>0</v>
      </c>
      <c r="DU18" s="25">
        <v>0</v>
      </c>
      <c r="DV18" s="26">
        <v>0</v>
      </c>
      <c r="DW18" s="404">
        <v>0</v>
      </c>
      <c r="DX18" s="25">
        <v>15035</v>
      </c>
      <c r="DY18" s="25">
        <v>10881</v>
      </c>
      <c r="DZ18" s="25">
        <v>1011799</v>
      </c>
      <c r="EA18" s="25">
        <v>1743949</v>
      </c>
      <c r="EB18" s="25">
        <v>842591</v>
      </c>
      <c r="EC18" s="28">
        <v>3624255</v>
      </c>
      <c r="ED18" s="29">
        <v>3624255</v>
      </c>
      <c r="EE18" s="24">
        <v>0</v>
      </c>
      <c r="EF18" s="25">
        <v>0</v>
      </c>
      <c r="EG18" s="26">
        <v>0</v>
      </c>
      <c r="EH18" s="404">
        <v>0</v>
      </c>
      <c r="EI18" s="25">
        <v>35936</v>
      </c>
      <c r="EJ18" s="25">
        <v>37203</v>
      </c>
      <c r="EK18" s="25">
        <v>4536</v>
      </c>
      <c r="EL18" s="25">
        <v>52544</v>
      </c>
      <c r="EM18" s="25">
        <v>34999</v>
      </c>
      <c r="EN18" s="28">
        <v>165218</v>
      </c>
      <c r="EO18" s="29">
        <v>165218</v>
      </c>
      <c r="EP18" s="24">
        <v>0</v>
      </c>
      <c r="EQ18" s="25">
        <v>0</v>
      </c>
      <c r="ER18" s="26">
        <v>0</v>
      </c>
      <c r="ES18" s="404">
        <v>0</v>
      </c>
      <c r="ET18" s="25">
        <v>0</v>
      </c>
      <c r="EU18" s="25">
        <v>0</v>
      </c>
      <c r="EV18" s="25">
        <v>0</v>
      </c>
      <c r="EW18" s="25">
        <v>0</v>
      </c>
      <c r="EX18" s="25">
        <v>0</v>
      </c>
      <c r="EY18" s="28">
        <v>0</v>
      </c>
      <c r="EZ18" s="29">
        <v>0</v>
      </c>
      <c r="FA18" s="24">
        <v>0</v>
      </c>
      <c r="FB18" s="25">
        <v>0</v>
      </c>
      <c r="FC18" s="26">
        <v>0</v>
      </c>
      <c r="FD18" s="404">
        <v>0</v>
      </c>
      <c r="FE18" s="25">
        <v>0</v>
      </c>
      <c r="FF18" s="25">
        <v>0</v>
      </c>
      <c r="FG18" s="25">
        <v>0</v>
      </c>
      <c r="FH18" s="25">
        <v>0</v>
      </c>
      <c r="FI18" s="25">
        <v>0</v>
      </c>
      <c r="FJ18" s="28">
        <v>0</v>
      </c>
      <c r="FK18" s="29">
        <v>0</v>
      </c>
      <c r="FL18" s="24">
        <v>0</v>
      </c>
      <c r="FM18" s="25">
        <v>0</v>
      </c>
      <c r="FN18" s="26">
        <v>0</v>
      </c>
      <c r="FO18" s="404">
        <v>0</v>
      </c>
      <c r="FP18" s="25">
        <v>0</v>
      </c>
      <c r="FQ18" s="25">
        <v>0</v>
      </c>
      <c r="FR18" s="25">
        <v>144646</v>
      </c>
      <c r="FS18" s="25">
        <v>190216</v>
      </c>
      <c r="FT18" s="25">
        <v>140226</v>
      </c>
      <c r="FU18" s="28">
        <v>475088</v>
      </c>
      <c r="FV18" s="29">
        <v>475088</v>
      </c>
      <c r="FW18" s="24">
        <v>0</v>
      </c>
      <c r="FX18" s="25">
        <v>0</v>
      </c>
      <c r="FY18" s="26">
        <v>0</v>
      </c>
      <c r="FZ18" s="27">
        <v>0</v>
      </c>
      <c r="GA18" s="25">
        <v>7908</v>
      </c>
      <c r="GB18" s="25">
        <v>37514</v>
      </c>
      <c r="GC18" s="25">
        <v>304420</v>
      </c>
      <c r="GD18" s="25">
        <v>273065</v>
      </c>
      <c r="GE18" s="25">
        <v>66828</v>
      </c>
      <c r="GF18" s="28">
        <v>689735</v>
      </c>
      <c r="GG18" s="29">
        <v>689735</v>
      </c>
      <c r="GH18" s="24">
        <v>0</v>
      </c>
      <c r="GI18" s="25">
        <v>0</v>
      </c>
      <c r="GJ18" s="26">
        <v>0</v>
      </c>
      <c r="GK18" s="27">
        <v>0</v>
      </c>
      <c r="GL18" s="25">
        <v>210</v>
      </c>
      <c r="GM18" s="25">
        <v>589</v>
      </c>
      <c r="GN18" s="25">
        <v>0</v>
      </c>
      <c r="GO18" s="25">
        <v>1432</v>
      </c>
      <c r="GP18" s="25">
        <v>0</v>
      </c>
      <c r="GQ18" s="28">
        <v>2231</v>
      </c>
      <c r="GR18" s="29">
        <v>2231</v>
      </c>
      <c r="GS18" s="24">
        <v>0</v>
      </c>
      <c r="GT18" s="25">
        <v>0</v>
      </c>
      <c r="GU18" s="26">
        <v>0</v>
      </c>
      <c r="GV18" s="27">
        <v>0</v>
      </c>
      <c r="GW18" s="25">
        <v>0</v>
      </c>
      <c r="GX18" s="25">
        <v>0</v>
      </c>
      <c r="GY18" s="25">
        <v>0</v>
      </c>
      <c r="GZ18" s="25">
        <v>0</v>
      </c>
      <c r="HA18" s="25">
        <v>0</v>
      </c>
      <c r="HB18" s="28">
        <v>0</v>
      </c>
      <c r="HC18" s="29">
        <v>0</v>
      </c>
      <c r="HD18" s="24">
        <v>0</v>
      </c>
      <c r="HE18" s="25">
        <v>0</v>
      </c>
      <c r="HF18" s="26">
        <v>0</v>
      </c>
      <c r="HG18" s="404">
        <v>0</v>
      </c>
      <c r="HH18" s="25">
        <v>0</v>
      </c>
      <c r="HI18" s="25">
        <v>0</v>
      </c>
      <c r="HJ18" s="25">
        <v>0</v>
      </c>
      <c r="HK18" s="25">
        <v>0</v>
      </c>
      <c r="HL18" s="25">
        <v>0</v>
      </c>
      <c r="HM18" s="28">
        <v>0</v>
      </c>
      <c r="HN18" s="29">
        <v>0</v>
      </c>
      <c r="HO18" s="24">
        <v>0</v>
      </c>
      <c r="HP18" s="25">
        <v>0</v>
      </c>
      <c r="HQ18" s="26">
        <v>0</v>
      </c>
      <c r="HR18" s="27">
        <v>0</v>
      </c>
      <c r="HS18" s="25">
        <v>301223</v>
      </c>
      <c r="HT18" s="25">
        <v>343407</v>
      </c>
      <c r="HU18" s="25">
        <v>3099858</v>
      </c>
      <c r="HV18" s="25">
        <v>4597904</v>
      </c>
      <c r="HW18" s="25">
        <v>2196894</v>
      </c>
      <c r="HX18" s="28">
        <v>10539286</v>
      </c>
      <c r="HY18" s="29">
        <v>10539286</v>
      </c>
    </row>
    <row r="19" spans="2:233" ht="21" customHeight="1" x14ac:dyDescent="0.2">
      <c r="B19" s="106" t="s">
        <v>16</v>
      </c>
      <c r="C19" s="24">
        <v>0</v>
      </c>
      <c r="D19" s="25">
        <v>0</v>
      </c>
      <c r="E19" s="26">
        <v>0</v>
      </c>
      <c r="F19" s="27">
        <v>0</v>
      </c>
      <c r="G19" s="25">
        <v>473365</v>
      </c>
      <c r="H19" s="25">
        <v>643804</v>
      </c>
      <c r="I19" s="25">
        <v>3255905</v>
      </c>
      <c r="J19" s="25">
        <v>3776156</v>
      </c>
      <c r="K19" s="25">
        <v>1645888</v>
      </c>
      <c r="L19" s="28">
        <v>9795118</v>
      </c>
      <c r="M19" s="29">
        <v>9795118</v>
      </c>
      <c r="N19" s="24">
        <v>0</v>
      </c>
      <c r="O19" s="25">
        <v>0</v>
      </c>
      <c r="P19" s="26">
        <v>0</v>
      </c>
      <c r="Q19" s="404">
        <v>0</v>
      </c>
      <c r="R19" s="25">
        <v>70440</v>
      </c>
      <c r="S19" s="25">
        <v>51530</v>
      </c>
      <c r="T19" s="25">
        <v>2102960</v>
      </c>
      <c r="U19" s="25">
        <v>2891335</v>
      </c>
      <c r="V19" s="25">
        <v>1324160</v>
      </c>
      <c r="W19" s="28">
        <v>6440425</v>
      </c>
      <c r="X19" s="29">
        <v>6440425</v>
      </c>
      <c r="Y19" s="24">
        <v>0</v>
      </c>
      <c r="Z19" s="25">
        <v>0</v>
      </c>
      <c r="AA19" s="26">
        <v>0</v>
      </c>
      <c r="AB19" s="404">
        <v>0</v>
      </c>
      <c r="AC19" s="25">
        <v>367990</v>
      </c>
      <c r="AD19" s="25">
        <v>442358</v>
      </c>
      <c r="AE19" s="25">
        <v>989803</v>
      </c>
      <c r="AF19" s="25">
        <v>624350</v>
      </c>
      <c r="AG19" s="25">
        <v>222693</v>
      </c>
      <c r="AH19" s="28">
        <v>2647194</v>
      </c>
      <c r="AI19" s="29">
        <v>2647194</v>
      </c>
      <c r="AJ19" s="24">
        <v>0</v>
      </c>
      <c r="AK19" s="25">
        <v>0</v>
      </c>
      <c r="AL19" s="26">
        <v>0</v>
      </c>
      <c r="AM19" s="404">
        <v>0</v>
      </c>
      <c r="AN19" s="25">
        <v>0</v>
      </c>
      <c r="AO19" s="25">
        <v>0</v>
      </c>
      <c r="AP19" s="25">
        <v>0</v>
      </c>
      <c r="AQ19" s="25">
        <v>0</v>
      </c>
      <c r="AR19" s="25">
        <v>0</v>
      </c>
      <c r="AS19" s="28">
        <v>0</v>
      </c>
      <c r="AT19" s="29">
        <v>0</v>
      </c>
      <c r="AU19" s="24">
        <v>0</v>
      </c>
      <c r="AV19" s="25">
        <v>0</v>
      </c>
      <c r="AW19" s="26">
        <v>0</v>
      </c>
      <c r="AX19" s="404">
        <v>0</v>
      </c>
      <c r="AY19" s="25">
        <v>0</v>
      </c>
      <c r="AZ19" s="25">
        <v>0</v>
      </c>
      <c r="BA19" s="25">
        <v>2635</v>
      </c>
      <c r="BB19" s="25">
        <v>78740</v>
      </c>
      <c r="BC19" s="25">
        <v>24325</v>
      </c>
      <c r="BD19" s="28">
        <v>105700</v>
      </c>
      <c r="BE19" s="29">
        <v>105700</v>
      </c>
      <c r="BF19" s="24">
        <v>0</v>
      </c>
      <c r="BG19" s="25">
        <v>0</v>
      </c>
      <c r="BH19" s="26">
        <v>0</v>
      </c>
      <c r="BI19" s="404">
        <v>0</v>
      </c>
      <c r="BJ19" s="25">
        <v>0</v>
      </c>
      <c r="BK19" s="25">
        <v>0</v>
      </c>
      <c r="BL19" s="25">
        <v>54475</v>
      </c>
      <c r="BM19" s="25">
        <v>37890</v>
      </c>
      <c r="BN19" s="25">
        <v>46100</v>
      </c>
      <c r="BO19" s="28">
        <v>138465</v>
      </c>
      <c r="BP19" s="29">
        <v>138465</v>
      </c>
      <c r="BQ19" s="24">
        <v>0</v>
      </c>
      <c r="BR19" s="25">
        <v>0</v>
      </c>
      <c r="BS19" s="26">
        <v>0</v>
      </c>
      <c r="BT19" s="27">
        <v>0</v>
      </c>
      <c r="BU19" s="25">
        <v>34935</v>
      </c>
      <c r="BV19" s="25">
        <v>148970</v>
      </c>
      <c r="BW19" s="25">
        <v>106032</v>
      </c>
      <c r="BX19" s="25">
        <v>142316</v>
      </c>
      <c r="BY19" s="25">
        <v>28610</v>
      </c>
      <c r="BZ19" s="28">
        <v>460863</v>
      </c>
      <c r="CA19" s="29">
        <v>460863</v>
      </c>
      <c r="CB19" s="24">
        <v>0</v>
      </c>
      <c r="CC19" s="25">
        <v>0</v>
      </c>
      <c r="CD19" s="26">
        <v>0</v>
      </c>
      <c r="CE19" s="27">
        <v>0</v>
      </c>
      <c r="CF19" s="25">
        <v>0</v>
      </c>
      <c r="CG19" s="25">
        <v>946</v>
      </c>
      <c r="CH19" s="25">
        <v>0</v>
      </c>
      <c r="CI19" s="25">
        <v>1525</v>
      </c>
      <c r="CJ19" s="25">
        <v>0</v>
      </c>
      <c r="CK19" s="28">
        <v>2471</v>
      </c>
      <c r="CL19" s="29">
        <v>2471</v>
      </c>
      <c r="CM19" s="24">
        <v>0</v>
      </c>
      <c r="CN19" s="25">
        <v>0</v>
      </c>
      <c r="CO19" s="26">
        <v>0</v>
      </c>
      <c r="CP19" s="27">
        <v>0</v>
      </c>
      <c r="CQ19" s="25">
        <v>0</v>
      </c>
      <c r="CR19" s="25">
        <v>0</v>
      </c>
      <c r="CS19" s="25">
        <v>0</v>
      </c>
      <c r="CT19" s="25">
        <v>0</v>
      </c>
      <c r="CU19" s="25">
        <v>0</v>
      </c>
      <c r="CV19" s="28">
        <v>0</v>
      </c>
      <c r="CW19" s="29">
        <v>0</v>
      </c>
      <c r="CX19" s="24">
        <v>0</v>
      </c>
      <c r="CY19" s="25">
        <v>0</v>
      </c>
      <c r="CZ19" s="26">
        <v>0</v>
      </c>
      <c r="DA19" s="404">
        <v>0</v>
      </c>
      <c r="DB19" s="25">
        <v>0</v>
      </c>
      <c r="DC19" s="25">
        <v>0</v>
      </c>
      <c r="DD19" s="25">
        <v>0</v>
      </c>
      <c r="DE19" s="25">
        <v>0</v>
      </c>
      <c r="DF19" s="25">
        <v>0</v>
      </c>
      <c r="DG19" s="28">
        <v>0</v>
      </c>
      <c r="DH19" s="29">
        <v>0</v>
      </c>
      <c r="DI19" s="24">
        <v>0</v>
      </c>
      <c r="DJ19" s="25">
        <v>0</v>
      </c>
      <c r="DK19" s="26">
        <v>0</v>
      </c>
      <c r="DL19" s="27">
        <v>0</v>
      </c>
      <c r="DM19" s="25">
        <v>309656</v>
      </c>
      <c r="DN19" s="25">
        <v>599081</v>
      </c>
      <c r="DO19" s="25">
        <v>3893602</v>
      </c>
      <c r="DP19" s="25">
        <v>4380567</v>
      </c>
      <c r="DQ19" s="25">
        <v>1963240</v>
      </c>
      <c r="DR19" s="28">
        <v>11146146</v>
      </c>
      <c r="DS19" s="30">
        <v>11146146</v>
      </c>
      <c r="DT19" s="24">
        <v>0</v>
      </c>
      <c r="DU19" s="25">
        <v>0</v>
      </c>
      <c r="DV19" s="26">
        <v>0</v>
      </c>
      <c r="DW19" s="404">
        <v>0</v>
      </c>
      <c r="DX19" s="25">
        <v>112392</v>
      </c>
      <c r="DY19" s="25">
        <v>203036</v>
      </c>
      <c r="DZ19" s="25">
        <v>3251515</v>
      </c>
      <c r="EA19" s="25">
        <v>3878837</v>
      </c>
      <c r="EB19" s="25">
        <v>1768064</v>
      </c>
      <c r="EC19" s="28">
        <v>9213844</v>
      </c>
      <c r="ED19" s="29">
        <v>9213844</v>
      </c>
      <c r="EE19" s="24">
        <v>0</v>
      </c>
      <c r="EF19" s="25">
        <v>0</v>
      </c>
      <c r="EG19" s="26">
        <v>0</v>
      </c>
      <c r="EH19" s="404">
        <v>0</v>
      </c>
      <c r="EI19" s="25">
        <v>138866</v>
      </c>
      <c r="EJ19" s="25">
        <v>204848</v>
      </c>
      <c r="EK19" s="25">
        <v>390281</v>
      </c>
      <c r="EL19" s="25">
        <v>225568</v>
      </c>
      <c r="EM19" s="25">
        <v>48370</v>
      </c>
      <c r="EN19" s="28">
        <v>1007933</v>
      </c>
      <c r="EO19" s="29">
        <v>1007933</v>
      </c>
      <c r="EP19" s="24">
        <v>0</v>
      </c>
      <c r="EQ19" s="25">
        <v>0</v>
      </c>
      <c r="ER19" s="26">
        <v>0</v>
      </c>
      <c r="ES19" s="404">
        <v>0</v>
      </c>
      <c r="ET19" s="25">
        <v>0</v>
      </c>
      <c r="EU19" s="25">
        <v>0</v>
      </c>
      <c r="EV19" s="25">
        <v>0</v>
      </c>
      <c r="EW19" s="25">
        <v>0</v>
      </c>
      <c r="EX19" s="25">
        <v>0</v>
      </c>
      <c r="EY19" s="28">
        <v>0</v>
      </c>
      <c r="EZ19" s="29">
        <v>0</v>
      </c>
      <c r="FA19" s="24">
        <v>0</v>
      </c>
      <c r="FB19" s="25">
        <v>0</v>
      </c>
      <c r="FC19" s="26">
        <v>0</v>
      </c>
      <c r="FD19" s="404">
        <v>0</v>
      </c>
      <c r="FE19" s="25">
        <v>0</v>
      </c>
      <c r="FF19" s="25">
        <v>0</v>
      </c>
      <c r="FG19" s="25">
        <v>217</v>
      </c>
      <c r="FH19" s="25">
        <v>12772</v>
      </c>
      <c r="FI19" s="25">
        <v>651</v>
      </c>
      <c r="FJ19" s="28">
        <v>13640</v>
      </c>
      <c r="FK19" s="29">
        <v>13640</v>
      </c>
      <c r="FL19" s="24">
        <v>0</v>
      </c>
      <c r="FM19" s="25">
        <v>0</v>
      </c>
      <c r="FN19" s="26">
        <v>0</v>
      </c>
      <c r="FO19" s="404">
        <v>0</v>
      </c>
      <c r="FP19" s="25">
        <v>0</v>
      </c>
      <c r="FQ19" s="25">
        <v>0</v>
      </c>
      <c r="FR19" s="25">
        <v>86304</v>
      </c>
      <c r="FS19" s="25">
        <v>80614</v>
      </c>
      <c r="FT19" s="25">
        <v>110024</v>
      </c>
      <c r="FU19" s="28">
        <v>276942</v>
      </c>
      <c r="FV19" s="29">
        <v>276942</v>
      </c>
      <c r="FW19" s="24">
        <v>0</v>
      </c>
      <c r="FX19" s="25">
        <v>0</v>
      </c>
      <c r="FY19" s="26">
        <v>0</v>
      </c>
      <c r="FZ19" s="27">
        <v>0</v>
      </c>
      <c r="GA19" s="25">
        <v>58398</v>
      </c>
      <c r="GB19" s="25">
        <v>191134</v>
      </c>
      <c r="GC19" s="25">
        <v>165285</v>
      </c>
      <c r="GD19" s="25">
        <v>182755</v>
      </c>
      <c r="GE19" s="25">
        <v>36131</v>
      </c>
      <c r="GF19" s="28">
        <v>633703</v>
      </c>
      <c r="GG19" s="29">
        <v>633703</v>
      </c>
      <c r="GH19" s="24">
        <v>0</v>
      </c>
      <c r="GI19" s="25">
        <v>0</v>
      </c>
      <c r="GJ19" s="26">
        <v>0</v>
      </c>
      <c r="GK19" s="27">
        <v>0</v>
      </c>
      <c r="GL19" s="25">
        <v>0</v>
      </c>
      <c r="GM19" s="25">
        <v>63</v>
      </c>
      <c r="GN19" s="25">
        <v>0</v>
      </c>
      <c r="GO19" s="25">
        <v>21</v>
      </c>
      <c r="GP19" s="25">
        <v>0</v>
      </c>
      <c r="GQ19" s="28">
        <v>84</v>
      </c>
      <c r="GR19" s="29">
        <v>84</v>
      </c>
      <c r="GS19" s="24">
        <v>0</v>
      </c>
      <c r="GT19" s="25">
        <v>0</v>
      </c>
      <c r="GU19" s="26">
        <v>0</v>
      </c>
      <c r="GV19" s="27">
        <v>0</v>
      </c>
      <c r="GW19" s="25">
        <v>0</v>
      </c>
      <c r="GX19" s="25">
        <v>0</v>
      </c>
      <c r="GY19" s="25">
        <v>0</v>
      </c>
      <c r="GZ19" s="25">
        <v>0</v>
      </c>
      <c r="HA19" s="25">
        <v>0</v>
      </c>
      <c r="HB19" s="28">
        <v>0</v>
      </c>
      <c r="HC19" s="29">
        <v>0</v>
      </c>
      <c r="HD19" s="24">
        <v>0</v>
      </c>
      <c r="HE19" s="25">
        <v>0</v>
      </c>
      <c r="HF19" s="26">
        <v>0</v>
      </c>
      <c r="HG19" s="404">
        <v>0</v>
      </c>
      <c r="HH19" s="25">
        <v>0</v>
      </c>
      <c r="HI19" s="25">
        <v>0</v>
      </c>
      <c r="HJ19" s="25">
        <v>0</v>
      </c>
      <c r="HK19" s="25">
        <v>0</v>
      </c>
      <c r="HL19" s="25">
        <v>0</v>
      </c>
      <c r="HM19" s="28">
        <v>0</v>
      </c>
      <c r="HN19" s="29">
        <v>0</v>
      </c>
      <c r="HO19" s="24">
        <v>0</v>
      </c>
      <c r="HP19" s="25">
        <v>0</v>
      </c>
      <c r="HQ19" s="26">
        <v>0</v>
      </c>
      <c r="HR19" s="27">
        <v>0</v>
      </c>
      <c r="HS19" s="25">
        <v>783021</v>
      </c>
      <c r="HT19" s="25">
        <v>1242885</v>
      </c>
      <c r="HU19" s="25">
        <v>7149507</v>
      </c>
      <c r="HV19" s="25">
        <v>8156723</v>
      </c>
      <c r="HW19" s="25">
        <v>3609128</v>
      </c>
      <c r="HX19" s="28">
        <v>20941264</v>
      </c>
      <c r="HY19" s="29">
        <v>20941264</v>
      </c>
    </row>
    <row r="20" spans="2:233" ht="21" customHeight="1" x14ac:dyDescent="0.2">
      <c r="B20" s="106" t="s">
        <v>17</v>
      </c>
      <c r="C20" s="24">
        <v>0</v>
      </c>
      <c r="D20" s="25">
        <v>0</v>
      </c>
      <c r="E20" s="26">
        <v>0</v>
      </c>
      <c r="F20" s="27">
        <v>0</v>
      </c>
      <c r="G20" s="25">
        <v>237085</v>
      </c>
      <c r="H20" s="25">
        <v>1146100</v>
      </c>
      <c r="I20" s="25">
        <v>2686986</v>
      </c>
      <c r="J20" s="25">
        <v>3592009</v>
      </c>
      <c r="K20" s="25">
        <v>2564285</v>
      </c>
      <c r="L20" s="28">
        <v>10226465</v>
      </c>
      <c r="M20" s="29">
        <v>10226465</v>
      </c>
      <c r="N20" s="24">
        <v>0</v>
      </c>
      <c r="O20" s="25">
        <v>0</v>
      </c>
      <c r="P20" s="26">
        <v>0</v>
      </c>
      <c r="Q20" s="404">
        <v>0</v>
      </c>
      <c r="R20" s="25">
        <v>84630</v>
      </c>
      <c r="S20" s="25">
        <v>198710</v>
      </c>
      <c r="T20" s="25">
        <v>1461824</v>
      </c>
      <c r="U20" s="25">
        <v>2473369</v>
      </c>
      <c r="V20" s="25">
        <v>1945515</v>
      </c>
      <c r="W20" s="28">
        <v>6164048</v>
      </c>
      <c r="X20" s="29">
        <v>6164048</v>
      </c>
      <c r="Y20" s="24">
        <v>0</v>
      </c>
      <c r="Z20" s="25">
        <v>0</v>
      </c>
      <c r="AA20" s="26">
        <v>0</v>
      </c>
      <c r="AB20" s="404">
        <v>0</v>
      </c>
      <c r="AC20" s="25">
        <v>108145</v>
      </c>
      <c r="AD20" s="25">
        <v>836780</v>
      </c>
      <c r="AE20" s="25">
        <v>860262</v>
      </c>
      <c r="AF20" s="25">
        <v>704110</v>
      </c>
      <c r="AG20" s="25">
        <v>162865</v>
      </c>
      <c r="AH20" s="28">
        <v>2672162</v>
      </c>
      <c r="AI20" s="29">
        <v>2672162</v>
      </c>
      <c r="AJ20" s="24">
        <v>0</v>
      </c>
      <c r="AK20" s="25">
        <v>0</v>
      </c>
      <c r="AL20" s="26">
        <v>0</v>
      </c>
      <c r="AM20" s="404">
        <v>0</v>
      </c>
      <c r="AN20" s="25">
        <v>0</v>
      </c>
      <c r="AO20" s="25">
        <v>0</v>
      </c>
      <c r="AP20" s="25">
        <v>0</v>
      </c>
      <c r="AQ20" s="25">
        <v>0</v>
      </c>
      <c r="AR20" s="25">
        <v>0</v>
      </c>
      <c r="AS20" s="28">
        <v>0</v>
      </c>
      <c r="AT20" s="29">
        <v>0</v>
      </c>
      <c r="AU20" s="24">
        <v>0</v>
      </c>
      <c r="AV20" s="25">
        <v>0</v>
      </c>
      <c r="AW20" s="26">
        <v>0</v>
      </c>
      <c r="AX20" s="404">
        <v>0</v>
      </c>
      <c r="AY20" s="25">
        <v>0</v>
      </c>
      <c r="AZ20" s="25">
        <v>0</v>
      </c>
      <c r="BA20" s="25">
        <v>0</v>
      </c>
      <c r="BB20" s="25">
        <v>5270</v>
      </c>
      <c r="BC20" s="25">
        <v>71210</v>
      </c>
      <c r="BD20" s="28">
        <v>76480</v>
      </c>
      <c r="BE20" s="29">
        <v>76480</v>
      </c>
      <c r="BF20" s="24">
        <v>0</v>
      </c>
      <c r="BG20" s="25">
        <v>0</v>
      </c>
      <c r="BH20" s="26">
        <v>0</v>
      </c>
      <c r="BI20" s="404">
        <v>0</v>
      </c>
      <c r="BJ20" s="25">
        <v>0</v>
      </c>
      <c r="BK20" s="25">
        <v>0</v>
      </c>
      <c r="BL20" s="25">
        <v>192665</v>
      </c>
      <c r="BM20" s="25">
        <v>208940</v>
      </c>
      <c r="BN20" s="25">
        <v>240830</v>
      </c>
      <c r="BO20" s="28">
        <v>642435</v>
      </c>
      <c r="BP20" s="29">
        <v>642435</v>
      </c>
      <c r="BQ20" s="24">
        <v>0</v>
      </c>
      <c r="BR20" s="25">
        <v>0</v>
      </c>
      <c r="BS20" s="26">
        <v>0</v>
      </c>
      <c r="BT20" s="27">
        <v>0</v>
      </c>
      <c r="BU20" s="25">
        <v>42425</v>
      </c>
      <c r="BV20" s="25">
        <v>104945</v>
      </c>
      <c r="BW20" s="25">
        <v>170375</v>
      </c>
      <c r="BX20" s="25">
        <v>188305</v>
      </c>
      <c r="BY20" s="25">
        <v>122620</v>
      </c>
      <c r="BZ20" s="28">
        <v>628670</v>
      </c>
      <c r="CA20" s="29">
        <v>628670</v>
      </c>
      <c r="CB20" s="24">
        <v>0</v>
      </c>
      <c r="CC20" s="25">
        <v>0</v>
      </c>
      <c r="CD20" s="26">
        <v>0</v>
      </c>
      <c r="CE20" s="27">
        <v>0</v>
      </c>
      <c r="CF20" s="25">
        <v>1885</v>
      </c>
      <c r="CG20" s="25">
        <v>5665</v>
      </c>
      <c r="CH20" s="25">
        <v>1860</v>
      </c>
      <c r="CI20" s="25">
        <v>12015</v>
      </c>
      <c r="CJ20" s="25">
        <v>21245</v>
      </c>
      <c r="CK20" s="28">
        <v>42670</v>
      </c>
      <c r="CL20" s="29">
        <v>42670</v>
      </c>
      <c r="CM20" s="24">
        <v>0</v>
      </c>
      <c r="CN20" s="25">
        <v>0</v>
      </c>
      <c r="CO20" s="26">
        <v>0</v>
      </c>
      <c r="CP20" s="27">
        <v>0</v>
      </c>
      <c r="CQ20" s="25">
        <v>0</v>
      </c>
      <c r="CR20" s="25">
        <v>0</v>
      </c>
      <c r="CS20" s="25">
        <v>0</v>
      </c>
      <c r="CT20" s="25">
        <v>0</v>
      </c>
      <c r="CU20" s="25">
        <v>0</v>
      </c>
      <c r="CV20" s="28">
        <v>0</v>
      </c>
      <c r="CW20" s="29">
        <v>0</v>
      </c>
      <c r="CX20" s="24">
        <v>0</v>
      </c>
      <c r="CY20" s="25">
        <v>0</v>
      </c>
      <c r="CZ20" s="26">
        <v>0</v>
      </c>
      <c r="DA20" s="404">
        <v>0</v>
      </c>
      <c r="DB20" s="25">
        <v>0</v>
      </c>
      <c r="DC20" s="25">
        <v>0</v>
      </c>
      <c r="DD20" s="25">
        <v>0</v>
      </c>
      <c r="DE20" s="25">
        <v>0</v>
      </c>
      <c r="DF20" s="25">
        <v>0</v>
      </c>
      <c r="DG20" s="28">
        <v>0</v>
      </c>
      <c r="DH20" s="29">
        <v>0</v>
      </c>
      <c r="DI20" s="24">
        <v>0</v>
      </c>
      <c r="DJ20" s="25">
        <v>0</v>
      </c>
      <c r="DK20" s="26">
        <v>0</v>
      </c>
      <c r="DL20" s="27">
        <v>0</v>
      </c>
      <c r="DM20" s="25">
        <v>107484</v>
      </c>
      <c r="DN20" s="25">
        <v>412056</v>
      </c>
      <c r="DO20" s="25">
        <v>2763948</v>
      </c>
      <c r="DP20" s="25">
        <v>4043181</v>
      </c>
      <c r="DQ20" s="25">
        <v>2789386</v>
      </c>
      <c r="DR20" s="28">
        <v>10116055</v>
      </c>
      <c r="DS20" s="30">
        <v>10116055</v>
      </c>
      <c r="DT20" s="24">
        <v>0</v>
      </c>
      <c r="DU20" s="25">
        <v>0</v>
      </c>
      <c r="DV20" s="26">
        <v>0</v>
      </c>
      <c r="DW20" s="404">
        <v>0</v>
      </c>
      <c r="DX20" s="25">
        <v>66216</v>
      </c>
      <c r="DY20" s="25">
        <v>249891</v>
      </c>
      <c r="DZ20" s="25">
        <v>2048539</v>
      </c>
      <c r="EA20" s="25">
        <v>3373346</v>
      </c>
      <c r="EB20" s="25">
        <v>2248684</v>
      </c>
      <c r="EC20" s="28">
        <v>7986676</v>
      </c>
      <c r="ED20" s="29">
        <v>7986676</v>
      </c>
      <c r="EE20" s="24">
        <v>0</v>
      </c>
      <c r="EF20" s="25">
        <v>0</v>
      </c>
      <c r="EG20" s="26">
        <v>0</v>
      </c>
      <c r="EH20" s="404">
        <v>0</v>
      </c>
      <c r="EI20" s="25">
        <v>2905</v>
      </c>
      <c r="EJ20" s="25">
        <v>19799</v>
      </c>
      <c r="EK20" s="25">
        <v>115755</v>
      </c>
      <c r="EL20" s="25">
        <v>52241</v>
      </c>
      <c r="EM20" s="25">
        <v>3528</v>
      </c>
      <c r="EN20" s="28">
        <v>194228</v>
      </c>
      <c r="EO20" s="29">
        <v>194228</v>
      </c>
      <c r="EP20" s="24">
        <v>0</v>
      </c>
      <c r="EQ20" s="25">
        <v>0</v>
      </c>
      <c r="ER20" s="26">
        <v>0</v>
      </c>
      <c r="ES20" s="404">
        <v>0</v>
      </c>
      <c r="ET20" s="25">
        <v>0</v>
      </c>
      <c r="EU20" s="25">
        <v>0</v>
      </c>
      <c r="EV20" s="25">
        <v>0</v>
      </c>
      <c r="EW20" s="25">
        <v>0</v>
      </c>
      <c r="EX20" s="25">
        <v>0</v>
      </c>
      <c r="EY20" s="28">
        <v>0</v>
      </c>
      <c r="EZ20" s="29">
        <v>0</v>
      </c>
      <c r="FA20" s="24">
        <v>0</v>
      </c>
      <c r="FB20" s="25">
        <v>0</v>
      </c>
      <c r="FC20" s="26">
        <v>0</v>
      </c>
      <c r="FD20" s="404">
        <v>0</v>
      </c>
      <c r="FE20" s="25">
        <v>0</v>
      </c>
      <c r="FF20" s="25">
        <v>0</v>
      </c>
      <c r="FG20" s="25">
        <v>0</v>
      </c>
      <c r="FH20" s="25">
        <v>434</v>
      </c>
      <c r="FI20" s="25">
        <v>455</v>
      </c>
      <c r="FJ20" s="28">
        <v>889</v>
      </c>
      <c r="FK20" s="29">
        <v>889</v>
      </c>
      <c r="FL20" s="24">
        <v>0</v>
      </c>
      <c r="FM20" s="25">
        <v>0</v>
      </c>
      <c r="FN20" s="26">
        <v>0</v>
      </c>
      <c r="FO20" s="404">
        <v>0</v>
      </c>
      <c r="FP20" s="25">
        <v>0</v>
      </c>
      <c r="FQ20" s="25">
        <v>0</v>
      </c>
      <c r="FR20" s="25">
        <v>372744</v>
      </c>
      <c r="FS20" s="25">
        <v>371473</v>
      </c>
      <c r="FT20" s="25">
        <v>350131</v>
      </c>
      <c r="FU20" s="28">
        <v>1094348</v>
      </c>
      <c r="FV20" s="29">
        <v>1094348</v>
      </c>
      <c r="FW20" s="24">
        <v>0</v>
      </c>
      <c r="FX20" s="25">
        <v>0</v>
      </c>
      <c r="FY20" s="26">
        <v>0</v>
      </c>
      <c r="FZ20" s="27">
        <v>0</v>
      </c>
      <c r="GA20" s="25">
        <v>38251</v>
      </c>
      <c r="GB20" s="25">
        <v>142226</v>
      </c>
      <c r="GC20" s="25">
        <v>224491</v>
      </c>
      <c r="GD20" s="25">
        <v>245498</v>
      </c>
      <c r="GE20" s="25">
        <v>176919</v>
      </c>
      <c r="GF20" s="28">
        <v>827385</v>
      </c>
      <c r="GG20" s="29">
        <v>827385</v>
      </c>
      <c r="GH20" s="24">
        <v>0</v>
      </c>
      <c r="GI20" s="25">
        <v>0</v>
      </c>
      <c r="GJ20" s="26">
        <v>0</v>
      </c>
      <c r="GK20" s="27">
        <v>0</v>
      </c>
      <c r="GL20" s="25">
        <v>112</v>
      </c>
      <c r="GM20" s="25">
        <v>140</v>
      </c>
      <c r="GN20" s="25">
        <v>2419</v>
      </c>
      <c r="GO20" s="25">
        <v>189</v>
      </c>
      <c r="GP20" s="25">
        <v>9669</v>
      </c>
      <c r="GQ20" s="28">
        <v>12529</v>
      </c>
      <c r="GR20" s="29">
        <v>12529</v>
      </c>
      <c r="GS20" s="24">
        <v>0</v>
      </c>
      <c r="GT20" s="25">
        <v>0</v>
      </c>
      <c r="GU20" s="26">
        <v>0</v>
      </c>
      <c r="GV20" s="27">
        <v>0</v>
      </c>
      <c r="GW20" s="25">
        <v>0</v>
      </c>
      <c r="GX20" s="25">
        <v>0</v>
      </c>
      <c r="GY20" s="25">
        <v>0</v>
      </c>
      <c r="GZ20" s="25">
        <v>0</v>
      </c>
      <c r="HA20" s="25">
        <v>0</v>
      </c>
      <c r="HB20" s="28">
        <v>0</v>
      </c>
      <c r="HC20" s="29">
        <v>0</v>
      </c>
      <c r="HD20" s="24">
        <v>0</v>
      </c>
      <c r="HE20" s="25">
        <v>0</v>
      </c>
      <c r="HF20" s="26">
        <v>0</v>
      </c>
      <c r="HG20" s="404">
        <v>0</v>
      </c>
      <c r="HH20" s="25">
        <v>0</v>
      </c>
      <c r="HI20" s="25">
        <v>0</v>
      </c>
      <c r="HJ20" s="25">
        <v>0</v>
      </c>
      <c r="HK20" s="25">
        <v>0</v>
      </c>
      <c r="HL20" s="25">
        <v>0</v>
      </c>
      <c r="HM20" s="28">
        <v>0</v>
      </c>
      <c r="HN20" s="29">
        <v>0</v>
      </c>
      <c r="HO20" s="24">
        <v>0</v>
      </c>
      <c r="HP20" s="25">
        <v>0</v>
      </c>
      <c r="HQ20" s="26">
        <v>0</v>
      </c>
      <c r="HR20" s="27">
        <v>0</v>
      </c>
      <c r="HS20" s="25">
        <v>344569</v>
      </c>
      <c r="HT20" s="25">
        <v>1558156</v>
      </c>
      <c r="HU20" s="25">
        <v>5450934</v>
      </c>
      <c r="HV20" s="25">
        <v>7635190</v>
      </c>
      <c r="HW20" s="25">
        <v>5353671</v>
      </c>
      <c r="HX20" s="28">
        <v>20342520</v>
      </c>
      <c r="HY20" s="29">
        <v>20342520</v>
      </c>
    </row>
    <row r="21" spans="2:233" ht="21" customHeight="1" x14ac:dyDescent="0.2">
      <c r="B21" s="106" t="s">
        <v>18</v>
      </c>
      <c r="C21" s="24">
        <v>0</v>
      </c>
      <c r="D21" s="25">
        <v>8820</v>
      </c>
      <c r="E21" s="26">
        <v>8820</v>
      </c>
      <c r="F21" s="27">
        <v>0</v>
      </c>
      <c r="G21" s="25">
        <v>252915</v>
      </c>
      <c r="H21" s="25">
        <v>592267</v>
      </c>
      <c r="I21" s="25">
        <v>2161605</v>
      </c>
      <c r="J21" s="25">
        <v>3766375</v>
      </c>
      <c r="K21" s="25">
        <v>2241997</v>
      </c>
      <c r="L21" s="28">
        <v>9015159</v>
      </c>
      <c r="M21" s="29">
        <v>9023979</v>
      </c>
      <c r="N21" s="24">
        <v>0</v>
      </c>
      <c r="O21" s="25">
        <v>0</v>
      </c>
      <c r="P21" s="26">
        <v>0</v>
      </c>
      <c r="Q21" s="404">
        <v>0</v>
      </c>
      <c r="R21" s="25">
        <v>25265</v>
      </c>
      <c r="S21" s="25">
        <v>63785</v>
      </c>
      <c r="T21" s="25">
        <v>1365675</v>
      </c>
      <c r="U21" s="25">
        <v>3002430</v>
      </c>
      <c r="V21" s="25">
        <v>1816110</v>
      </c>
      <c r="W21" s="28">
        <v>6273265</v>
      </c>
      <c r="X21" s="29">
        <v>6273265</v>
      </c>
      <c r="Y21" s="24">
        <v>0</v>
      </c>
      <c r="Z21" s="25">
        <v>0</v>
      </c>
      <c r="AA21" s="26">
        <v>0</v>
      </c>
      <c r="AB21" s="404">
        <v>0</v>
      </c>
      <c r="AC21" s="25">
        <v>179955</v>
      </c>
      <c r="AD21" s="25">
        <v>504470</v>
      </c>
      <c r="AE21" s="25">
        <v>434125</v>
      </c>
      <c r="AF21" s="25">
        <v>347490</v>
      </c>
      <c r="AG21" s="25">
        <v>277742</v>
      </c>
      <c r="AH21" s="28">
        <v>1743782</v>
      </c>
      <c r="AI21" s="29">
        <v>1743782</v>
      </c>
      <c r="AJ21" s="24">
        <v>0</v>
      </c>
      <c r="AK21" s="25">
        <v>0</v>
      </c>
      <c r="AL21" s="26">
        <v>0</v>
      </c>
      <c r="AM21" s="404">
        <v>0</v>
      </c>
      <c r="AN21" s="25">
        <v>0</v>
      </c>
      <c r="AO21" s="25">
        <v>0</v>
      </c>
      <c r="AP21" s="25">
        <v>0</v>
      </c>
      <c r="AQ21" s="25">
        <v>0</v>
      </c>
      <c r="AR21" s="25">
        <v>0</v>
      </c>
      <c r="AS21" s="28">
        <v>0</v>
      </c>
      <c r="AT21" s="29">
        <v>0</v>
      </c>
      <c r="AU21" s="24">
        <v>0</v>
      </c>
      <c r="AV21" s="25">
        <v>0</v>
      </c>
      <c r="AW21" s="26">
        <v>0</v>
      </c>
      <c r="AX21" s="404">
        <v>0</v>
      </c>
      <c r="AY21" s="25">
        <v>0</v>
      </c>
      <c r="AZ21" s="25">
        <v>0</v>
      </c>
      <c r="BA21" s="25">
        <v>0</v>
      </c>
      <c r="BB21" s="25">
        <v>14705</v>
      </c>
      <c r="BC21" s="25">
        <v>36530</v>
      </c>
      <c r="BD21" s="28">
        <v>51235</v>
      </c>
      <c r="BE21" s="29">
        <v>51235</v>
      </c>
      <c r="BF21" s="24">
        <v>0</v>
      </c>
      <c r="BG21" s="25">
        <v>0</v>
      </c>
      <c r="BH21" s="26">
        <v>0</v>
      </c>
      <c r="BI21" s="404">
        <v>0</v>
      </c>
      <c r="BJ21" s="25">
        <v>0</v>
      </c>
      <c r="BK21" s="25">
        <v>2550</v>
      </c>
      <c r="BL21" s="25">
        <v>35340</v>
      </c>
      <c r="BM21" s="25">
        <v>133300</v>
      </c>
      <c r="BN21" s="25">
        <v>37975</v>
      </c>
      <c r="BO21" s="28">
        <v>209165</v>
      </c>
      <c r="BP21" s="29">
        <v>209165</v>
      </c>
      <c r="BQ21" s="24">
        <v>0</v>
      </c>
      <c r="BR21" s="25">
        <v>8820</v>
      </c>
      <c r="BS21" s="26">
        <v>8820</v>
      </c>
      <c r="BT21" s="27">
        <v>0</v>
      </c>
      <c r="BU21" s="25">
        <v>46005</v>
      </c>
      <c r="BV21" s="25">
        <v>21462</v>
      </c>
      <c r="BW21" s="25">
        <v>324740</v>
      </c>
      <c r="BX21" s="25">
        <v>256500</v>
      </c>
      <c r="BY21" s="25">
        <v>73640</v>
      </c>
      <c r="BZ21" s="28">
        <v>722347</v>
      </c>
      <c r="CA21" s="29">
        <v>731167</v>
      </c>
      <c r="CB21" s="24">
        <v>0</v>
      </c>
      <c r="CC21" s="25">
        <v>0</v>
      </c>
      <c r="CD21" s="26">
        <v>0</v>
      </c>
      <c r="CE21" s="27">
        <v>0</v>
      </c>
      <c r="CF21" s="25">
        <v>1690</v>
      </c>
      <c r="CG21" s="25">
        <v>0</v>
      </c>
      <c r="CH21" s="25">
        <v>1725</v>
      </c>
      <c r="CI21" s="25">
        <v>11950</v>
      </c>
      <c r="CJ21" s="25">
        <v>0</v>
      </c>
      <c r="CK21" s="28">
        <v>15365</v>
      </c>
      <c r="CL21" s="29">
        <v>15365</v>
      </c>
      <c r="CM21" s="24">
        <v>0</v>
      </c>
      <c r="CN21" s="25">
        <v>0</v>
      </c>
      <c r="CO21" s="26">
        <v>0</v>
      </c>
      <c r="CP21" s="27">
        <v>0</v>
      </c>
      <c r="CQ21" s="25">
        <v>0</v>
      </c>
      <c r="CR21" s="25">
        <v>0</v>
      </c>
      <c r="CS21" s="25">
        <v>0</v>
      </c>
      <c r="CT21" s="25">
        <v>0</v>
      </c>
      <c r="CU21" s="25">
        <v>0</v>
      </c>
      <c r="CV21" s="28">
        <v>0</v>
      </c>
      <c r="CW21" s="29">
        <v>0</v>
      </c>
      <c r="CX21" s="24">
        <v>0</v>
      </c>
      <c r="CY21" s="25">
        <v>0</v>
      </c>
      <c r="CZ21" s="26">
        <v>0</v>
      </c>
      <c r="DA21" s="404">
        <v>0</v>
      </c>
      <c r="DB21" s="25">
        <v>0</v>
      </c>
      <c r="DC21" s="25">
        <v>0</v>
      </c>
      <c r="DD21" s="25">
        <v>0</v>
      </c>
      <c r="DE21" s="25">
        <v>0</v>
      </c>
      <c r="DF21" s="25">
        <v>0</v>
      </c>
      <c r="DG21" s="28">
        <v>0</v>
      </c>
      <c r="DH21" s="29">
        <v>0</v>
      </c>
      <c r="DI21" s="24">
        <v>0</v>
      </c>
      <c r="DJ21" s="25">
        <v>16663</v>
      </c>
      <c r="DK21" s="26">
        <v>16663</v>
      </c>
      <c r="DL21" s="27">
        <v>0</v>
      </c>
      <c r="DM21" s="25">
        <v>173662</v>
      </c>
      <c r="DN21" s="25">
        <v>309306</v>
      </c>
      <c r="DO21" s="25">
        <v>2600188</v>
      </c>
      <c r="DP21" s="25">
        <v>4450230</v>
      </c>
      <c r="DQ21" s="25">
        <v>2760991</v>
      </c>
      <c r="DR21" s="28">
        <v>10294377</v>
      </c>
      <c r="DS21" s="30">
        <v>10311040</v>
      </c>
      <c r="DT21" s="24">
        <v>0</v>
      </c>
      <c r="DU21" s="25">
        <v>0</v>
      </c>
      <c r="DV21" s="26">
        <v>0</v>
      </c>
      <c r="DW21" s="404">
        <v>0</v>
      </c>
      <c r="DX21" s="25">
        <v>42036</v>
      </c>
      <c r="DY21" s="25">
        <v>124486</v>
      </c>
      <c r="DZ21" s="25">
        <v>1832173</v>
      </c>
      <c r="EA21" s="25">
        <v>3786340</v>
      </c>
      <c r="EB21" s="25">
        <v>2498050</v>
      </c>
      <c r="EC21" s="28">
        <v>8283085</v>
      </c>
      <c r="ED21" s="29">
        <v>8283085</v>
      </c>
      <c r="EE21" s="24">
        <v>0</v>
      </c>
      <c r="EF21" s="25">
        <v>0</v>
      </c>
      <c r="EG21" s="26">
        <v>0</v>
      </c>
      <c r="EH21" s="404">
        <v>0</v>
      </c>
      <c r="EI21" s="25">
        <v>38254</v>
      </c>
      <c r="EJ21" s="25">
        <v>108831</v>
      </c>
      <c r="EK21" s="25">
        <v>148303</v>
      </c>
      <c r="EL21" s="25">
        <v>17440</v>
      </c>
      <c r="EM21" s="25">
        <v>15208</v>
      </c>
      <c r="EN21" s="28">
        <v>328036</v>
      </c>
      <c r="EO21" s="29">
        <v>328036</v>
      </c>
      <c r="EP21" s="24">
        <v>0</v>
      </c>
      <c r="EQ21" s="25">
        <v>0</v>
      </c>
      <c r="ER21" s="26">
        <v>0</v>
      </c>
      <c r="ES21" s="404">
        <v>0</v>
      </c>
      <c r="ET21" s="25">
        <v>0</v>
      </c>
      <c r="EU21" s="25">
        <v>0</v>
      </c>
      <c r="EV21" s="25">
        <v>0</v>
      </c>
      <c r="EW21" s="25">
        <v>0</v>
      </c>
      <c r="EX21" s="25">
        <v>0</v>
      </c>
      <c r="EY21" s="28">
        <v>0</v>
      </c>
      <c r="EZ21" s="29">
        <v>0</v>
      </c>
      <c r="FA21" s="24">
        <v>0</v>
      </c>
      <c r="FB21" s="25">
        <v>0</v>
      </c>
      <c r="FC21" s="26">
        <v>0</v>
      </c>
      <c r="FD21" s="404">
        <v>0</v>
      </c>
      <c r="FE21" s="25">
        <v>0</v>
      </c>
      <c r="FF21" s="25">
        <v>0</v>
      </c>
      <c r="FG21" s="25">
        <v>0</v>
      </c>
      <c r="FH21" s="25">
        <v>1029</v>
      </c>
      <c r="FI21" s="25">
        <v>651</v>
      </c>
      <c r="FJ21" s="28">
        <v>1680</v>
      </c>
      <c r="FK21" s="29">
        <v>1680</v>
      </c>
      <c r="FL21" s="24">
        <v>0</v>
      </c>
      <c r="FM21" s="25">
        <v>0</v>
      </c>
      <c r="FN21" s="26">
        <v>0</v>
      </c>
      <c r="FO21" s="404">
        <v>0</v>
      </c>
      <c r="FP21" s="25">
        <v>0</v>
      </c>
      <c r="FQ21" s="25">
        <v>21576</v>
      </c>
      <c r="FR21" s="25">
        <v>58342</v>
      </c>
      <c r="FS21" s="25">
        <v>218178</v>
      </c>
      <c r="FT21" s="25">
        <v>79918</v>
      </c>
      <c r="FU21" s="28">
        <v>378014</v>
      </c>
      <c r="FV21" s="29">
        <v>378014</v>
      </c>
      <c r="FW21" s="24">
        <v>0</v>
      </c>
      <c r="FX21" s="25">
        <v>16663</v>
      </c>
      <c r="FY21" s="26">
        <v>16663</v>
      </c>
      <c r="FZ21" s="27">
        <v>0</v>
      </c>
      <c r="GA21" s="25">
        <v>91016</v>
      </c>
      <c r="GB21" s="25">
        <v>54413</v>
      </c>
      <c r="GC21" s="25">
        <v>561279</v>
      </c>
      <c r="GD21" s="25">
        <v>421117</v>
      </c>
      <c r="GE21" s="25">
        <v>167164</v>
      </c>
      <c r="GF21" s="28">
        <v>1294989</v>
      </c>
      <c r="GG21" s="29">
        <v>1311652</v>
      </c>
      <c r="GH21" s="24">
        <v>0</v>
      </c>
      <c r="GI21" s="25">
        <v>0</v>
      </c>
      <c r="GJ21" s="26">
        <v>0</v>
      </c>
      <c r="GK21" s="27">
        <v>0</v>
      </c>
      <c r="GL21" s="25">
        <v>2356</v>
      </c>
      <c r="GM21" s="25">
        <v>0</v>
      </c>
      <c r="GN21" s="25">
        <v>91</v>
      </c>
      <c r="GO21" s="25">
        <v>6126</v>
      </c>
      <c r="GP21" s="25">
        <v>0</v>
      </c>
      <c r="GQ21" s="28">
        <v>8573</v>
      </c>
      <c r="GR21" s="29">
        <v>8573</v>
      </c>
      <c r="GS21" s="24">
        <v>0</v>
      </c>
      <c r="GT21" s="25">
        <v>0</v>
      </c>
      <c r="GU21" s="26">
        <v>0</v>
      </c>
      <c r="GV21" s="27">
        <v>0</v>
      </c>
      <c r="GW21" s="25">
        <v>0</v>
      </c>
      <c r="GX21" s="25">
        <v>0</v>
      </c>
      <c r="GY21" s="25">
        <v>0</v>
      </c>
      <c r="GZ21" s="25">
        <v>0</v>
      </c>
      <c r="HA21" s="25">
        <v>0</v>
      </c>
      <c r="HB21" s="28">
        <v>0</v>
      </c>
      <c r="HC21" s="29">
        <v>0</v>
      </c>
      <c r="HD21" s="24">
        <v>0</v>
      </c>
      <c r="HE21" s="25">
        <v>0</v>
      </c>
      <c r="HF21" s="26">
        <v>0</v>
      </c>
      <c r="HG21" s="404">
        <v>0</v>
      </c>
      <c r="HH21" s="25">
        <v>0</v>
      </c>
      <c r="HI21" s="25">
        <v>0</v>
      </c>
      <c r="HJ21" s="25">
        <v>0</v>
      </c>
      <c r="HK21" s="25">
        <v>0</v>
      </c>
      <c r="HL21" s="25">
        <v>0</v>
      </c>
      <c r="HM21" s="28">
        <v>0</v>
      </c>
      <c r="HN21" s="29">
        <v>0</v>
      </c>
      <c r="HO21" s="24">
        <v>0</v>
      </c>
      <c r="HP21" s="25">
        <v>25483</v>
      </c>
      <c r="HQ21" s="26">
        <v>25483</v>
      </c>
      <c r="HR21" s="27">
        <v>0</v>
      </c>
      <c r="HS21" s="25">
        <v>426577</v>
      </c>
      <c r="HT21" s="25">
        <v>901573</v>
      </c>
      <c r="HU21" s="25">
        <v>4761793</v>
      </c>
      <c r="HV21" s="25">
        <v>8216605</v>
      </c>
      <c r="HW21" s="25">
        <v>5002988</v>
      </c>
      <c r="HX21" s="28">
        <v>19309536</v>
      </c>
      <c r="HY21" s="29">
        <v>19335019</v>
      </c>
    </row>
    <row r="22" spans="2:233" ht="21" customHeight="1" x14ac:dyDescent="0.2">
      <c r="B22" s="106" t="s">
        <v>19</v>
      </c>
      <c r="C22" s="24">
        <v>0</v>
      </c>
      <c r="D22" s="25">
        <v>0</v>
      </c>
      <c r="E22" s="26">
        <v>0</v>
      </c>
      <c r="F22" s="27">
        <v>0</v>
      </c>
      <c r="G22" s="25">
        <v>200120</v>
      </c>
      <c r="H22" s="25">
        <v>403750</v>
      </c>
      <c r="I22" s="25">
        <v>1538105</v>
      </c>
      <c r="J22" s="25">
        <v>1394690</v>
      </c>
      <c r="K22" s="25">
        <v>1204000</v>
      </c>
      <c r="L22" s="28">
        <v>4740665</v>
      </c>
      <c r="M22" s="29">
        <v>4740665</v>
      </c>
      <c r="N22" s="24">
        <v>0</v>
      </c>
      <c r="O22" s="25">
        <v>0</v>
      </c>
      <c r="P22" s="26">
        <v>0</v>
      </c>
      <c r="Q22" s="404">
        <v>0</v>
      </c>
      <c r="R22" s="25">
        <v>0</v>
      </c>
      <c r="S22" s="25">
        <v>48585</v>
      </c>
      <c r="T22" s="25">
        <v>1095355</v>
      </c>
      <c r="U22" s="25">
        <v>1108980</v>
      </c>
      <c r="V22" s="25">
        <v>1039455</v>
      </c>
      <c r="W22" s="28">
        <v>3292375</v>
      </c>
      <c r="X22" s="29">
        <v>3292375</v>
      </c>
      <c r="Y22" s="24">
        <v>0</v>
      </c>
      <c r="Z22" s="25">
        <v>0</v>
      </c>
      <c r="AA22" s="26">
        <v>0</v>
      </c>
      <c r="AB22" s="404">
        <v>0</v>
      </c>
      <c r="AC22" s="25">
        <v>180815</v>
      </c>
      <c r="AD22" s="25">
        <v>285945</v>
      </c>
      <c r="AE22" s="25">
        <v>390840</v>
      </c>
      <c r="AF22" s="25">
        <v>246990</v>
      </c>
      <c r="AG22" s="25">
        <v>106530</v>
      </c>
      <c r="AH22" s="28">
        <v>1211120</v>
      </c>
      <c r="AI22" s="29">
        <v>1211120</v>
      </c>
      <c r="AJ22" s="24">
        <v>0</v>
      </c>
      <c r="AK22" s="25">
        <v>0</v>
      </c>
      <c r="AL22" s="26">
        <v>0</v>
      </c>
      <c r="AM22" s="404">
        <v>0</v>
      </c>
      <c r="AN22" s="25">
        <v>0</v>
      </c>
      <c r="AO22" s="25">
        <v>0</v>
      </c>
      <c r="AP22" s="25">
        <v>0</v>
      </c>
      <c r="AQ22" s="25">
        <v>0</v>
      </c>
      <c r="AR22" s="25">
        <v>0</v>
      </c>
      <c r="AS22" s="28">
        <v>0</v>
      </c>
      <c r="AT22" s="29">
        <v>0</v>
      </c>
      <c r="AU22" s="24">
        <v>0</v>
      </c>
      <c r="AV22" s="25">
        <v>0</v>
      </c>
      <c r="AW22" s="26">
        <v>0</v>
      </c>
      <c r="AX22" s="404">
        <v>0</v>
      </c>
      <c r="AY22" s="25">
        <v>0</v>
      </c>
      <c r="AZ22" s="25">
        <v>0</v>
      </c>
      <c r="BA22" s="25">
        <v>0</v>
      </c>
      <c r="BB22" s="25">
        <v>0</v>
      </c>
      <c r="BC22" s="25">
        <v>22260</v>
      </c>
      <c r="BD22" s="28">
        <v>22260</v>
      </c>
      <c r="BE22" s="29">
        <v>22260</v>
      </c>
      <c r="BF22" s="24">
        <v>0</v>
      </c>
      <c r="BG22" s="25">
        <v>0</v>
      </c>
      <c r="BH22" s="26">
        <v>0</v>
      </c>
      <c r="BI22" s="404">
        <v>0</v>
      </c>
      <c r="BJ22" s="25">
        <v>0</v>
      </c>
      <c r="BK22" s="25">
        <v>0</v>
      </c>
      <c r="BL22" s="25">
        <v>0</v>
      </c>
      <c r="BM22" s="25">
        <v>0</v>
      </c>
      <c r="BN22" s="25">
        <v>0</v>
      </c>
      <c r="BO22" s="28">
        <v>0</v>
      </c>
      <c r="BP22" s="29">
        <v>0</v>
      </c>
      <c r="BQ22" s="24">
        <v>0</v>
      </c>
      <c r="BR22" s="25">
        <v>0</v>
      </c>
      <c r="BS22" s="26">
        <v>0</v>
      </c>
      <c r="BT22" s="27">
        <v>0</v>
      </c>
      <c r="BU22" s="25">
        <v>19305</v>
      </c>
      <c r="BV22" s="25">
        <v>68625</v>
      </c>
      <c r="BW22" s="25">
        <v>41425</v>
      </c>
      <c r="BX22" s="25">
        <v>38125</v>
      </c>
      <c r="BY22" s="25">
        <v>35030</v>
      </c>
      <c r="BZ22" s="28">
        <v>202510</v>
      </c>
      <c r="CA22" s="29">
        <v>202510</v>
      </c>
      <c r="CB22" s="24">
        <v>0</v>
      </c>
      <c r="CC22" s="25">
        <v>0</v>
      </c>
      <c r="CD22" s="26">
        <v>0</v>
      </c>
      <c r="CE22" s="27">
        <v>0</v>
      </c>
      <c r="CF22" s="25">
        <v>0</v>
      </c>
      <c r="CG22" s="25">
        <v>595</v>
      </c>
      <c r="CH22" s="25">
        <v>10485</v>
      </c>
      <c r="CI22" s="25">
        <v>595</v>
      </c>
      <c r="CJ22" s="25">
        <v>725</v>
      </c>
      <c r="CK22" s="28">
        <v>12400</v>
      </c>
      <c r="CL22" s="29">
        <v>12400</v>
      </c>
      <c r="CM22" s="24">
        <v>0</v>
      </c>
      <c r="CN22" s="25">
        <v>0</v>
      </c>
      <c r="CO22" s="26">
        <v>0</v>
      </c>
      <c r="CP22" s="27">
        <v>0</v>
      </c>
      <c r="CQ22" s="25">
        <v>0</v>
      </c>
      <c r="CR22" s="25">
        <v>0</v>
      </c>
      <c r="CS22" s="25">
        <v>0</v>
      </c>
      <c r="CT22" s="25">
        <v>0</v>
      </c>
      <c r="CU22" s="25">
        <v>0</v>
      </c>
      <c r="CV22" s="28">
        <v>0</v>
      </c>
      <c r="CW22" s="29">
        <v>0</v>
      </c>
      <c r="CX22" s="24">
        <v>0</v>
      </c>
      <c r="CY22" s="25">
        <v>0</v>
      </c>
      <c r="CZ22" s="26">
        <v>0</v>
      </c>
      <c r="DA22" s="404">
        <v>0</v>
      </c>
      <c r="DB22" s="25">
        <v>0</v>
      </c>
      <c r="DC22" s="25">
        <v>0</v>
      </c>
      <c r="DD22" s="25">
        <v>0</v>
      </c>
      <c r="DE22" s="25">
        <v>0</v>
      </c>
      <c r="DF22" s="25">
        <v>0</v>
      </c>
      <c r="DG22" s="28">
        <v>0</v>
      </c>
      <c r="DH22" s="29">
        <v>0</v>
      </c>
      <c r="DI22" s="24">
        <v>0</v>
      </c>
      <c r="DJ22" s="25">
        <v>0</v>
      </c>
      <c r="DK22" s="26">
        <v>0</v>
      </c>
      <c r="DL22" s="27">
        <v>0</v>
      </c>
      <c r="DM22" s="25">
        <v>48492</v>
      </c>
      <c r="DN22" s="25">
        <v>271451</v>
      </c>
      <c r="DO22" s="25">
        <v>1881784</v>
      </c>
      <c r="DP22" s="25">
        <v>1711263</v>
      </c>
      <c r="DQ22" s="25">
        <v>1352337</v>
      </c>
      <c r="DR22" s="28">
        <v>5265327</v>
      </c>
      <c r="DS22" s="30">
        <v>5265327</v>
      </c>
      <c r="DT22" s="24">
        <v>0</v>
      </c>
      <c r="DU22" s="25">
        <v>0</v>
      </c>
      <c r="DV22" s="26">
        <v>0</v>
      </c>
      <c r="DW22" s="404">
        <v>0</v>
      </c>
      <c r="DX22" s="25">
        <v>0</v>
      </c>
      <c r="DY22" s="25">
        <v>126683</v>
      </c>
      <c r="DZ22" s="25">
        <v>1796656</v>
      </c>
      <c r="EA22" s="25">
        <v>1625963</v>
      </c>
      <c r="EB22" s="25">
        <v>1301908</v>
      </c>
      <c r="EC22" s="28">
        <v>4851210</v>
      </c>
      <c r="ED22" s="29">
        <v>4851210</v>
      </c>
      <c r="EE22" s="24">
        <v>0</v>
      </c>
      <c r="EF22" s="25">
        <v>0</v>
      </c>
      <c r="EG22" s="26">
        <v>0</v>
      </c>
      <c r="EH22" s="404">
        <v>0</v>
      </c>
      <c r="EI22" s="25">
        <v>15772</v>
      </c>
      <c r="EJ22" s="25">
        <v>66783</v>
      </c>
      <c r="EK22" s="25">
        <v>18160</v>
      </c>
      <c r="EL22" s="25">
        <v>24678</v>
      </c>
      <c r="EM22" s="25">
        <v>23261</v>
      </c>
      <c r="EN22" s="28">
        <v>148654</v>
      </c>
      <c r="EO22" s="29">
        <v>148654</v>
      </c>
      <c r="EP22" s="24">
        <v>0</v>
      </c>
      <c r="EQ22" s="25">
        <v>0</v>
      </c>
      <c r="ER22" s="26">
        <v>0</v>
      </c>
      <c r="ES22" s="404">
        <v>0</v>
      </c>
      <c r="ET22" s="25">
        <v>0</v>
      </c>
      <c r="EU22" s="25">
        <v>0</v>
      </c>
      <c r="EV22" s="25">
        <v>0</v>
      </c>
      <c r="EW22" s="25">
        <v>0</v>
      </c>
      <c r="EX22" s="25">
        <v>0</v>
      </c>
      <c r="EY22" s="28">
        <v>0</v>
      </c>
      <c r="EZ22" s="29">
        <v>0</v>
      </c>
      <c r="FA22" s="24">
        <v>0</v>
      </c>
      <c r="FB22" s="25">
        <v>0</v>
      </c>
      <c r="FC22" s="26">
        <v>0</v>
      </c>
      <c r="FD22" s="404">
        <v>0</v>
      </c>
      <c r="FE22" s="25">
        <v>0</v>
      </c>
      <c r="FF22" s="25">
        <v>0</v>
      </c>
      <c r="FG22" s="25">
        <v>0</v>
      </c>
      <c r="FH22" s="25">
        <v>0</v>
      </c>
      <c r="FI22" s="25">
        <v>196</v>
      </c>
      <c r="FJ22" s="28">
        <v>196</v>
      </c>
      <c r="FK22" s="29">
        <v>196</v>
      </c>
      <c r="FL22" s="24">
        <v>0</v>
      </c>
      <c r="FM22" s="25">
        <v>0</v>
      </c>
      <c r="FN22" s="26">
        <v>0</v>
      </c>
      <c r="FO22" s="404">
        <v>0</v>
      </c>
      <c r="FP22" s="25">
        <v>0</v>
      </c>
      <c r="FQ22" s="25">
        <v>0</v>
      </c>
      <c r="FR22" s="25">
        <v>0</v>
      </c>
      <c r="FS22" s="25">
        <v>0</v>
      </c>
      <c r="FT22" s="25">
        <v>0</v>
      </c>
      <c r="FU22" s="28">
        <v>0</v>
      </c>
      <c r="FV22" s="29">
        <v>0</v>
      </c>
      <c r="FW22" s="24">
        <v>0</v>
      </c>
      <c r="FX22" s="25">
        <v>0</v>
      </c>
      <c r="FY22" s="26">
        <v>0</v>
      </c>
      <c r="FZ22" s="27">
        <v>0</v>
      </c>
      <c r="GA22" s="25">
        <v>32720</v>
      </c>
      <c r="GB22" s="25">
        <v>77936</v>
      </c>
      <c r="GC22" s="25">
        <v>63985</v>
      </c>
      <c r="GD22" s="25">
        <v>59492</v>
      </c>
      <c r="GE22" s="25">
        <v>23750</v>
      </c>
      <c r="GF22" s="28">
        <v>257883</v>
      </c>
      <c r="GG22" s="29">
        <v>257883</v>
      </c>
      <c r="GH22" s="24">
        <v>0</v>
      </c>
      <c r="GI22" s="25">
        <v>0</v>
      </c>
      <c r="GJ22" s="26">
        <v>0</v>
      </c>
      <c r="GK22" s="27">
        <v>0</v>
      </c>
      <c r="GL22" s="25">
        <v>0</v>
      </c>
      <c r="GM22" s="25">
        <v>49</v>
      </c>
      <c r="GN22" s="25">
        <v>2983</v>
      </c>
      <c r="GO22" s="25">
        <v>1130</v>
      </c>
      <c r="GP22" s="25">
        <v>3222</v>
      </c>
      <c r="GQ22" s="28">
        <v>7384</v>
      </c>
      <c r="GR22" s="29">
        <v>7384</v>
      </c>
      <c r="GS22" s="24">
        <v>0</v>
      </c>
      <c r="GT22" s="25">
        <v>0</v>
      </c>
      <c r="GU22" s="26">
        <v>0</v>
      </c>
      <c r="GV22" s="27">
        <v>0</v>
      </c>
      <c r="GW22" s="25">
        <v>0</v>
      </c>
      <c r="GX22" s="25">
        <v>0</v>
      </c>
      <c r="GY22" s="25">
        <v>0</v>
      </c>
      <c r="GZ22" s="25">
        <v>0</v>
      </c>
      <c r="HA22" s="25">
        <v>0</v>
      </c>
      <c r="HB22" s="28">
        <v>0</v>
      </c>
      <c r="HC22" s="29">
        <v>0</v>
      </c>
      <c r="HD22" s="24">
        <v>0</v>
      </c>
      <c r="HE22" s="25">
        <v>0</v>
      </c>
      <c r="HF22" s="26">
        <v>0</v>
      </c>
      <c r="HG22" s="404">
        <v>0</v>
      </c>
      <c r="HH22" s="25">
        <v>0</v>
      </c>
      <c r="HI22" s="25">
        <v>0</v>
      </c>
      <c r="HJ22" s="25">
        <v>0</v>
      </c>
      <c r="HK22" s="25">
        <v>0</v>
      </c>
      <c r="HL22" s="25">
        <v>0</v>
      </c>
      <c r="HM22" s="28">
        <v>0</v>
      </c>
      <c r="HN22" s="29">
        <v>0</v>
      </c>
      <c r="HO22" s="24">
        <v>0</v>
      </c>
      <c r="HP22" s="25">
        <v>0</v>
      </c>
      <c r="HQ22" s="26">
        <v>0</v>
      </c>
      <c r="HR22" s="27">
        <v>0</v>
      </c>
      <c r="HS22" s="25">
        <v>248612</v>
      </c>
      <c r="HT22" s="25">
        <v>675201</v>
      </c>
      <c r="HU22" s="25">
        <v>3419889</v>
      </c>
      <c r="HV22" s="25">
        <v>3105953</v>
      </c>
      <c r="HW22" s="25">
        <v>2556337</v>
      </c>
      <c r="HX22" s="28">
        <v>10005992</v>
      </c>
      <c r="HY22" s="29">
        <v>10005992</v>
      </c>
    </row>
    <row r="23" spans="2:233" ht="21" customHeight="1" x14ac:dyDescent="0.2">
      <c r="B23" s="106" t="s">
        <v>20</v>
      </c>
      <c r="C23" s="24">
        <v>0</v>
      </c>
      <c r="D23" s="25">
        <v>0</v>
      </c>
      <c r="E23" s="26">
        <v>0</v>
      </c>
      <c r="F23" s="27">
        <v>0</v>
      </c>
      <c r="G23" s="25">
        <v>126455</v>
      </c>
      <c r="H23" s="25">
        <v>438800</v>
      </c>
      <c r="I23" s="25">
        <v>1299890</v>
      </c>
      <c r="J23" s="25">
        <v>1439295</v>
      </c>
      <c r="K23" s="25">
        <v>786920</v>
      </c>
      <c r="L23" s="28">
        <v>4091360</v>
      </c>
      <c r="M23" s="29">
        <v>4091360</v>
      </c>
      <c r="N23" s="24">
        <v>0</v>
      </c>
      <c r="O23" s="25">
        <v>0</v>
      </c>
      <c r="P23" s="26">
        <v>0</v>
      </c>
      <c r="Q23" s="404">
        <v>0</v>
      </c>
      <c r="R23" s="25">
        <v>5185</v>
      </c>
      <c r="S23" s="25">
        <v>213495</v>
      </c>
      <c r="T23" s="25">
        <v>1085370</v>
      </c>
      <c r="U23" s="25">
        <v>1240140</v>
      </c>
      <c r="V23" s="25">
        <v>694025</v>
      </c>
      <c r="W23" s="28">
        <v>3238215</v>
      </c>
      <c r="X23" s="29">
        <v>3238215</v>
      </c>
      <c r="Y23" s="24">
        <v>0</v>
      </c>
      <c r="Z23" s="25">
        <v>0</v>
      </c>
      <c r="AA23" s="26">
        <v>0</v>
      </c>
      <c r="AB23" s="404">
        <v>0</v>
      </c>
      <c r="AC23" s="25">
        <v>98115</v>
      </c>
      <c r="AD23" s="25">
        <v>174375</v>
      </c>
      <c r="AE23" s="25">
        <v>133385</v>
      </c>
      <c r="AF23" s="25">
        <v>134725</v>
      </c>
      <c r="AG23" s="25">
        <v>62605</v>
      </c>
      <c r="AH23" s="28">
        <v>603205</v>
      </c>
      <c r="AI23" s="29">
        <v>603205</v>
      </c>
      <c r="AJ23" s="24">
        <v>0</v>
      </c>
      <c r="AK23" s="25">
        <v>0</v>
      </c>
      <c r="AL23" s="26">
        <v>0</v>
      </c>
      <c r="AM23" s="404">
        <v>0</v>
      </c>
      <c r="AN23" s="25">
        <v>0</v>
      </c>
      <c r="AO23" s="25">
        <v>0</v>
      </c>
      <c r="AP23" s="25">
        <v>0</v>
      </c>
      <c r="AQ23" s="25">
        <v>0</v>
      </c>
      <c r="AR23" s="25">
        <v>0</v>
      </c>
      <c r="AS23" s="28">
        <v>0</v>
      </c>
      <c r="AT23" s="29">
        <v>0</v>
      </c>
      <c r="AU23" s="24">
        <v>0</v>
      </c>
      <c r="AV23" s="25">
        <v>0</v>
      </c>
      <c r="AW23" s="26">
        <v>0</v>
      </c>
      <c r="AX23" s="404">
        <v>0</v>
      </c>
      <c r="AY23" s="25">
        <v>0</v>
      </c>
      <c r="AZ23" s="25">
        <v>0</v>
      </c>
      <c r="BA23" s="25">
        <v>0</v>
      </c>
      <c r="BB23" s="25">
        <v>0</v>
      </c>
      <c r="BC23" s="25">
        <v>0</v>
      </c>
      <c r="BD23" s="28">
        <v>0</v>
      </c>
      <c r="BE23" s="29">
        <v>0</v>
      </c>
      <c r="BF23" s="24">
        <v>0</v>
      </c>
      <c r="BG23" s="25">
        <v>0</v>
      </c>
      <c r="BH23" s="26">
        <v>0</v>
      </c>
      <c r="BI23" s="404">
        <v>0</v>
      </c>
      <c r="BJ23" s="25">
        <v>0</v>
      </c>
      <c r="BK23" s="25">
        <v>0</v>
      </c>
      <c r="BL23" s="25">
        <v>0</v>
      </c>
      <c r="BM23" s="25">
        <v>0</v>
      </c>
      <c r="BN23" s="25">
        <v>0</v>
      </c>
      <c r="BO23" s="28">
        <v>0</v>
      </c>
      <c r="BP23" s="29">
        <v>0</v>
      </c>
      <c r="BQ23" s="24">
        <v>0</v>
      </c>
      <c r="BR23" s="25">
        <v>0</v>
      </c>
      <c r="BS23" s="26">
        <v>0</v>
      </c>
      <c r="BT23" s="27">
        <v>0</v>
      </c>
      <c r="BU23" s="25">
        <v>23155</v>
      </c>
      <c r="BV23" s="25">
        <v>50495</v>
      </c>
      <c r="BW23" s="25">
        <v>81135</v>
      </c>
      <c r="BX23" s="25">
        <v>63415</v>
      </c>
      <c r="BY23" s="25">
        <v>30290</v>
      </c>
      <c r="BZ23" s="28">
        <v>248490</v>
      </c>
      <c r="CA23" s="29">
        <v>248490</v>
      </c>
      <c r="CB23" s="24">
        <v>0</v>
      </c>
      <c r="CC23" s="25">
        <v>0</v>
      </c>
      <c r="CD23" s="26">
        <v>0</v>
      </c>
      <c r="CE23" s="27">
        <v>0</v>
      </c>
      <c r="CF23" s="25">
        <v>0</v>
      </c>
      <c r="CG23" s="25">
        <v>435</v>
      </c>
      <c r="CH23" s="25">
        <v>0</v>
      </c>
      <c r="CI23" s="25">
        <v>1015</v>
      </c>
      <c r="CJ23" s="25">
        <v>0</v>
      </c>
      <c r="CK23" s="28">
        <v>1450</v>
      </c>
      <c r="CL23" s="29">
        <v>1450</v>
      </c>
      <c r="CM23" s="24">
        <v>0</v>
      </c>
      <c r="CN23" s="25">
        <v>0</v>
      </c>
      <c r="CO23" s="26">
        <v>0</v>
      </c>
      <c r="CP23" s="27">
        <v>0</v>
      </c>
      <c r="CQ23" s="25">
        <v>0</v>
      </c>
      <c r="CR23" s="25">
        <v>0</v>
      </c>
      <c r="CS23" s="25">
        <v>0</v>
      </c>
      <c r="CT23" s="25">
        <v>0</v>
      </c>
      <c r="CU23" s="25">
        <v>0</v>
      </c>
      <c r="CV23" s="28">
        <v>0</v>
      </c>
      <c r="CW23" s="29">
        <v>0</v>
      </c>
      <c r="CX23" s="24">
        <v>0</v>
      </c>
      <c r="CY23" s="25">
        <v>0</v>
      </c>
      <c r="CZ23" s="26">
        <v>0</v>
      </c>
      <c r="DA23" s="404">
        <v>0</v>
      </c>
      <c r="DB23" s="25">
        <v>0</v>
      </c>
      <c r="DC23" s="25">
        <v>0</v>
      </c>
      <c r="DD23" s="25">
        <v>0</v>
      </c>
      <c r="DE23" s="25">
        <v>0</v>
      </c>
      <c r="DF23" s="25">
        <v>0</v>
      </c>
      <c r="DG23" s="28">
        <v>0</v>
      </c>
      <c r="DH23" s="29">
        <v>0</v>
      </c>
      <c r="DI23" s="24">
        <v>0</v>
      </c>
      <c r="DJ23" s="25">
        <v>0</v>
      </c>
      <c r="DK23" s="26">
        <v>0</v>
      </c>
      <c r="DL23" s="27">
        <v>0</v>
      </c>
      <c r="DM23" s="25">
        <v>97541</v>
      </c>
      <c r="DN23" s="25">
        <v>378166</v>
      </c>
      <c r="DO23" s="25">
        <v>1862078</v>
      </c>
      <c r="DP23" s="25">
        <v>2426701</v>
      </c>
      <c r="DQ23" s="25">
        <v>1076127</v>
      </c>
      <c r="DR23" s="28">
        <v>5840613</v>
      </c>
      <c r="DS23" s="30">
        <v>5840613</v>
      </c>
      <c r="DT23" s="24">
        <v>0</v>
      </c>
      <c r="DU23" s="25">
        <v>0</v>
      </c>
      <c r="DV23" s="26">
        <v>0</v>
      </c>
      <c r="DW23" s="404">
        <v>0</v>
      </c>
      <c r="DX23" s="25">
        <v>25916</v>
      </c>
      <c r="DY23" s="25">
        <v>247492</v>
      </c>
      <c r="DZ23" s="25">
        <v>1680898</v>
      </c>
      <c r="EA23" s="25">
        <v>2262174</v>
      </c>
      <c r="EB23" s="25">
        <v>999086</v>
      </c>
      <c r="EC23" s="28">
        <v>5215566</v>
      </c>
      <c r="ED23" s="29">
        <v>5215566</v>
      </c>
      <c r="EE23" s="24">
        <v>0</v>
      </c>
      <c r="EF23" s="25">
        <v>0</v>
      </c>
      <c r="EG23" s="26">
        <v>0</v>
      </c>
      <c r="EH23" s="404">
        <v>0</v>
      </c>
      <c r="EI23" s="25">
        <v>23436</v>
      </c>
      <c r="EJ23" s="25">
        <v>13702</v>
      </c>
      <c r="EK23" s="25">
        <v>2094</v>
      </c>
      <c r="EL23" s="25">
        <v>17675</v>
      </c>
      <c r="EM23" s="25">
        <v>1736</v>
      </c>
      <c r="EN23" s="28">
        <v>58643</v>
      </c>
      <c r="EO23" s="29">
        <v>58643</v>
      </c>
      <c r="EP23" s="24">
        <v>0</v>
      </c>
      <c r="EQ23" s="25">
        <v>0</v>
      </c>
      <c r="ER23" s="26">
        <v>0</v>
      </c>
      <c r="ES23" s="404">
        <v>0</v>
      </c>
      <c r="ET23" s="25">
        <v>0</v>
      </c>
      <c r="EU23" s="25">
        <v>0</v>
      </c>
      <c r="EV23" s="25">
        <v>0</v>
      </c>
      <c r="EW23" s="25">
        <v>0</v>
      </c>
      <c r="EX23" s="25">
        <v>0</v>
      </c>
      <c r="EY23" s="28">
        <v>0</v>
      </c>
      <c r="EZ23" s="29">
        <v>0</v>
      </c>
      <c r="FA23" s="24">
        <v>0</v>
      </c>
      <c r="FB23" s="25">
        <v>0</v>
      </c>
      <c r="FC23" s="26">
        <v>0</v>
      </c>
      <c r="FD23" s="404">
        <v>0</v>
      </c>
      <c r="FE23" s="25">
        <v>0</v>
      </c>
      <c r="FF23" s="25">
        <v>0</v>
      </c>
      <c r="FG23" s="25">
        <v>0</v>
      </c>
      <c r="FH23" s="25">
        <v>0</v>
      </c>
      <c r="FI23" s="25">
        <v>0</v>
      </c>
      <c r="FJ23" s="28">
        <v>0</v>
      </c>
      <c r="FK23" s="29">
        <v>0</v>
      </c>
      <c r="FL23" s="24">
        <v>0</v>
      </c>
      <c r="FM23" s="25">
        <v>0</v>
      </c>
      <c r="FN23" s="26">
        <v>0</v>
      </c>
      <c r="FO23" s="404">
        <v>0</v>
      </c>
      <c r="FP23" s="25">
        <v>0</v>
      </c>
      <c r="FQ23" s="25">
        <v>0</v>
      </c>
      <c r="FR23" s="25">
        <v>0</v>
      </c>
      <c r="FS23" s="25">
        <v>0</v>
      </c>
      <c r="FT23" s="25">
        <v>0</v>
      </c>
      <c r="FU23" s="28">
        <v>0</v>
      </c>
      <c r="FV23" s="29">
        <v>0</v>
      </c>
      <c r="FW23" s="24">
        <v>0</v>
      </c>
      <c r="FX23" s="25">
        <v>0</v>
      </c>
      <c r="FY23" s="26">
        <v>0</v>
      </c>
      <c r="FZ23" s="27">
        <v>0</v>
      </c>
      <c r="GA23" s="25">
        <v>48189</v>
      </c>
      <c r="GB23" s="25">
        <v>115540</v>
      </c>
      <c r="GC23" s="25">
        <v>179086</v>
      </c>
      <c r="GD23" s="25">
        <v>143988</v>
      </c>
      <c r="GE23" s="25">
        <v>72441</v>
      </c>
      <c r="GF23" s="28">
        <v>559244</v>
      </c>
      <c r="GG23" s="29">
        <v>559244</v>
      </c>
      <c r="GH23" s="24">
        <v>0</v>
      </c>
      <c r="GI23" s="25">
        <v>0</v>
      </c>
      <c r="GJ23" s="26">
        <v>0</v>
      </c>
      <c r="GK23" s="27">
        <v>0</v>
      </c>
      <c r="GL23" s="25">
        <v>0</v>
      </c>
      <c r="GM23" s="25">
        <v>1432</v>
      </c>
      <c r="GN23" s="25">
        <v>0</v>
      </c>
      <c r="GO23" s="25">
        <v>2864</v>
      </c>
      <c r="GP23" s="25">
        <v>2864</v>
      </c>
      <c r="GQ23" s="28">
        <v>7160</v>
      </c>
      <c r="GR23" s="29">
        <v>7160</v>
      </c>
      <c r="GS23" s="24">
        <v>0</v>
      </c>
      <c r="GT23" s="25">
        <v>0</v>
      </c>
      <c r="GU23" s="26">
        <v>0</v>
      </c>
      <c r="GV23" s="27">
        <v>0</v>
      </c>
      <c r="GW23" s="25">
        <v>0</v>
      </c>
      <c r="GX23" s="25">
        <v>0</v>
      </c>
      <c r="GY23" s="25">
        <v>0</v>
      </c>
      <c r="GZ23" s="25">
        <v>0</v>
      </c>
      <c r="HA23" s="25">
        <v>0</v>
      </c>
      <c r="HB23" s="28">
        <v>0</v>
      </c>
      <c r="HC23" s="29">
        <v>0</v>
      </c>
      <c r="HD23" s="24">
        <v>0</v>
      </c>
      <c r="HE23" s="25">
        <v>0</v>
      </c>
      <c r="HF23" s="26">
        <v>0</v>
      </c>
      <c r="HG23" s="404">
        <v>0</v>
      </c>
      <c r="HH23" s="25">
        <v>0</v>
      </c>
      <c r="HI23" s="25">
        <v>0</v>
      </c>
      <c r="HJ23" s="25">
        <v>0</v>
      </c>
      <c r="HK23" s="25">
        <v>0</v>
      </c>
      <c r="HL23" s="25">
        <v>0</v>
      </c>
      <c r="HM23" s="28">
        <v>0</v>
      </c>
      <c r="HN23" s="29">
        <v>0</v>
      </c>
      <c r="HO23" s="24">
        <v>0</v>
      </c>
      <c r="HP23" s="25">
        <v>0</v>
      </c>
      <c r="HQ23" s="26">
        <v>0</v>
      </c>
      <c r="HR23" s="27">
        <v>0</v>
      </c>
      <c r="HS23" s="25">
        <v>223996</v>
      </c>
      <c r="HT23" s="25">
        <v>816966</v>
      </c>
      <c r="HU23" s="25">
        <v>3161968</v>
      </c>
      <c r="HV23" s="25">
        <v>3865996</v>
      </c>
      <c r="HW23" s="25">
        <v>1863047</v>
      </c>
      <c r="HX23" s="28">
        <v>9931973</v>
      </c>
      <c r="HY23" s="29">
        <v>9931973</v>
      </c>
    </row>
    <row r="24" spans="2:233" ht="21" customHeight="1" x14ac:dyDescent="0.2">
      <c r="B24" s="106" t="s">
        <v>21</v>
      </c>
      <c r="C24" s="24">
        <v>0</v>
      </c>
      <c r="D24" s="25">
        <v>0</v>
      </c>
      <c r="E24" s="26">
        <v>0</v>
      </c>
      <c r="F24" s="27">
        <v>0</v>
      </c>
      <c r="G24" s="25">
        <v>174420</v>
      </c>
      <c r="H24" s="25">
        <v>504930</v>
      </c>
      <c r="I24" s="25">
        <v>1651879</v>
      </c>
      <c r="J24" s="25">
        <v>1846629</v>
      </c>
      <c r="K24" s="25">
        <v>1400164</v>
      </c>
      <c r="L24" s="28">
        <v>5578022</v>
      </c>
      <c r="M24" s="29">
        <v>5578022</v>
      </c>
      <c r="N24" s="24">
        <v>0</v>
      </c>
      <c r="O24" s="25">
        <v>0</v>
      </c>
      <c r="P24" s="26">
        <v>0</v>
      </c>
      <c r="Q24" s="404">
        <v>0</v>
      </c>
      <c r="R24" s="25">
        <v>38130</v>
      </c>
      <c r="S24" s="25">
        <v>198865</v>
      </c>
      <c r="T24" s="25">
        <v>1360970</v>
      </c>
      <c r="U24" s="25">
        <v>1444856</v>
      </c>
      <c r="V24" s="25">
        <v>1052169</v>
      </c>
      <c r="W24" s="28">
        <v>4094990</v>
      </c>
      <c r="X24" s="29">
        <v>4094990</v>
      </c>
      <c r="Y24" s="24">
        <v>0</v>
      </c>
      <c r="Z24" s="25">
        <v>0</v>
      </c>
      <c r="AA24" s="26">
        <v>0</v>
      </c>
      <c r="AB24" s="404">
        <v>0</v>
      </c>
      <c r="AC24" s="25">
        <v>107140</v>
      </c>
      <c r="AD24" s="25">
        <v>253215</v>
      </c>
      <c r="AE24" s="25">
        <v>191180</v>
      </c>
      <c r="AF24" s="25">
        <v>243760</v>
      </c>
      <c r="AG24" s="25">
        <v>192520</v>
      </c>
      <c r="AH24" s="28">
        <v>987815</v>
      </c>
      <c r="AI24" s="29">
        <v>987815</v>
      </c>
      <c r="AJ24" s="24">
        <v>0</v>
      </c>
      <c r="AK24" s="25">
        <v>0</v>
      </c>
      <c r="AL24" s="26">
        <v>0</v>
      </c>
      <c r="AM24" s="404">
        <v>0</v>
      </c>
      <c r="AN24" s="25">
        <v>0</v>
      </c>
      <c r="AO24" s="25">
        <v>0</v>
      </c>
      <c r="AP24" s="25">
        <v>0</v>
      </c>
      <c r="AQ24" s="25">
        <v>0</v>
      </c>
      <c r="AR24" s="25">
        <v>0</v>
      </c>
      <c r="AS24" s="28">
        <v>0</v>
      </c>
      <c r="AT24" s="29">
        <v>0</v>
      </c>
      <c r="AU24" s="24">
        <v>0</v>
      </c>
      <c r="AV24" s="25">
        <v>0</v>
      </c>
      <c r="AW24" s="26">
        <v>0</v>
      </c>
      <c r="AX24" s="404">
        <v>0</v>
      </c>
      <c r="AY24" s="25">
        <v>0</v>
      </c>
      <c r="AZ24" s="25">
        <v>0</v>
      </c>
      <c r="BA24" s="25">
        <v>35495</v>
      </c>
      <c r="BB24" s="25">
        <v>32295</v>
      </c>
      <c r="BC24" s="25">
        <v>90055</v>
      </c>
      <c r="BD24" s="28">
        <v>157845</v>
      </c>
      <c r="BE24" s="29">
        <v>157845</v>
      </c>
      <c r="BF24" s="24">
        <v>0</v>
      </c>
      <c r="BG24" s="25">
        <v>0</v>
      </c>
      <c r="BH24" s="26">
        <v>0</v>
      </c>
      <c r="BI24" s="404">
        <v>0</v>
      </c>
      <c r="BJ24" s="25">
        <v>0</v>
      </c>
      <c r="BK24" s="25">
        <v>0</v>
      </c>
      <c r="BL24" s="25">
        <v>0</v>
      </c>
      <c r="BM24" s="25">
        <v>0</v>
      </c>
      <c r="BN24" s="25">
        <v>0</v>
      </c>
      <c r="BO24" s="28">
        <v>0</v>
      </c>
      <c r="BP24" s="29">
        <v>0</v>
      </c>
      <c r="BQ24" s="24">
        <v>0</v>
      </c>
      <c r="BR24" s="25">
        <v>0</v>
      </c>
      <c r="BS24" s="26">
        <v>0</v>
      </c>
      <c r="BT24" s="27">
        <v>0</v>
      </c>
      <c r="BU24" s="25">
        <v>29150</v>
      </c>
      <c r="BV24" s="25">
        <v>52850</v>
      </c>
      <c r="BW24" s="25">
        <v>64234</v>
      </c>
      <c r="BX24" s="25">
        <v>119784</v>
      </c>
      <c r="BY24" s="25">
        <v>65420</v>
      </c>
      <c r="BZ24" s="28">
        <v>331438</v>
      </c>
      <c r="CA24" s="29">
        <v>331438</v>
      </c>
      <c r="CB24" s="24">
        <v>0</v>
      </c>
      <c r="CC24" s="25">
        <v>0</v>
      </c>
      <c r="CD24" s="26">
        <v>0</v>
      </c>
      <c r="CE24" s="27">
        <v>0</v>
      </c>
      <c r="CF24" s="25">
        <v>0</v>
      </c>
      <c r="CG24" s="25">
        <v>0</v>
      </c>
      <c r="CH24" s="25">
        <v>0</v>
      </c>
      <c r="CI24" s="25">
        <v>5934</v>
      </c>
      <c r="CJ24" s="25">
        <v>0</v>
      </c>
      <c r="CK24" s="28">
        <v>5934</v>
      </c>
      <c r="CL24" s="29">
        <v>5934</v>
      </c>
      <c r="CM24" s="24">
        <v>0</v>
      </c>
      <c r="CN24" s="25">
        <v>0</v>
      </c>
      <c r="CO24" s="26">
        <v>0</v>
      </c>
      <c r="CP24" s="27">
        <v>0</v>
      </c>
      <c r="CQ24" s="25">
        <v>0</v>
      </c>
      <c r="CR24" s="25">
        <v>0</v>
      </c>
      <c r="CS24" s="25">
        <v>0</v>
      </c>
      <c r="CT24" s="25">
        <v>0</v>
      </c>
      <c r="CU24" s="25">
        <v>0</v>
      </c>
      <c r="CV24" s="28">
        <v>0</v>
      </c>
      <c r="CW24" s="29">
        <v>0</v>
      </c>
      <c r="CX24" s="24">
        <v>0</v>
      </c>
      <c r="CY24" s="25">
        <v>0</v>
      </c>
      <c r="CZ24" s="26">
        <v>0</v>
      </c>
      <c r="DA24" s="404">
        <v>0</v>
      </c>
      <c r="DB24" s="25">
        <v>0</v>
      </c>
      <c r="DC24" s="25">
        <v>0</v>
      </c>
      <c r="DD24" s="25">
        <v>0</v>
      </c>
      <c r="DE24" s="25">
        <v>0</v>
      </c>
      <c r="DF24" s="25">
        <v>0</v>
      </c>
      <c r="DG24" s="28">
        <v>0</v>
      </c>
      <c r="DH24" s="29">
        <v>0</v>
      </c>
      <c r="DI24" s="24">
        <v>0</v>
      </c>
      <c r="DJ24" s="25">
        <v>0</v>
      </c>
      <c r="DK24" s="26">
        <v>0</v>
      </c>
      <c r="DL24" s="27">
        <v>0</v>
      </c>
      <c r="DM24" s="25">
        <v>84578</v>
      </c>
      <c r="DN24" s="25">
        <v>377519</v>
      </c>
      <c r="DO24" s="25">
        <v>2024902</v>
      </c>
      <c r="DP24" s="25">
        <v>2445710</v>
      </c>
      <c r="DQ24" s="25">
        <v>1540142</v>
      </c>
      <c r="DR24" s="28">
        <v>6472851</v>
      </c>
      <c r="DS24" s="30">
        <v>6472851</v>
      </c>
      <c r="DT24" s="24">
        <v>0</v>
      </c>
      <c r="DU24" s="25">
        <v>0</v>
      </c>
      <c r="DV24" s="26">
        <v>0</v>
      </c>
      <c r="DW24" s="404">
        <v>0</v>
      </c>
      <c r="DX24" s="25">
        <v>41540</v>
      </c>
      <c r="DY24" s="25">
        <v>233791</v>
      </c>
      <c r="DZ24" s="25">
        <v>1807925</v>
      </c>
      <c r="EA24" s="25">
        <v>2205811</v>
      </c>
      <c r="EB24" s="25">
        <v>1371712</v>
      </c>
      <c r="EC24" s="28">
        <v>5660779</v>
      </c>
      <c r="ED24" s="29">
        <v>5660779</v>
      </c>
      <c r="EE24" s="24">
        <v>0</v>
      </c>
      <c r="EF24" s="25">
        <v>0</v>
      </c>
      <c r="EG24" s="26">
        <v>0</v>
      </c>
      <c r="EH24" s="404">
        <v>0</v>
      </c>
      <c r="EI24" s="25">
        <v>2058</v>
      </c>
      <c r="EJ24" s="25">
        <v>24908</v>
      </c>
      <c r="EK24" s="25">
        <v>14354</v>
      </c>
      <c r="EL24" s="25">
        <v>13035</v>
      </c>
      <c r="EM24" s="25">
        <v>25544</v>
      </c>
      <c r="EN24" s="28">
        <v>79899</v>
      </c>
      <c r="EO24" s="29">
        <v>79899</v>
      </c>
      <c r="EP24" s="24">
        <v>0</v>
      </c>
      <c r="EQ24" s="25">
        <v>0</v>
      </c>
      <c r="ER24" s="26">
        <v>0</v>
      </c>
      <c r="ES24" s="404">
        <v>0</v>
      </c>
      <c r="ET24" s="25">
        <v>0</v>
      </c>
      <c r="EU24" s="25">
        <v>0</v>
      </c>
      <c r="EV24" s="25">
        <v>0</v>
      </c>
      <c r="EW24" s="25">
        <v>0</v>
      </c>
      <c r="EX24" s="25">
        <v>0</v>
      </c>
      <c r="EY24" s="28">
        <v>0</v>
      </c>
      <c r="EZ24" s="29">
        <v>0</v>
      </c>
      <c r="FA24" s="24">
        <v>0</v>
      </c>
      <c r="FB24" s="25">
        <v>0</v>
      </c>
      <c r="FC24" s="26">
        <v>0</v>
      </c>
      <c r="FD24" s="404">
        <v>0</v>
      </c>
      <c r="FE24" s="25">
        <v>0</v>
      </c>
      <c r="FF24" s="25">
        <v>0</v>
      </c>
      <c r="FG24" s="25">
        <v>11687</v>
      </c>
      <c r="FH24" s="25">
        <v>651</v>
      </c>
      <c r="FI24" s="25">
        <v>12338</v>
      </c>
      <c r="FJ24" s="28">
        <v>24676</v>
      </c>
      <c r="FK24" s="29">
        <v>24676</v>
      </c>
      <c r="FL24" s="24">
        <v>0</v>
      </c>
      <c r="FM24" s="25">
        <v>0</v>
      </c>
      <c r="FN24" s="26">
        <v>0</v>
      </c>
      <c r="FO24" s="404">
        <v>0</v>
      </c>
      <c r="FP24" s="25">
        <v>0</v>
      </c>
      <c r="FQ24" s="25">
        <v>0</v>
      </c>
      <c r="FR24" s="25">
        <v>0</v>
      </c>
      <c r="FS24" s="25">
        <v>0</v>
      </c>
      <c r="FT24" s="25">
        <v>0</v>
      </c>
      <c r="FU24" s="28">
        <v>0</v>
      </c>
      <c r="FV24" s="29">
        <v>0</v>
      </c>
      <c r="FW24" s="24">
        <v>0</v>
      </c>
      <c r="FX24" s="25">
        <v>0</v>
      </c>
      <c r="FY24" s="26">
        <v>0</v>
      </c>
      <c r="FZ24" s="27">
        <v>0</v>
      </c>
      <c r="GA24" s="25">
        <v>40980</v>
      </c>
      <c r="GB24" s="25">
        <v>118820</v>
      </c>
      <c r="GC24" s="25">
        <v>190936</v>
      </c>
      <c r="GD24" s="25">
        <v>225102</v>
      </c>
      <c r="GE24" s="25">
        <v>123030</v>
      </c>
      <c r="GF24" s="28">
        <v>698868</v>
      </c>
      <c r="GG24" s="29">
        <v>698868</v>
      </c>
      <c r="GH24" s="24">
        <v>0</v>
      </c>
      <c r="GI24" s="25">
        <v>0</v>
      </c>
      <c r="GJ24" s="26">
        <v>0</v>
      </c>
      <c r="GK24" s="27">
        <v>0</v>
      </c>
      <c r="GL24" s="25">
        <v>0</v>
      </c>
      <c r="GM24" s="25">
        <v>0</v>
      </c>
      <c r="GN24" s="25">
        <v>0</v>
      </c>
      <c r="GO24" s="25">
        <v>1111</v>
      </c>
      <c r="GP24" s="25">
        <v>7518</v>
      </c>
      <c r="GQ24" s="28">
        <v>8629</v>
      </c>
      <c r="GR24" s="29">
        <v>8629</v>
      </c>
      <c r="GS24" s="24">
        <v>0</v>
      </c>
      <c r="GT24" s="25">
        <v>0</v>
      </c>
      <c r="GU24" s="26">
        <v>0</v>
      </c>
      <c r="GV24" s="27">
        <v>0</v>
      </c>
      <c r="GW24" s="25">
        <v>0</v>
      </c>
      <c r="GX24" s="25">
        <v>0</v>
      </c>
      <c r="GY24" s="25">
        <v>0</v>
      </c>
      <c r="GZ24" s="25">
        <v>0</v>
      </c>
      <c r="HA24" s="25">
        <v>0</v>
      </c>
      <c r="HB24" s="28">
        <v>0</v>
      </c>
      <c r="HC24" s="29">
        <v>0</v>
      </c>
      <c r="HD24" s="24">
        <v>0</v>
      </c>
      <c r="HE24" s="25">
        <v>0</v>
      </c>
      <c r="HF24" s="26">
        <v>0</v>
      </c>
      <c r="HG24" s="404">
        <v>0</v>
      </c>
      <c r="HH24" s="25">
        <v>0</v>
      </c>
      <c r="HI24" s="25">
        <v>0</v>
      </c>
      <c r="HJ24" s="25">
        <v>0</v>
      </c>
      <c r="HK24" s="25">
        <v>0</v>
      </c>
      <c r="HL24" s="25">
        <v>0</v>
      </c>
      <c r="HM24" s="28">
        <v>0</v>
      </c>
      <c r="HN24" s="29">
        <v>0</v>
      </c>
      <c r="HO24" s="24">
        <v>0</v>
      </c>
      <c r="HP24" s="25">
        <v>0</v>
      </c>
      <c r="HQ24" s="26">
        <v>0</v>
      </c>
      <c r="HR24" s="27">
        <v>0</v>
      </c>
      <c r="HS24" s="25">
        <v>258998</v>
      </c>
      <c r="HT24" s="25">
        <v>882449</v>
      </c>
      <c r="HU24" s="25">
        <v>3676781</v>
      </c>
      <c r="HV24" s="25">
        <v>4292339</v>
      </c>
      <c r="HW24" s="25">
        <v>2940306</v>
      </c>
      <c r="HX24" s="28">
        <v>12050873</v>
      </c>
      <c r="HY24" s="29">
        <v>12050873</v>
      </c>
    </row>
    <row r="25" spans="2:233" ht="21" customHeight="1" x14ac:dyDescent="0.2">
      <c r="B25" s="106" t="s">
        <v>22</v>
      </c>
      <c r="C25" s="24">
        <v>0</v>
      </c>
      <c r="D25" s="25">
        <v>0</v>
      </c>
      <c r="E25" s="26">
        <v>0</v>
      </c>
      <c r="F25" s="27">
        <v>0</v>
      </c>
      <c r="G25" s="25">
        <v>62405</v>
      </c>
      <c r="H25" s="25">
        <v>186300</v>
      </c>
      <c r="I25" s="25">
        <v>611985</v>
      </c>
      <c r="J25" s="25">
        <v>941265</v>
      </c>
      <c r="K25" s="25">
        <v>464535</v>
      </c>
      <c r="L25" s="28">
        <v>2266490</v>
      </c>
      <c r="M25" s="29">
        <v>2266490</v>
      </c>
      <c r="N25" s="24">
        <v>0</v>
      </c>
      <c r="O25" s="25">
        <v>0</v>
      </c>
      <c r="P25" s="26">
        <v>0</v>
      </c>
      <c r="Q25" s="404">
        <v>0</v>
      </c>
      <c r="R25" s="25">
        <v>35495</v>
      </c>
      <c r="S25" s="25">
        <v>35340</v>
      </c>
      <c r="T25" s="25">
        <v>457630</v>
      </c>
      <c r="U25" s="25">
        <v>567080</v>
      </c>
      <c r="V25" s="25">
        <v>256240</v>
      </c>
      <c r="W25" s="28">
        <v>1351785</v>
      </c>
      <c r="X25" s="29">
        <v>1351785</v>
      </c>
      <c r="Y25" s="24">
        <v>0</v>
      </c>
      <c r="Z25" s="25">
        <v>0</v>
      </c>
      <c r="AA25" s="26">
        <v>0</v>
      </c>
      <c r="AB25" s="404">
        <v>0</v>
      </c>
      <c r="AC25" s="25">
        <v>18330</v>
      </c>
      <c r="AD25" s="25">
        <v>138725</v>
      </c>
      <c r="AE25" s="25">
        <v>63400</v>
      </c>
      <c r="AF25" s="25">
        <v>267575</v>
      </c>
      <c r="AG25" s="25">
        <v>62620</v>
      </c>
      <c r="AH25" s="28">
        <v>550650</v>
      </c>
      <c r="AI25" s="29">
        <v>550650</v>
      </c>
      <c r="AJ25" s="24">
        <v>0</v>
      </c>
      <c r="AK25" s="25">
        <v>0</v>
      </c>
      <c r="AL25" s="26">
        <v>0</v>
      </c>
      <c r="AM25" s="404">
        <v>0</v>
      </c>
      <c r="AN25" s="25">
        <v>0</v>
      </c>
      <c r="AO25" s="25">
        <v>0</v>
      </c>
      <c r="AP25" s="25">
        <v>0</v>
      </c>
      <c r="AQ25" s="25">
        <v>0</v>
      </c>
      <c r="AR25" s="25">
        <v>0</v>
      </c>
      <c r="AS25" s="28">
        <v>0</v>
      </c>
      <c r="AT25" s="29">
        <v>0</v>
      </c>
      <c r="AU25" s="24">
        <v>0</v>
      </c>
      <c r="AV25" s="25">
        <v>0</v>
      </c>
      <c r="AW25" s="26">
        <v>0</v>
      </c>
      <c r="AX25" s="404">
        <v>0</v>
      </c>
      <c r="AY25" s="25">
        <v>0</v>
      </c>
      <c r="AZ25" s="25">
        <v>0</v>
      </c>
      <c r="BA25" s="25">
        <v>0</v>
      </c>
      <c r="BB25" s="25">
        <v>24260</v>
      </c>
      <c r="BC25" s="25">
        <v>27280</v>
      </c>
      <c r="BD25" s="28">
        <v>51540</v>
      </c>
      <c r="BE25" s="29">
        <v>51540</v>
      </c>
      <c r="BF25" s="24">
        <v>0</v>
      </c>
      <c r="BG25" s="25">
        <v>0</v>
      </c>
      <c r="BH25" s="26">
        <v>0</v>
      </c>
      <c r="BI25" s="404">
        <v>0</v>
      </c>
      <c r="BJ25" s="25">
        <v>0</v>
      </c>
      <c r="BK25" s="25">
        <v>0</v>
      </c>
      <c r="BL25" s="25">
        <v>27280</v>
      </c>
      <c r="BM25" s="25">
        <v>52970</v>
      </c>
      <c r="BN25" s="25">
        <v>83150</v>
      </c>
      <c r="BO25" s="28">
        <v>163400</v>
      </c>
      <c r="BP25" s="29">
        <v>163400</v>
      </c>
      <c r="BQ25" s="24">
        <v>0</v>
      </c>
      <c r="BR25" s="25">
        <v>0</v>
      </c>
      <c r="BS25" s="26">
        <v>0</v>
      </c>
      <c r="BT25" s="27">
        <v>0</v>
      </c>
      <c r="BU25" s="25">
        <v>2030</v>
      </c>
      <c r="BV25" s="25">
        <v>12235</v>
      </c>
      <c r="BW25" s="25">
        <v>62080</v>
      </c>
      <c r="BX25" s="25">
        <v>29380</v>
      </c>
      <c r="BY25" s="25">
        <v>35245</v>
      </c>
      <c r="BZ25" s="28">
        <v>140970</v>
      </c>
      <c r="CA25" s="29">
        <v>140970</v>
      </c>
      <c r="CB25" s="24">
        <v>0</v>
      </c>
      <c r="CC25" s="25">
        <v>0</v>
      </c>
      <c r="CD25" s="26">
        <v>0</v>
      </c>
      <c r="CE25" s="27">
        <v>0</v>
      </c>
      <c r="CF25" s="25">
        <v>6550</v>
      </c>
      <c r="CG25" s="25">
        <v>0</v>
      </c>
      <c r="CH25" s="25">
        <v>1595</v>
      </c>
      <c r="CI25" s="25">
        <v>0</v>
      </c>
      <c r="CJ25" s="25">
        <v>0</v>
      </c>
      <c r="CK25" s="28">
        <v>8145</v>
      </c>
      <c r="CL25" s="29">
        <v>8145</v>
      </c>
      <c r="CM25" s="24">
        <v>0</v>
      </c>
      <c r="CN25" s="25">
        <v>0</v>
      </c>
      <c r="CO25" s="26">
        <v>0</v>
      </c>
      <c r="CP25" s="27">
        <v>0</v>
      </c>
      <c r="CQ25" s="25">
        <v>0</v>
      </c>
      <c r="CR25" s="25">
        <v>0</v>
      </c>
      <c r="CS25" s="25">
        <v>0</v>
      </c>
      <c r="CT25" s="25">
        <v>0</v>
      </c>
      <c r="CU25" s="25">
        <v>0</v>
      </c>
      <c r="CV25" s="28">
        <v>0</v>
      </c>
      <c r="CW25" s="29">
        <v>0</v>
      </c>
      <c r="CX25" s="24">
        <v>0</v>
      </c>
      <c r="CY25" s="25">
        <v>0</v>
      </c>
      <c r="CZ25" s="26">
        <v>0</v>
      </c>
      <c r="DA25" s="404">
        <v>0</v>
      </c>
      <c r="DB25" s="25">
        <v>0</v>
      </c>
      <c r="DC25" s="25">
        <v>0</v>
      </c>
      <c r="DD25" s="25">
        <v>0</v>
      </c>
      <c r="DE25" s="25">
        <v>0</v>
      </c>
      <c r="DF25" s="25">
        <v>0</v>
      </c>
      <c r="DG25" s="28">
        <v>0</v>
      </c>
      <c r="DH25" s="29">
        <v>0</v>
      </c>
      <c r="DI25" s="24">
        <v>0</v>
      </c>
      <c r="DJ25" s="25">
        <v>0</v>
      </c>
      <c r="DK25" s="26">
        <v>0</v>
      </c>
      <c r="DL25" s="27">
        <v>0</v>
      </c>
      <c r="DM25" s="25">
        <v>29367</v>
      </c>
      <c r="DN25" s="25">
        <v>97145</v>
      </c>
      <c r="DO25" s="25">
        <v>570154</v>
      </c>
      <c r="DP25" s="25">
        <v>872724</v>
      </c>
      <c r="DQ25" s="25">
        <v>481570</v>
      </c>
      <c r="DR25" s="28">
        <v>2050960</v>
      </c>
      <c r="DS25" s="30">
        <v>2050960</v>
      </c>
      <c r="DT25" s="24">
        <v>0</v>
      </c>
      <c r="DU25" s="25">
        <v>0</v>
      </c>
      <c r="DV25" s="26">
        <v>0</v>
      </c>
      <c r="DW25" s="404">
        <v>0</v>
      </c>
      <c r="DX25" s="25">
        <v>26505</v>
      </c>
      <c r="DY25" s="25">
        <v>44857</v>
      </c>
      <c r="DZ25" s="25">
        <v>453262</v>
      </c>
      <c r="EA25" s="25">
        <v>710050</v>
      </c>
      <c r="EB25" s="25">
        <v>339441</v>
      </c>
      <c r="EC25" s="28">
        <v>1574115</v>
      </c>
      <c r="ED25" s="29">
        <v>1574115</v>
      </c>
      <c r="EE25" s="24">
        <v>0</v>
      </c>
      <c r="EF25" s="25">
        <v>0</v>
      </c>
      <c r="EG25" s="26">
        <v>0</v>
      </c>
      <c r="EH25" s="404">
        <v>0</v>
      </c>
      <c r="EI25" s="25">
        <v>651</v>
      </c>
      <c r="EJ25" s="25">
        <v>36921</v>
      </c>
      <c r="EK25" s="25">
        <v>12620</v>
      </c>
      <c r="EL25" s="25">
        <v>40097</v>
      </c>
      <c r="EM25" s="25">
        <v>868</v>
      </c>
      <c r="EN25" s="28">
        <v>91157</v>
      </c>
      <c r="EO25" s="29">
        <v>91157</v>
      </c>
      <c r="EP25" s="24">
        <v>0</v>
      </c>
      <c r="EQ25" s="25">
        <v>0</v>
      </c>
      <c r="ER25" s="26">
        <v>0</v>
      </c>
      <c r="ES25" s="404">
        <v>0</v>
      </c>
      <c r="ET25" s="25">
        <v>0</v>
      </c>
      <c r="EU25" s="25">
        <v>0</v>
      </c>
      <c r="EV25" s="25">
        <v>0</v>
      </c>
      <c r="EW25" s="25">
        <v>0</v>
      </c>
      <c r="EX25" s="25">
        <v>0</v>
      </c>
      <c r="EY25" s="28">
        <v>0</v>
      </c>
      <c r="EZ25" s="29">
        <v>0</v>
      </c>
      <c r="FA25" s="24">
        <v>0</v>
      </c>
      <c r="FB25" s="25">
        <v>0</v>
      </c>
      <c r="FC25" s="26">
        <v>0</v>
      </c>
      <c r="FD25" s="404">
        <v>0</v>
      </c>
      <c r="FE25" s="25">
        <v>0</v>
      </c>
      <c r="FF25" s="25">
        <v>0</v>
      </c>
      <c r="FG25" s="25">
        <v>0</v>
      </c>
      <c r="FH25" s="25">
        <v>11098</v>
      </c>
      <c r="FI25" s="25">
        <v>434</v>
      </c>
      <c r="FJ25" s="28">
        <v>11532</v>
      </c>
      <c r="FK25" s="29">
        <v>11532</v>
      </c>
      <c r="FL25" s="24">
        <v>0</v>
      </c>
      <c r="FM25" s="25">
        <v>0</v>
      </c>
      <c r="FN25" s="26">
        <v>0</v>
      </c>
      <c r="FO25" s="404">
        <v>0</v>
      </c>
      <c r="FP25" s="25">
        <v>0</v>
      </c>
      <c r="FQ25" s="25">
        <v>0</v>
      </c>
      <c r="FR25" s="25">
        <v>42780</v>
      </c>
      <c r="FS25" s="25">
        <v>85560</v>
      </c>
      <c r="FT25" s="25">
        <v>107660</v>
      </c>
      <c r="FU25" s="28">
        <v>236000</v>
      </c>
      <c r="FV25" s="29">
        <v>236000</v>
      </c>
      <c r="FW25" s="24">
        <v>0</v>
      </c>
      <c r="FX25" s="25">
        <v>0</v>
      </c>
      <c r="FY25" s="26">
        <v>0</v>
      </c>
      <c r="FZ25" s="27">
        <v>0</v>
      </c>
      <c r="GA25" s="25">
        <v>2106</v>
      </c>
      <c r="GB25" s="25">
        <v>15367</v>
      </c>
      <c r="GC25" s="25">
        <v>61415</v>
      </c>
      <c r="GD25" s="25">
        <v>25919</v>
      </c>
      <c r="GE25" s="25">
        <v>30268</v>
      </c>
      <c r="GF25" s="28">
        <v>135075</v>
      </c>
      <c r="GG25" s="29">
        <v>135075</v>
      </c>
      <c r="GH25" s="24">
        <v>0</v>
      </c>
      <c r="GI25" s="25">
        <v>0</v>
      </c>
      <c r="GJ25" s="26">
        <v>0</v>
      </c>
      <c r="GK25" s="27">
        <v>0</v>
      </c>
      <c r="GL25" s="25">
        <v>105</v>
      </c>
      <c r="GM25" s="25">
        <v>0</v>
      </c>
      <c r="GN25" s="25">
        <v>77</v>
      </c>
      <c r="GO25" s="25">
        <v>0</v>
      </c>
      <c r="GP25" s="25">
        <v>2899</v>
      </c>
      <c r="GQ25" s="28">
        <v>3081</v>
      </c>
      <c r="GR25" s="29">
        <v>3081</v>
      </c>
      <c r="GS25" s="24">
        <v>0</v>
      </c>
      <c r="GT25" s="25">
        <v>0</v>
      </c>
      <c r="GU25" s="26">
        <v>0</v>
      </c>
      <c r="GV25" s="27">
        <v>0</v>
      </c>
      <c r="GW25" s="25">
        <v>0</v>
      </c>
      <c r="GX25" s="25">
        <v>0</v>
      </c>
      <c r="GY25" s="25">
        <v>0</v>
      </c>
      <c r="GZ25" s="25">
        <v>0</v>
      </c>
      <c r="HA25" s="25">
        <v>0</v>
      </c>
      <c r="HB25" s="28">
        <v>0</v>
      </c>
      <c r="HC25" s="29">
        <v>0</v>
      </c>
      <c r="HD25" s="24">
        <v>0</v>
      </c>
      <c r="HE25" s="25">
        <v>0</v>
      </c>
      <c r="HF25" s="26">
        <v>0</v>
      </c>
      <c r="HG25" s="404">
        <v>0</v>
      </c>
      <c r="HH25" s="25">
        <v>0</v>
      </c>
      <c r="HI25" s="25">
        <v>0</v>
      </c>
      <c r="HJ25" s="25">
        <v>0</v>
      </c>
      <c r="HK25" s="25">
        <v>0</v>
      </c>
      <c r="HL25" s="25">
        <v>0</v>
      </c>
      <c r="HM25" s="28">
        <v>0</v>
      </c>
      <c r="HN25" s="29">
        <v>0</v>
      </c>
      <c r="HO25" s="24">
        <v>0</v>
      </c>
      <c r="HP25" s="25">
        <v>0</v>
      </c>
      <c r="HQ25" s="26">
        <v>0</v>
      </c>
      <c r="HR25" s="27">
        <v>0</v>
      </c>
      <c r="HS25" s="25">
        <v>91772</v>
      </c>
      <c r="HT25" s="25">
        <v>283445</v>
      </c>
      <c r="HU25" s="25">
        <v>1182139</v>
      </c>
      <c r="HV25" s="25">
        <v>1813989</v>
      </c>
      <c r="HW25" s="25">
        <v>946105</v>
      </c>
      <c r="HX25" s="28">
        <v>4317450</v>
      </c>
      <c r="HY25" s="29">
        <v>4317450</v>
      </c>
    </row>
    <row r="26" spans="2:233" ht="21" customHeight="1" x14ac:dyDescent="0.2">
      <c r="B26" s="106" t="s">
        <v>23</v>
      </c>
      <c r="C26" s="24">
        <v>0</v>
      </c>
      <c r="D26" s="25">
        <v>0</v>
      </c>
      <c r="E26" s="26">
        <v>0</v>
      </c>
      <c r="F26" s="27">
        <v>0</v>
      </c>
      <c r="G26" s="25">
        <v>217755</v>
      </c>
      <c r="H26" s="25">
        <v>266123</v>
      </c>
      <c r="I26" s="25">
        <v>1180845</v>
      </c>
      <c r="J26" s="25">
        <v>1572976</v>
      </c>
      <c r="K26" s="25">
        <v>1018738</v>
      </c>
      <c r="L26" s="28">
        <v>4256437</v>
      </c>
      <c r="M26" s="29">
        <v>4256437</v>
      </c>
      <c r="N26" s="24">
        <v>0</v>
      </c>
      <c r="O26" s="25">
        <v>0</v>
      </c>
      <c r="P26" s="26">
        <v>0</v>
      </c>
      <c r="Q26" s="404">
        <v>0</v>
      </c>
      <c r="R26" s="25">
        <v>48855</v>
      </c>
      <c r="S26" s="25">
        <v>179090</v>
      </c>
      <c r="T26" s="25">
        <v>759195</v>
      </c>
      <c r="U26" s="25">
        <v>1069670</v>
      </c>
      <c r="V26" s="25">
        <v>695070</v>
      </c>
      <c r="W26" s="28">
        <v>2751880</v>
      </c>
      <c r="X26" s="29">
        <v>2751880</v>
      </c>
      <c r="Y26" s="24">
        <v>0</v>
      </c>
      <c r="Z26" s="25">
        <v>0</v>
      </c>
      <c r="AA26" s="26">
        <v>0</v>
      </c>
      <c r="AB26" s="404">
        <v>0</v>
      </c>
      <c r="AC26" s="25">
        <v>132995</v>
      </c>
      <c r="AD26" s="25">
        <v>63543</v>
      </c>
      <c r="AE26" s="25">
        <v>320790</v>
      </c>
      <c r="AF26" s="25">
        <v>362206</v>
      </c>
      <c r="AG26" s="25">
        <v>189708</v>
      </c>
      <c r="AH26" s="28">
        <v>1069242</v>
      </c>
      <c r="AI26" s="29">
        <v>1069242</v>
      </c>
      <c r="AJ26" s="24">
        <v>0</v>
      </c>
      <c r="AK26" s="25">
        <v>0</v>
      </c>
      <c r="AL26" s="26">
        <v>0</v>
      </c>
      <c r="AM26" s="404">
        <v>0</v>
      </c>
      <c r="AN26" s="25">
        <v>0</v>
      </c>
      <c r="AO26" s="25">
        <v>0</v>
      </c>
      <c r="AP26" s="25">
        <v>0</v>
      </c>
      <c r="AQ26" s="25">
        <v>0</v>
      </c>
      <c r="AR26" s="25">
        <v>0</v>
      </c>
      <c r="AS26" s="28">
        <v>0</v>
      </c>
      <c r="AT26" s="29">
        <v>0</v>
      </c>
      <c r="AU26" s="24">
        <v>0</v>
      </c>
      <c r="AV26" s="25">
        <v>0</v>
      </c>
      <c r="AW26" s="26">
        <v>0</v>
      </c>
      <c r="AX26" s="404">
        <v>0</v>
      </c>
      <c r="AY26" s="25">
        <v>0</v>
      </c>
      <c r="AZ26" s="25">
        <v>0</v>
      </c>
      <c r="BA26" s="25">
        <v>0</v>
      </c>
      <c r="BB26" s="25">
        <v>25265</v>
      </c>
      <c r="BC26" s="25">
        <v>110050</v>
      </c>
      <c r="BD26" s="28">
        <v>135315</v>
      </c>
      <c r="BE26" s="29">
        <v>135315</v>
      </c>
      <c r="BF26" s="24">
        <v>0</v>
      </c>
      <c r="BG26" s="25">
        <v>0</v>
      </c>
      <c r="BH26" s="26">
        <v>0</v>
      </c>
      <c r="BI26" s="404">
        <v>0</v>
      </c>
      <c r="BJ26" s="25">
        <v>0</v>
      </c>
      <c r="BK26" s="25">
        <v>0</v>
      </c>
      <c r="BL26" s="25">
        <v>0</v>
      </c>
      <c r="BM26" s="25">
        <v>0</v>
      </c>
      <c r="BN26" s="25">
        <v>0</v>
      </c>
      <c r="BO26" s="28">
        <v>0</v>
      </c>
      <c r="BP26" s="29">
        <v>0</v>
      </c>
      <c r="BQ26" s="24">
        <v>0</v>
      </c>
      <c r="BR26" s="25">
        <v>0</v>
      </c>
      <c r="BS26" s="26">
        <v>0</v>
      </c>
      <c r="BT26" s="27">
        <v>0</v>
      </c>
      <c r="BU26" s="25">
        <v>35905</v>
      </c>
      <c r="BV26" s="25">
        <v>23490</v>
      </c>
      <c r="BW26" s="25">
        <v>100860</v>
      </c>
      <c r="BX26" s="25">
        <v>115835</v>
      </c>
      <c r="BY26" s="25">
        <v>23475</v>
      </c>
      <c r="BZ26" s="28">
        <v>299565</v>
      </c>
      <c r="CA26" s="29">
        <v>299565</v>
      </c>
      <c r="CB26" s="24">
        <v>0</v>
      </c>
      <c r="CC26" s="25">
        <v>0</v>
      </c>
      <c r="CD26" s="26">
        <v>0</v>
      </c>
      <c r="CE26" s="27">
        <v>0</v>
      </c>
      <c r="CF26" s="25">
        <v>0</v>
      </c>
      <c r="CG26" s="25">
        <v>0</v>
      </c>
      <c r="CH26" s="25">
        <v>0</v>
      </c>
      <c r="CI26" s="25">
        <v>0</v>
      </c>
      <c r="CJ26" s="25">
        <v>435</v>
      </c>
      <c r="CK26" s="28">
        <v>435</v>
      </c>
      <c r="CL26" s="29">
        <v>435</v>
      </c>
      <c r="CM26" s="24">
        <v>0</v>
      </c>
      <c r="CN26" s="25">
        <v>0</v>
      </c>
      <c r="CO26" s="26">
        <v>0</v>
      </c>
      <c r="CP26" s="27">
        <v>0</v>
      </c>
      <c r="CQ26" s="25">
        <v>0</v>
      </c>
      <c r="CR26" s="25">
        <v>0</v>
      </c>
      <c r="CS26" s="25">
        <v>0</v>
      </c>
      <c r="CT26" s="25">
        <v>0</v>
      </c>
      <c r="CU26" s="25">
        <v>0</v>
      </c>
      <c r="CV26" s="28">
        <v>0</v>
      </c>
      <c r="CW26" s="29">
        <v>0</v>
      </c>
      <c r="CX26" s="24">
        <v>0</v>
      </c>
      <c r="CY26" s="25">
        <v>0</v>
      </c>
      <c r="CZ26" s="26">
        <v>0</v>
      </c>
      <c r="DA26" s="404">
        <v>0</v>
      </c>
      <c r="DB26" s="25">
        <v>0</v>
      </c>
      <c r="DC26" s="25">
        <v>0</v>
      </c>
      <c r="DD26" s="25">
        <v>0</v>
      </c>
      <c r="DE26" s="25">
        <v>0</v>
      </c>
      <c r="DF26" s="25">
        <v>0</v>
      </c>
      <c r="DG26" s="28">
        <v>0</v>
      </c>
      <c r="DH26" s="29">
        <v>0</v>
      </c>
      <c r="DI26" s="24">
        <v>0</v>
      </c>
      <c r="DJ26" s="25">
        <v>0</v>
      </c>
      <c r="DK26" s="26">
        <v>0</v>
      </c>
      <c r="DL26" s="27">
        <v>0</v>
      </c>
      <c r="DM26" s="25">
        <v>614383</v>
      </c>
      <c r="DN26" s="25">
        <v>1948485</v>
      </c>
      <c r="DO26" s="25">
        <v>3200420</v>
      </c>
      <c r="DP26" s="25">
        <v>4495443</v>
      </c>
      <c r="DQ26" s="25">
        <v>4254286</v>
      </c>
      <c r="DR26" s="28">
        <v>14513017</v>
      </c>
      <c r="DS26" s="30">
        <v>14513017</v>
      </c>
      <c r="DT26" s="24">
        <v>0</v>
      </c>
      <c r="DU26" s="25">
        <v>0</v>
      </c>
      <c r="DV26" s="26">
        <v>0</v>
      </c>
      <c r="DW26" s="404">
        <v>0</v>
      </c>
      <c r="DX26" s="25">
        <v>416124</v>
      </c>
      <c r="DY26" s="25">
        <v>1363626</v>
      </c>
      <c r="DZ26" s="25">
        <v>2564683</v>
      </c>
      <c r="EA26" s="25">
        <v>4061137</v>
      </c>
      <c r="EB26" s="25">
        <v>3941443</v>
      </c>
      <c r="EC26" s="28">
        <v>12347013</v>
      </c>
      <c r="ED26" s="29">
        <v>12347013</v>
      </c>
      <c r="EE26" s="24">
        <v>0</v>
      </c>
      <c r="EF26" s="25">
        <v>0</v>
      </c>
      <c r="EG26" s="26">
        <v>0</v>
      </c>
      <c r="EH26" s="404">
        <v>0</v>
      </c>
      <c r="EI26" s="25">
        <v>46292</v>
      </c>
      <c r="EJ26" s="25">
        <v>5869</v>
      </c>
      <c r="EK26" s="25">
        <v>48324</v>
      </c>
      <c r="EL26" s="25">
        <v>5747</v>
      </c>
      <c r="EM26" s="25">
        <v>75762</v>
      </c>
      <c r="EN26" s="28">
        <v>181994</v>
      </c>
      <c r="EO26" s="29">
        <v>181994</v>
      </c>
      <c r="EP26" s="24">
        <v>0</v>
      </c>
      <c r="EQ26" s="25">
        <v>0</v>
      </c>
      <c r="ER26" s="26">
        <v>0</v>
      </c>
      <c r="ES26" s="404">
        <v>0</v>
      </c>
      <c r="ET26" s="25">
        <v>0</v>
      </c>
      <c r="EU26" s="25">
        <v>0</v>
      </c>
      <c r="EV26" s="25">
        <v>0</v>
      </c>
      <c r="EW26" s="25">
        <v>0</v>
      </c>
      <c r="EX26" s="25">
        <v>0</v>
      </c>
      <c r="EY26" s="28">
        <v>0</v>
      </c>
      <c r="EZ26" s="29">
        <v>0</v>
      </c>
      <c r="FA26" s="24">
        <v>0</v>
      </c>
      <c r="FB26" s="25">
        <v>0</v>
      </c>
      <c r="FC26" s="26">
        <v>0</v>
      </c>
      <c r="FD26" s="404">
        <v>0</v>
      </c>
      <c r="FE26" s="25">
        <v>0</v>
      </c>
      <c r="FF26" s="25">
        <v>0</v>
      </c>
      <c r="FG26" s="25">
        <v>0</v>
      </c>
      <c r="FH26" s="25">
        <v>217</v>
      </c>
      <c r="FI26" s="25">
        <v>11904</v>
      </c>
      <c r="FJ26" s="28">
        <v>12121</v>
      </c>
      <c r="FK26" s="29">
        <v>12121</v>
      </c>
      <c r="FL26" s="24">
        <v>0</v>
      </c>
      <c r="FM26" s="25">
        <v>0</v>
      </c>
      <c r="FN26" s="26">
        <v>0</v>
      </c>
      <c r="FO26" s="404">
        <v>0</v>
      </c>
      <c r="FP26" s="25">
        <v>0</v>
      </c>
      <c r="FQ26" s="25">
        <v>0</v>
      </c>
      <c r="FR26" s="25">
        <v>0</v>
      </c>
      <c r="FS26" s="25">
        <v>0</v>
      </c>
      <c r="FT26" s="25">
        <v>0</v>
      </c>
      <c r="FU26" s="28">
        <v>0</v>
      </c>
      <c r="FV26" s="29">
        <v>0</v>
      </c>
      <c r="FW26" s="24">
        <v>0</v>
      </c>
      <c r="FX26" s="25">
        <v>0</v>
      </c>
      <c r="FY26" s="26">
        <v>0</v>
      </c>
      <c r="FZ26" s="27">
        <v>0</v>
      </c>
      <c r="GA26" s="25">
        <v>151967</v>
      </c>
      <c r="GB26" s="25">
        <v>578990</v>
      </c>
      <c r="GC26" s="25">
        <v>587413</v>
      </c>
      <c r="GD26" s="25">
        <v>428342</v>
      </c>
      <c r="GE26" s="25">
        <v>223745</v>
      </c>
      <c r="GF26" s="28">
        <v>1970457</v>
      </c>
      <c r="GG26" s="29">
        <v>1970457</v>
      </c>
      <c r="GH26" s="24">
        <v>0</v>
      </c>
      <c r="GI26" s="25">
        <v>0</v>
      </c>
      <c r="GJ26" s="26">
        <v>0</v>
      </c>
      <c r="GK26" s="27">
        <v>0</v>
      </c>
      <c r="GL26" s="25">
        <v>0</v>
      </c>
      <c r="GM26" s="25">
        <v>0</v>
      </c>
      <c r="GN26" s="25">
        <v>0</v>
      </c>
      <c r="GO26" s="25">
        <v>0</v>
      </c>
      <c r="GP26" s="25">
        <v>1432</v>
      </c>
      <c r="GQ26" s="28">
        <v>1432</v>
      </c>
      <c r="GR26" s="29">
        <v>1432</v>
      </c>
      <c r="GS26" s="24">
        <v>0</v>
      </c>
      <c r="GT26" s="25">
        <v>0</v>
      </c>
      <c r="GU26" s="26">
        <v>0</v>
      </c>
      <c r="GV26" s="27">
        <v>0</v>
      </c>
      <c r="GW26" s="25">
        <v>0</v>
      </c>
      <c r="GX26" s="25">
        <v>0</v>
      </c>
      <c r="GY26" s="25">
        <v>0</v>
      </c>
      <c r="GZ26" s="25">
        <v>0</v>
      </c>
      <c r="HA26" s="25">
        <v>0</v>
      </c>
      <c r="HB26" s="28">
        <v>0</v>
      </c>
      <c r="HC26" s="29">
        <v>0</v>
      </c>
      <c r="HD26" s="24">
        <v>0</v>
      </c>
      <c r="HE26" s="25">
        <v>0</v>
      </c>
      <c r="HF26" s="26">
        <v>0</v>
      </c>
      <c r="HG26" s="404">
        <v>0</v>
      </c>
      <c r="HH26" s="25">
        <v>0</v>
      </c>
      <c r="HI26" s="25">
        <v>0</v>
      </c>
      <c r="HJ26" s="25">
        <v>0</v>
      </c>
      <c r="HK26" s="25">
        <v>0</v>
      </c>
      <c r="HL26" s="25">
        <v>0</v>
      </c>
      <c r="HM26" s="28">
        <v>0</v>
      </c>
      <c r="HN26" s="29">
        <v>0</v>
      </c>
      <c r="HO26" s="24">
        <v>0</v>
      </c>
      <c r="HP26" s="25">
        <v>0</v>
      </c>
      <c r="HQ26" s="26">
        <v>0</v>
      </c>
      <c r="HR26" s="27">
        <v>0</v>
      </c>
      <c r="HS26" s="25">
        <v>832138</v>
      </c>
      <c r="HT26" s="25">
        <v>2214608</v>
      </c>
      <c r="HU26" s="25">
        <v>4381265</v>
      </c>
      <c r="HV26" s="25">
        <v>6068419</v>
      </c>
      <c r="HW26" s="25">
        <v>5273024</v>
      </c>
      <c r="HX26" s="28">
        <v>18769454</v>
      </c>
      <c r="HY26" s="29">
        <v>18769454</v>
      </c>
    </row>
    <row r="27" spans="2:233" ht="21" customHeight="1" x14ac:dyDescent="0.2">
      <c r="B27" s="106" t="s">
        <v>24</v>
      </c>
      <c r="C27" s="24">
        <v>0</v>
      </c>
      <c r="D27" s="25">
        <v>0</v>
      </c>
      <c r="E27" s="26">
        <v>0</v>
      </c>
      <c r="F27" s="27">
        <v>0</v>
      </c>
      <c r="G27" s="25">
        <v>71605</v>
      </c>
      <c r="H27" s="25">
        <v>51070</v>
      </c>
      <c r="I27" s="25">
        <v>234285</v>
      </c>
      <c r="J27" s="25">
        <v>870542</v>
      </c>
      <c r="K27" s="25">
        <v>376290</v>
      </c>
      <c r="L27" s="28">
        <v>1603792</v>
      </c>
      <c r="M27" s="29">
        <v>1603792</v>
      </c>
      <c r="N27" s="24">
        <v>0</v>
      </c>
      <c r="O27" s="25">
        <v>0</v>
      </c>
      <c r="P27" s="26">
        <v>0</v>
      </c>
      <c r="Q27" s="404">
        <v>0</v>
      </c>
      <c r="R27" s="25">
        <v>0</v>
      </c>
      <c r="S27" s="25">
        <v>0</v>
      </c>
      <c r="T27" s="25">
        <v>126680</v>
      </c>
      <c r="U27" s="25">
        <v>704435</v>
      </c>
      <c r="V27" s="25">
        <v>256075</v>
      </c>
      <c r="W27" s="28">
        <v>1087190</v>
      </c>
      <c r="X27" s="29">
        <v>1087190</v>
      </c>
      <c r="Y27" s="24">
        <v>0</v>
      </c>
      <c r="Z27" s="25">
        <v>0</v>
      </c>
      <c r="AA27" s="26">
        <v>0</v>
      </c>
      <c r="AB27" s="404">
        <v>0</v>
      </c>
      <c r="AC27" s="25">
        <v>59985</v>
      </c>
      <c r="AD27" s="25">
        <v>38130</v>
      </c>
      <c r="AE27" s="25">
        <v>80540</v>
      </c>
      <c r="AF27" s="25">
        <v>85622</v>
      </c>
      <c r="AG27" s="25">
        <v>105585</v>
      </c>
      <c r="AH27" s="28">
        <v>369862</v>
      </c>
      <c r="AI27" s="29">
        <v>369862</v>
      </c>
      <c r="AJ27" s="24">
        <v>0</v>
      </c>
      <c r="AK27" s="25">
        <v>0</v>
      </c>
      <c r="AL27" s="26">
        <v>0</v>
      </c>
      <c r="AM27" s="404">
        <v>0</v>
      </c>
      <c r="AN27" s="25">
        <v>0</v>
      </c>
      <c r="AO27" s="25">
        <v>0</v>
      </c>
      <c r="AP27" s="25">
        <v>0</v>
      </c>
      <c r="AQ27" s="25">
        <v>0</v>
      </c>
      <c r="AR27" s="25">
        <v>0</v>
      </c>
      <c r="AS27" s="28">
        <v>0</v>
      </c>
      <c r="AT27" s="29">
        <v>0</v>
      </c>
      <c r="AU27" s="24">
        <v>0</v>
      </c>
      <c r="AV27" s="25">
        <v>0</v>
      </c>
      <c r="AW27" s="26">
        <v>0</v>
      </c>
      <c r="AX27" s="404">
        <v>0</v>
      </c>
      <c r="AY27" s="25">
        <v>0</v>
      </c>
      <c r="AZ27" s="25">
        <v>0</v>
      </c>
      <c r="BA27" s="25">
        <v>0</v>
      </c>
      <c r="BB27" s="25">
        <v>0</v>
      </c>
      <c r="BC27" s="25">
        <v>0</v>
      </c>
      <c r="BD27" s="28">
        <v>0</v>
      </c>
      <c r="BE27" s="29">
        <v>0</v>
      </c>
      <c r="BF27" s="24">
        <v>0</v>
      </c>
      <c r="BG27" s="25">
        <v>0</v>
      </c>
      <c r="BH27" s="26">
        <v>0</v>
      </c>
      <c r="BI27" s="404">
        <v>0</v>
      </c>
      <c r="BJ27" s="25">
        <v>0</v>
      </c>
      <c r="BK27" s="25">
        <v>0</v>
      </c>
      <c r="BL27" s="25">
        <v>0</v>
      </c>
      <c r="BM27" s="25">
        <v>0</v>
      </c>
      <c r="BN27" s="25">
        <v>0</v>
      </c>
      <c r="BO27" s="28">
        <v>0</v>
      </c>
      <c r="BP27" s="29">
        <v>0</v>
      </c>
      <c r="BQ27" s="24">
        <v>0</v>
      </c>
      <c r="BR27" s="25">
        <v>0</v>
      </c>
      <c r="BS27" s="26">
        <v>0</v>
      </c>
      <c r="BT27" s="27">
        <v>0</v>
      </c>
      <c r="BU27" s="25">
        <v>11065</v>
      </c>
      <c r="BV27" s="25">
        <v>12940</v>
      </c>
      <c r="BW27" s="25">
        <v>25575</v>
      </c>
      <c r="BX27" s="25">
        <v>80485</v>
      </c>
      <c r="BY27" s="25">
        <v>14630</v>
      </c>
      <c r="BZ27" s="28">
        <v>144695</v>
      </c>
      <c r="CA27" s="29">
        <v>144695</v>
      </c>
      <c r="CB27" s="24">
        <v>0</v>
      </c>
      <c r="CC27" s="25">
        <v>0</v>
      </c>
      <c r="CD27" s="26">
        <v>0</v>
      </c>
      <c r="CE27" s="27">
        <v>0</v>
      </c>
      <c r="CF27" s="25">
        <v>555</v>
      </c>
      <c r="CG27" s="25">
        <v>0</v>
      </c>
      <c r="CH27" s="25">
        <v>1490</v>
      </c>
      <c r="CI27" s="25">
        <v>0</v>
      </c>
      <c r="CJ27" s="25">
        <v>0</v>
      </c>
      <c r="CK27" s="28">
        <v>2045</v>
      </c>
      <c r="CL27" s="29">
        <v>2045</v>
      </c>
      <c r="CM27" s="24">
        <v>0</v>
      </c>
      <c r="CN27" s="25">
        <v>0</v>
      </c>
      <c r="CO27" s="26">
        <v>0</v>
      </c>
      <c r="CP27" s="27">
        <v>0</v>
      </c>
      <c r="CQ27" s="25">
        <v>0</v>
      </c>
      <c r="CR27" s="25">
        <v>0</v>
      </c>
      <c r="CS27" s="25">
        <v>0</v>
      </c>
      <c r="CT27" s="25">
        <v>0</v>
      </c>
      <c r="CU27" s="25">
        <v>0</v>
      </c>
      <c r="CV27" s="28">
        <v>0</v>
      </c>
      <c r="CW27" s="29">
        <v>0</v>
      </c>
      <c r="CX27" s="24">
        <v>0</v>
      </c>
      <c r="CY27" s="25">
        <v>0</v>
      </c>
      <c r="CZ27" s="26">
        <v>0</v>
      </c>
      <c r="DA27" s="404">
        <v>0</v>
      </c>
      <c r="DB27" s="25">
        <v>0</v>
      </c>
      <c r="DC27" s="25">
        <v>0</v>
      </c>
      <c r="DD27" s="25">
        <v>0</v>
      </c>
      <c r="DE27" s="25">
        <v>0</v>
      </c>
      <c r="DF27" s="25">
        <v>0</v>
      </c>
      <c r="DG27" s="28">
        <v>0</v>
      </c>
      <c r="DH27" s="29">
        <v>0</v>
      </c>
      <c r="DI27" s="24">
        <v>0</v>
      </c>
      <c r="DJ27" s="25">
        <v>0</v>
      </c>
      <c r="DK27" s="26">
        <v>0</v>
      </c>
      <c r="DL27" s="27">
        <v>0</v>
      </c>
      <c r="DM27" s="25">
        <v>30810</v>
      </c>
      <c r="DN27" s="25">
        <v>31959</v>
      </c>
      <c r="DO27" s="25">
        <v>282388</v>
      </c>
      <c r="DP27" s="25">
        <v>996759</v>
      </c>
      <c r="DQ27" s="25">
        <v>419779</v>
      </c>
      <c r="DR27" s="28">
        <v>1761695</v>
      </c>
      <c r="DS27" s="30">
        <v>1761695</v>
      </c>
      <c r="DT27" s="24">
        <v>0</v>
      </c>
      <c r="DU27" s="25">
        <v>0</v>
      </c>
      <c r="DV27" s="26">
        <v>0</v>
      </c>
      <c r="DW27" s="404">
        <v>0</v>
      </c>
      <c r="DX27" s="25">
        <v>0</v>
      </c>
      <c r="DY27" s="25">
        <v>0</v>
      </c>
      <c r="DZ27" s="25">
        <v>126437</v>
      </c>
      <c r="EA27" s="25">
        <v>897875</v>
      </c>
      <c r="EB27" s="25">
        <v>360988</v>
      </c>
      <c r="EC27" s="28">
        <v>1385300</v>
      </c>
      <c r="ED27" s="29">
        <v>1385300</v>
      </c>
      <c r="EE27" s="24">
        <v>0</v>
      </c>
      <c r="EF27" s="25">
        <v>0</v>
      </c>
      <c r="EG27" s="26">
        <v>0</v>
      </c>
      <c r="EH27" s="404">
        <v>0</v>
      </c>
      <c r="EI27" s="25">
        <v>651</v>
      </c>
      <c r="EJ27" s="25">
        <v>11904</v>
      </c>
      <c r="EK27" s="25">
        <v>115449</v>
      </c>
      <c r="EL27" s="25">
        <v>1085</v>
      </c>
      <c r="EM27" s="25">
        <v>23759</v>
      </c>
      <c r="EN27" s="28">
        <v>152848</v>
      </c>
      <c r="EO27" s="29">
        <v>152848</v>
      </c>
      <c r="EP27" s="24">
        <v>0</v>
      </c>
      <c r="EQ27" s="25">
        <v>0</v>
      </c>
      <c r="ER27" s="26">
        <v>0</v>
      </c>
      <c r="ES27" s="404">
        <v>0</v>
      </c>
      <c r="ET27" s="25">
        <v>0</v>
      </c>
      <c r="EU27" s="25">
        <v>0</v>
      </c>
      <c r="EV27" s="25">
        <v>0</v>
      </c>
      <c r="EW27" s="25">
        <v>0</v>
      </c>
      <c r="EX27" s="25">
        <v>0</v>
      </c>
      <c r="EY27" s="28">
        <v>0</v>
      </c>
      <c r="EZ27" s="29">
        <v>0</v>
      </c>
      <c r="FA27" s="24">
        <v>0</v>
      </c>
      <c r="FB27" s="25">
        <v>0</v>
      </c>
      <c r="FC27" s="26">
        <v>0</v>
      </c>
      <c r="FD27" s="404">
        <v>0</v>
      </c>
      <c r="FE27" s="25">
        <v>0</v>
      </c>
      <c r="FF27" s="25">
        <v>0</v>
      </c>
      <c r="FG27" s="25">
        <v>0</v>
      </c>
      <c r="FH27" s="25">
        <v>0</v>
      </c>
      <c r="FI27" s="25">
        <v>0</v>
      </c>
      <c r="FJ27" s="28">
        <v>0</v>
      </c>
      <c r="FK27" s="29">
        <v>0</v>
      </c>
      <c r="FL27" s="24">
        <v>0</v>
      </c>
      <c r="FM27" s="25">
        <v>0</v>
      </c>
      <c r="FN27" s="26">
        <v>0</v>
      </c>
      <c r="FO27" s="404">
        <v>0</v>
      </c>
      <c r="FP27" s="25">
        <v>0</v>
      </c>
      <c r="FQ27" s="25">
        <v>0</v>
      </c>
      <c r="FR27" s="25">
        <v>0</v>
      </c>
      <c r="FS27" s="25">
        <v>0</v>
      </c>
      <c r="FT27" s="25">
        <v>0</v>
      </c>
      <c r="FU27" s="28">
        <v>0</v>
      </c>
      <c r="FV27" s="29">
        <v>0</v>
      </c>
      <c r="FW27" s="24">
        <v>0</v>
      </c>
      <c r="FX27" s="25">
        <v>0</v>
      </c>
      <c r="FY27" s="26">
        <v>0</v>
      </c>
      <c r="FZ27" s="27">
        <v>0</v>
      </c>
      <c r="GA27" s="25">
        <v>30124</v>
      </c>
      <c r="GB27" s="25">
        <v>20055</v>
      </c>
      <c r="GC27" s="25">
        <v>40474</v>
      </c>
      <c r="GD27" s="25">
        <v>97799</v>
      </c>
      <c r="GE27" s="25">
        <v>35032</v>
      </c>
      <c r="GF27" s="28">
        <v>223484</v>
      </c>
      <c r="GG27" s="29">
        <v>223484</v>
      </c>
      <c r="GH27" s="24">
        <v>0</v>
      </c>
      <c r="GI27" s="25">
        <v>0</v>
      </c>
      <c r="GJ27" s="26">
        <v>0</v>
      </c>
      <c r="GK27" s="27">
        <v>0</v>
      </c>
      <c r="GL27" s="25">
        <v>35</v>
      </c>
      <c r="GM27" s="25">
        <v>0</v>
      </c>
      <c r="GN27" s="25">
        <v>28</v>
      </c>
      <c r="GO27" s="25">
        <v>0</v>
      </c>
      <c r="GP27" s="25">
        <v>0</v>
      </c>
      <c r="GQ27" s="28">
        <v>63</v>
      </c>
      <c r="GR27" s="29">
        <v>63</v>
      </c>
      <c r="GS27" s="24">
        <v>0</v>
      </c>
      <c r="GT27" s="25">
        <v>0</v>
      </c>
      <c r="GU27" s="26">
        <v>0</v>
      </c>
      <c r="GV27" s="27">
        <v>0</v>
      </c>
      <c r="GW27" s="25">
        <v>0</v>
      </c>
      <c r="GX27" s="25">
        <v>0</v>
      </c>
      <c r="GY27" s="25">
        <v>0</v>
      </c>
      <c r="GZ27" s="25">
        <v>0</v>
      </c>
      <c r="HA27" s="25">
        <v>0</v>
      </c>
      <c r="HB27" s="28">
        <v>0</v>
      </c>
      <c r="HC27" s="29">
        <v>0</v>
      </c>
      <c r="HD27" s="24">
        <v>0</v>
      </c>
      <c r="HE27" s="25">
        <v>0</v>
      </c>
      <c r="HF27" s="26">
        <v>0</v>
      </c>
      <c r="HG27" s="404">
        <v>0</v>
      </c>
      <c r="HH27" s="25">
        <v>0</v>
      </c>
      <c r="HI27" s="25">
        <v>0</v>
      </c>
      <c r="HJ27" s="25">
        <v>0</v>
      </c>
      <c r="HK27" s="25">
        <v>0</v>
      </c>
      <c r="HL27" s="25">
        <v>0</v>
      </c>
      <c r="HM27" s="28">
        <v>0</v>
      </c>
      <c r="HN27" s="29">
        <v>0</v>
      </c>
      <c r="HO27" s="24">
        <v>0</v>
      </c>
      <c r="HP27" s="25">
        <v>0</v>
      </c>
      <c r="HQ27" s="26">
        <v>0</v>
      </c>
      <c r="HR27" s="27">
        <v>0</v>
      </c>
      <c r="HS27" s="25">
        <v>102415</v>
      </c>
      <c r="HT27" s="25">
        <v>83029</v>
      </c>
      <c r="HU27" s="25">
        <v>516673</v>
      </c>
      <c r="HV27" s="25">
        <v>1867301</v>
      </c>
      <c r="HW27" s="25">
        <v>796069</v>
      </c>
      <c r="HX27" s="28">
        <v>3365487</v>
      </c>
      <c r="HY27" s="29">
        <v>3365487</v>
      </c>
    </row>
    <row r="28" spans="2:233" ht="21" customHeight="1" x14ac:dyDescent="0.2">
      <c r="B28" s="106" t="s">
        <v>25</v>
      </c>
      <c r="C28" s="24">
        <v>0</v>
      </c>
      <c r="D28" s="25">
        <v>0</v>
      </c>
      <c r="E28" s="26">
        <v>0</v>
      </c>
      <c r="F28" s="27">
        <v>0</v>
      </c>
      <c r="G28" s="25">
        <v>51473</v>
      </c>
      <c r="H28" s="25">
        <v>220980</v>
      </c>
      <c r="I28" s="25">
        <v>665530</v>
      </c>
      <c r="J28" s="25">
        <v>695243</v>
      </c>
      <c r="K28" s="25">
        <v>456645</v>
      </c>
      <c r="L28" s="28">
        <v>2089871</v>
      </c>
      <c r="M28" s="29">
        <v>2089871</v>
      </c>
      <c r="N28" s="24">
        <v>0</v>
      </c>
      <c r="O28" s="25">
        <v>0</v>
      </c>
      <c r="P28" s="26">
        <v>0</v>
      </c>
      <c r="Q28" s="404">
        <v>0</v>
      </c>
      <c r="R28" s="25">
        <v>0</v>
      </c>
      <c r="S28" s="25">
        <v>2635</v>
      </c>
      <c r="T28" s="25">
        <v>502145</v>
      </c>
      <c r="U28" s="25">
        <v>479005</v>
      </c>
      <c r="V28" s="25">
        <v>310775</v>
      </c>
      <c r="W28" s="28">
        <v>1294560</v>
      </c>
      <c r="X28" s="29">
        <v>1294560</v>
      </c>
      <c r="Y28" s="24">
        <v>0</v>
      </c>
      <c r="Z28" s="25">
        <v>0</v>
      </c>
      <c r="AA28" s="26">
        <v>0</v>
      </c>
      <c r="AB28" s="404">
        <v>0</v>
      </c>
      <c r="AC28" s="25">
        <v>37125</v>
      </c>
      <c r="AD28" s="25">
        <v>191500</v>
      </c>
      <c r="AE28" s="25">
        <v>130310</v>
      </c>
      <c r="AF28" s="25">
        <v>184265</v>
      </c>
      <c r="AG28" s="25">
        <v>72495</v>
      </c>
      <c r="AH28" s="28">
        <v>615695</v>
      </c>
      <c r="AI28" s="29">
        <v>615695</v>
      </c>
      <c r="AJ28" s="24">
        <v>0</v>
      </c>
      <c r="AK28" s="25">
        <v>0</v>
      </c>
      <c r="AL28" s="26">
        <v>0</v>
      </c>
      <c r="AM28" s="404">
        <v>0</v>
      </c>
      <c r="AN28" s="25">
        <v>0</v>
      </c>
      <c r="AO28" s="25">
        <v>0</v>
      </c>
      <c r="AP28" s="25">
        <v>0</v>
      </c>
      <c r="AQ28" s="25">
        <v>0</v>
      </c>
      <c r="AR28" s="25">
        <v>0</v>
      </c>
      <c r="AS28" s="28">
        <v>0</v>
      </c>
      <c r="AT28" s="29">
        <v>0</v>
      </c>
      <c r="AU28" s="24">
        <v>0</v>
      </c>
      <c r="AV28" s="25">
        <v>0</v>
      </c>
      <c r="AW28" s="26">
        <v>0</v>
      </c>
      <c r="AX28" s="404">
        <v>0</v>
      </c>
      <c r="AY28" s="25">
        <v>0</v>
      </c>
      <c r="AZ28" s="25">
        <v>0</v>
      </c>
      <c r="BA28" s="25">
        <v>0</v>
      </c>
      <c r="BB28" s="25">
        <v>0</v>
      </c>
      <c r="BC28" s="25">
        <v>0</v>
      </c>
      <c r="BD28" s="28">
        <v>0</v>
      </c>
      <c r="BE28" s="29">
        <v>0</v>
      </c>
      <c r="BF28" s="24">
        <v>0</v>
      </c>
      <c r="BG28" s="25">
        <v>0</v>
      </c>
      <c r="BH28" s="26">
        <v>0</v>
      </c>
      <c r="BI28" s="404">
        <v>0</v>
      </c>
      <c r="BJ28" s="25">
        <v>0</v>
      </c>
      <c r="BK28" s="25">
        <v>0</v>
      </c>
      <c r="BL28" s="25">
        <v>0</v>
      </c>
      <c r="BM28" s="25">
        <v>0</v>
      </c>
      <c r="BN28" s="25">
        <v>0</v>
      </c>
      <c r="BO28" s="28">
        <v>0</v>
      </c>
      <c r="BP28" s="29">
        <v>0</v>
      </c>
      <c r="BQ28" s="24">
        <v>0</v>
      </c>
      <c r="BR28" s="25">
        <v>0</v>
      </c>
      <c r="BS28" s="26">
        <v>0</v>
      </c>
      <c r="BT28" s="27">
        <v>0</v>
      </c>
      <c r="BU28" s="25">
        <v>14348</v>
      </c>
      <c r="BV28" s="25">
        <v>26400</v>
      </c>
      <c r="BW28" s="25">
        <v>30745</v>
      </c>
      <c r="BX28" s="25">
        <v>31973</v>
      </c>
      <c r="BY28" s="25">
        <v>73375</v>
      </c>
      <c r="BZ28" s="28">
        <v>176841</v>
      </c>
      <c r="CA28" s="29">
        <v>176841</v>
      </c>
      <c r="CB28" s="24">
        <v>0</v>
      </c>
      <c r="CC28" s="25">
        <v>0</v>
      </c>
      <c r="CD28" s="26">
        <v>0</v>
      </c>
      <c r="CE28" s="27">
        <v>0</v>
      </c>
      <c r="CF28" s="25">
        <v>0</v>
      </c>
      <c r="CG28" s="25">
        <v>445</v>
      </c>
      <c r="CH28" s="25">
        <v>2330</v>
      </c>
      <c r="CI28" s="25">
        <v>0</v>
      </c>
      <c r="CJ28" s="25">
        <v>0</v>
      </c>
      <c r="CK28" s="28">
        <v>2775</v>
      </c>
      <c r="CL28" s="29">
        <v>2775</v>
      </c>
      <c r="CM28" s="24">
        <v>0</v>
      </c>
      <c r="CN28" s="25">
        <v>0</v>
      </c>
      <c r="CO28" s="26">
        <v>0</v>
      </c>
      <c r="CP28" s="27">
        <v>0</v>
      </c>
      <c r="CQ28" s="25">
        <v>0</v>
      </c>
      <c r="CR28" s="25">
        <v>0</v>
      </c>
      <c r="CS28" s="25">
        <v>0</v>
      </c>
      <c r="CT28" s="25">
        <v>0</v>
      </c>
      <c r="CU28" s="25">
        <v>0</v>
      </c>
      <c r="CV28" s="28">
        <v>0</v>
      </c>
      <c r="CW28" s="29">
        <v>0</v>
      </c>
      <c r="CX28" s="24">
        <v>0</v>
      </c>
      <c r="CY28" s="25">
        <v>0</v>
      </c>
      <c r="CZ28" s="26">
        <v>0</v>
      </c>
      <c r="DA28" s="404">
        <v>0</v>
      </c>
      <c r="DB28" s="25">
        <v>0</v>
      </c>
      <c r="DC28" s="25">
        <v>0</v>
      </c>
      <c r="DD28" s="25">
        <v>0</v>
      </c>
      <c r="DE28" s="25">
        <v>0</v>
      </c>
      <c r="DF28" s="25">
        <v>0</v>
      </c>
      <c r="DG28" s="28">
        <v>0</v>
      </c>
      <c r="DH28" s="29">
        <v>0</v>
      </c>
      <c r="DI28" s="24">
        <v>0</v>
      </c>
      <c r="DJ28" s="25">
        <v>0</v>
      </c>
      <c r="DK28" s="26">
        <v>0</v>
      </c>
      <c r="DL28" s="27">
        <v>0</v>
      </c>
      <c r="DM28" s="25">
        <v>11227</v>
      </c>
      <c r="DN28" s="25">
        <v>95044</v>
      </c>
      <c r="DO28" s="25">
        <v>738324</v>
      </c>
      <c r="DP28" s="25">
        <v>995958</v>
      </c>
      <c r="DQ28" s="25">
        <v>333929</v>
      </c>
      <c r="DR28" s="28">
        <v>2174482</v>
      </c>
      <c r="DS28" s="30">
        <v>2174482</v>
      </c>
      <c r="DT28" s="24">
        <v>0</v>
      </c>
      <c r="DU28" s="25">
        <v>0</v>
      </c>
      <c r="DV28" s="26">
        <v>0</v>
      </c>
      <c r="DW28" s="404">
        <v>0</v>
      </c>
      <c r="DX28" s="25">
        <v>0</v>
      </c>
      <c r="DY28" s="25">
        <v>15035</v>
      </c>
      <c r="DZ28" s="25">
        <v>676723</v>
      </c>
      <c r="EA28" s="25">
        <v>905692</v>
      </c>
      <c r="EB28" s="25">
        <v>274195</v>
      </c>
      <c r="EC28" s="28">
        <v>1871645</v>
      </c>
      <c r="ED28" s="29">
        <v>1871645</v>
      </c>
      <c r="EE28" s="24">
        <v>0</v>
      </c>
      <c r="EF28" s="25">
        <v>0</v>
      </c>
      <c r="EG28" s="26">
        <v>0</v>
      </c>
      <c r="EH28" s="404">
        <v>0</v>
      </c>
      <c r="EI28" s="25">
        <v>581</v>
      </c>
      <c r="EJ28" s="25">
        <v>24726</v>
      </c>
      <c r="EK28" s="25">
        <v>24634</v>
      </c>
      <c r="EL28" s="25">
        <v>26552</v>
      </c>
      <c r="EM28" s="25">
        <v>987</v>
      </c>
      <c r="EN28" s="28">
        <v>77480</v>
      </c>
      <c r="EO28" s="29">
        <v>77480</v>
      </c>
      <c r="EP28" s="24">
        <v>0</v>
      </c>
      <c r="EQ28" s="25">
        <v>0</v>
      </c>
      <c r="ER28" s="26">
        <v>0</v>
      </c>
      <c r="ES28" s="404">
        <v>0</v>
      </c>
      <c r="ET28" s="25">
        <v>0</v>
      </c>
      <c r="EU28" s="25">
        <v>0</v>
      </c>
      <c r="EV28" s="25">
        <v>0</v>
      </c>
      <c r="EW28" s="25">
        <v>0</v>
      </c>
      <c r="EX28" s="25">
        <v>0</v>
      </c>
      <c r="EY28" s="28">
        <v>0</v>
      </c>
      <c r="EZ28" s="29">
        <v>0</v>
      </c>
      <c r="FA28" s="24">
        <v>0</v>
      </c>
      <c r="FB28" s="25">
        <v>0</v>
      </c>
      <c r="FC28" s="26">
        <v>0</v>
      </c>
      <c r="FD28" s="404">
        <v>0</v>
      </c>
      <c r="FE28" s="25">
        <v>0</v>
      </c>
      <c r="FF28" s="25">
        <v>0</v>
      </c>
      <c r="FG28" s="25">
        <v>0</v>
      </c>
      <c r="FH28" s="25">
        <v>0</v>
      </c>
      <c r="FI28" s="25">
        <v>0</v>
      </c>
      <c r="FJ28" s="28">
        <v>0</v>
      </c>
      <c r="FK28" s="29">
        <v>0</v>
      </c>
      <c r="FL28" s="24">
        <v>0</v>
      </c>
      <c r="FM28" s="25">
        <v>0</v>
      </c>
      <c r="FN28" s="26">
        <v>0</v>
      </c>
      <c r="FO28" s="404">
        <v>0</v>
      </c>
      <c r="FP28" s="25">
        <v>0</v>
      </c>
      <c r="FQ28" s="25">
        <v>0</v>
      </c>
      <c r="FR28" s="25">
        <v>0</v>
      </c>
      <c r="FS28" s="25">
        <v>0</v>
      </c>
      <c r="FT28" s="25">
        <v>0</v>
      </c>
      <c r="FU28" s="28">
        <v>0</v>
      </c>
      <c r="FV28" s="29">
        <v>0</v>
      </c>
      <c r="FW28" s="24">
        <v>0</v>
      </c>
      <c r="FX28" s="25">
        <v>0</v>
      </c>
      <c r="FY28" s="26">
        <v>0</v>
      </c>
      <c r="FZ28" s="27">
        <v>0</v>
      </c>
      <c r="GA28" s="25">
        <v>10646</v>
      </c>
      <c r="GB28" s="25">
        <v>55276</v>
      </c>
      <c r="GC28" s="25">
        <v>36848</v>
      </c>
      <c r="GD28" s="25">
        <v>63714</v>
      </c>
      <c r="GE28" s="25">
        <v>58747</v>
      </c>
      <c r="GF28" s="28">
        <v>225231</v>
      </c>
      <c r="GG28" s="29">
        <v>225231</v>
      </c>
      <c r="GH28" s="24">
        <v>0</v>
      </c>
      <c r="GI28" s="25">
        <v>0</v>
      </c>
      <c r="GJ28" s="26">
        <v>0</v>
      </c>
      <c r="GK28" s="27">
        <v>0</v>
      </c>
      <c r="GL28" s="25">
        <v>0</v>
      </c>
      <c r="GM28" s="25">
        <v>7</v>
      </c>
      <c r="GN28" s="25">
        <v>119</v>
      </c>
      <c r="GO28" s="25">
        <v>0</v>
      </c>
      <c r="GP28" s="25">
        <v>0</v>
      </c>
      <c r="GQ28" s="28">
        <v>126</v>
      </c>
      <c r="GR28" s="29">
        <v>126</v>
      </c>
      <c r="GS28" s="24">
        <v>0</v>
      </c>
      <c r="GT28" s="25">
        <v>0</v>
      </c>
      <c r="GU28" s="26">
        <v>0</v>
      </c>
      <c r="GV28" s="27">
        <v>0</v>
      </c>
      <c r="GW28" s="25">
        <v>0</v>
      </c>
      <c r="GX28" s="25">
        <v>0</v>
      </c>
      <c r="GY28" s="25">
        <v>0</v>
      </c>
      <c r="GZ28" s="25">
        <v>0</v>
      </c>
      <c r="HA28" s="25">
        <v>0</v>
      </c>
      <c r="HB28" s="28">
        <v>0</v>
      </c>
      <c r="HC28" s="29">
        <v>0</v>
      </c>
      <c r="HD28" s="24">
        <v>0</v>
      </c>
      <c r="HE28" s="25">
        <v>0</v>
      </c>
      <c r="HF28" s="26">
        <v>0</v>
      </c>
      <c r="HG28" s="404">
        <v>0</v>
      </c>
      <c r="HH28" s="25">
        <v>0</v>
      </c>
      <c r="HI28" s="25">
        <v>0</v>
      </c>
      <c r="HJ28" s="25">
        <v>0</v>
      </c>
      <c r="HK28" s="25">
        <v>0</v>
      </c>
      <c r="HL28" s="25">
        <v>0</v>
      </c>
      <c r="HM28" s="28">
        <v>0</v>
      </c>
      <c r="HN28" s="29">
        <v>0</v>
      </c>
      <c r="HO28" s="24">
        <v>0</v>
      </c>
      <c r="HP28" s="25">
        <v>0</v>
      </c>
      <c r="HQ28" s="26">
        <v>0</v>
      </c>
      <c r="HR28" s="27">
        <v>0</v>
      </c>
      <c r="HS28" s="25">
        <v>62700</v>
      </c>
      <c r="HT28" s="25">
        <v>316024</v>
      </c>
      <c r="HU28" s="25">
        <v>1403854</v>
      </c>
      <c r="HV28" s="25">
        <v>1691201</v>
      </c>
      <c r="HW28" s="25">
        <v>790574</v>
      </c>
      <c r="HX28" s="28">
        <v>4264353</v>
      </c>
      <c r="HY28" s="29">
        <v>4264353</v>
      </c>
    </row>
    <row r="29" spans="2:233" ht="21" customHeight="1" x14ac:dyDescent="0.2">
      <c r="B29" s="106" t="s">
        <v>26</v>
      </c>
      <c r="C29" s="24">
        <v>60</v>
      </c>
      <c r="D29" s="25">
        <v>0</v>
      </c>
      <c r="E29" s="26">
        <v>60</v>
      </c>
      <c r="F29" s="27">
        <v>0</v>
      </c>
      <c r="G29" s="25">
        <v>33140</v>
      </c>
      <c r="H29" s="25">
        <v>86965</v>
      </c>
      <c r="I29" s="25">
        <v>366930</v>
      </c>
      <c r="J29" s="25">
        <v>672155</v>
      </c>
      <c r="K29" s="25">
        <v>666109</v>
      </c>
      <c r="L29" s="28">
        <v>1825299</v>
      </c>
      <c r="M29" s="29">
        <v>1825359</v>
      </c>
      <c r="N29" s="24">
        <v>0</v>
      </c>
      <c r="O29" s="25">
        <v>0</v>
      </c>
      <c r="P29" s="26">
        <v>0</v>
      </c>
      <c r="Q29" s="404">
        <v>0</v>
      </c>
      <c r="R29" s="25">
        <v>0</v>
      </c>
      <c r="S29" s="25">
        <v>30690</v>
      </c>
      <c r="T29" s="25">
        <v>174315</v>
      </c>
      <c r="U29" s="25">
        <v>398750</v>
      </c>
      <c r="V29" s="25">
        <v>469035</v>
      </c>
      <c r="W29" s="28">
        <v>1072790</v>
      </c>
      <c r="X29" s="29">
        <v>1072790</v>
      </c>
      <c r="Y29" s="24">
        <v>0</v>
      </c>
      <c r="Z29" s="25">
        <v>0</v>
      </c>
      <c r="AA29" s="26">
        <v>0</v>
      </c>
      <c r="AB29" s="404">
        <v>0</v>
      </c>
      <c r="AC29" s="25">
        <v>32705</v>
      </c>
      <c r="AD29" s="25">
        <v>44520</v>
      </c>
      <c r="AE29" s="25">
        <v>162760</v>
      </c>
      <c r="AF29" s="25">
        <v>261640</v>
      </c>
      <c r="AG29" s="25">
        <v>106059</v>
      </c>
      <c r="AH29" s="28">
        <v>607684</v>
      </c>
      <c r="AI29" s="29">
        <v>607684</v>
      </c>
      <c r="AJ29" s="24">
        <v>0</v>
      </c>
      <c r="AK29" s="25">
        <v>0</v>
      </c>
      <c r="AL29" s="26">
        <v>0</v>
      </c>
      <c r="AM29" s="404">
        <v>0</v>
      </c>
      <c r="AN29" s="25">
        <v>0</v>
      </c>
      <c r="AO29" s="25">
        <v>0</v>
      </c>
      <c r="AP29" s="25">
        <v>0</v>
      </c>
      <c r="AQ29" s="25">
        <v>0</v>
      </c>
      <c r="AR29" s="25">
        <v>0</v>
      </c>
      <c r="AS29" s="28">
        <v>0</v>
      </c>
      <c r="AT29" s="29">
        <v>0</v>
      </c>
      <c r="AU29" s="24">
        <v>0</v>
      </c>
      <c r="AV29" s="25">
        <v>0</v>
      </c>
      <c r="AW29" s="26">
        <v>0</v>
      </c>
      <c r="AX29" s="404">
        <v>0</v>
      </c>
      <c r="AY29" s="25">
        <v>0</v>
      </c>
      <c r="AZ29" s="25">
        <v>0</v>
      </c>
      <c r="BA29" s="25">
        <v>2635</v>
      </c>
      <c r="BB29" s="25">
        <v>0</v>
      </c>
      <c r="BC29" s="25">
        <v>37550</v>
      </c>
      <c r="BD29" s="28">
        <v>40185</v>
      </c>
      <c r="BE29" s="29">
        <v>40185</v>
      </c>
      <c r="BF29" s="24">
        <v>0</v>
      </c>
      <c r="BG29" s="25">
        <v>0</v>
      </c>
      <c r="BH29" s="26">
        <v>0</v>
      </c>
      <c r="BI29" s="404">
        <v>0</v>
      </c>
      <c r="BJ29" s="25">
        <v>0</v>
      </c>
      <c r="BK29" s="25">
        <v>0</v>
      </c>
      <c r="BL29" s="25">
        <v>0</v>
      </c>
      <c r="BM29" s="25">
        <v>0</v>
      </c>
      <c r="BN29" s="25">
        <v>0</v>
      </c>
      <c r="BO29" s="28">
        <v>0</v>
      </c>
      <c r="BP29" s="29">
        <v>0</v>
      </c>
      <c r="BQ29" s="24">
        <v>60</v>
      </c>
      <c r="BR29" s="25">
        <v>0</v>
      </c>
      <c r="BS29" s="26">
        <v>60</v>
      </c>
      <c r="BT29" s="27">
        <v>0</v>
      </c>
      <c r="BU29" s="25">
        <v>435</v>
      </c>
      <c r="BV29" s="25">
        <v>5450</v>
      </c>
      <c r="BW29" s="25">
        <v>26225</v>
      </c>
      <c r="BX29" s="25">
        <v>10315</v>
      </c>
      <c r="BY29" s="25">
        <v>53465</v>
      </c>
      <c r="BZ29" s="28">
        <v>95890</v>
      </c>
      <c r="CA29" s="29">
        <v>95950</v>
      </c>
      <c r="CB29" s="24">
        <v>0</v>
      </c>
      <c r="CC29" s="25">
        <v>0</v>
      </c>
      <c r="CD29" s="26">
        <v>0</v>
      </c>
      <c r="CE29" s="27">
        <v>0</v>
      </c>
      <c r="CF29" s="25">
        <v>0</v>
      </c>
      <c r="CG29" s="25">
        <v>6305</v>
      </c>
      <c r="CH29" s="25">
        <v>995</v>
      </c>
      <c r="CI29" s="25">
        <v>1450</v>
      </c>
      <c r="CJ29" s="25">
        <v>0</v>
      </c>
      <c r="CK29" s="28">
        <v>8750</v>
      </c>
      <c r="CL29" s="29">
        <v>8750</v>
      </c>
      <c r="CM29" s="24">
        <v>0</v>
      </c>
      <c r="CN29" s="25">
        <v>0</v>
      </c>
      <c r="CO29" s="26">
        <v>0</v>
      </c>
      <c r="CP29" s="27">
        <v>0</v>
      </c>
      <c r="CQ29" s="25">
        <v>0</v>
      </c>
      <c r="CR29" s="25">
        <v>0</v>
      </c>
      <c r="CS29" s="25">
        <v>0</v>
      </c>
      <c r="CT29" s="25">
        <v>0</v>
      </c>
      <c r="CU29" s="25">
        <v>0</v>
      </c>
      <c r="CV29" s="28">
        <v>0</v>
      </c>
      <c r="CW29" s="29">
        <v>0</v>
      </c>
      <c r="CX29" s="24">
        <v>0</v>
      </c>
      <c r="CY29" s="25">
        <v>0</v>
      </c>
      <c r="CZ29" s="26">
        <v>0</v>
      </c>
      <c r="DA29" s="404">
        <v>0</v>
      </c>
      <c r="DB29" s="25">
        <v>0</v>
      </c>
      <c r="DC29" s="25">
        <v>0</v>
      </c>
      <c r="DD29" s="25">
        <v>0</v>
      </c>
      <c r="DE29" s="25">
        <v>0</v>
      </c>
      <c r="DF29" s="25">
        <v>0</v>
      </c>
      <c r="DG29" s="28">
        <v>0</v>
      </c>
      <c r="DH29" s="29">
        <v>0</v>
      </c>
      <c r="DI29" s="24">
        <v>696</v>
      </c>
      <c r="DJ29" s="25">
        <v>0</v>
      </c>
      <c r="DK29" s="26">
        <v>696</v>
      </c>
      <c r="DL29" s="27">
        <v>0</v>
      </c>
      <c r="DM29" s="25">
        <v>1972</v>
      </c>
      <c r="DN29" s="25">
        <v>64235</v>
      </c>
      <c r="DO29" s="25">
        <v>382718</v>
      </c>
      <c r="DP29" s="25">
        <v>747559</v>
      </c>
      <c r="DQ29" s="25">
        <v>589321</v>
      </c>
      <c r="DR29" s="28">
        <v>1785805</v>
      </c>
      <c r="DS29" s="30">
        <v>1786501</v>
      </c>
      <c r="DT29" s="24">
        <v>0</v>
      </c>
      <c r="DU29" s="25">
        <v>0</v>
      </c>
      <c r="DV29" s="26">
        <v>0</v>
      </c>
      <c r="DW29" s="404">
        <v>0</v>
      </c>
      <c r="DX29" s="25">
        <v>0</v>
      </c>
      <c r="DY29" s="25">
        <v>35650</v>
      </c>
      <c r="DZ29" s="25">
        <v>346798</v>
      </c>
      <c r="EA29" s="25">
        <v>663990</v>
      </c>
      <c r="EB29" s="25">
        <v>508616</v>
      </c>
      <c r="EC29" s="28">
        <v>1555054</v>
      </c>
      <c r="ED29" s="29">
        <v>1555054</v>
      </c>
      <c r="EE29" s="24">
        <v>0</v>
      </c>
      <c r="EF29" s="25">
        <v>0</v>
      </c>
      <c r="EG29" s="26">
        <v>0</v>
      </c>
      <c r="EH29" s="404">
        <v>0</v>
      </c>
      <c r="EI29" s="25">
        <v>217</v>
      </c>
      <c r="EJ29" s="25">
        <v>1190</v>
      </c>
      <c r="EK29" s="25">
        <v>13437</v>
      </c>
      <c r="EL29" s="25">
        <v>49817</v>
      </c>
      <c r="EM29" s="25">
        <v>12493</v>
      </c>
      <c r="EN29" s="28">
        <v>77154</v>
      </c>
      <c r="EO29" s="29">
        <v>77154</v>
      </c>
      <c r="EP29" s="24">
        <v>0</v>
      </c>
      <c r="EQ29" s="25">
        <v>0</v>
      </c>
      <c r="ER29" s="26">
        <v>0</v>
      </c>
      <c r="ES29" s="404">
        <v>0</v>
      </c>
      <c r="ET29" s="25">
        <v>0</v>
      </c>
      <c r="EU29" s="25">
        <v>0</v>
      </c>
      <c r="EV29" s="25">
        <v>0</v>
      </c>
      <c r="EW29" s="25">
        <v>0</v>
      </c>
      <c r="EX29" s="25">
        <v>0</v>
      </c>
      <c r="EY29" s="28">
        <v>0</v>
      </c>
      <c r="EZ29" s="29">
        <v>0</v>
      </c>
      <c r="FA29" s="24">
        <v>0</v>
      </c>
      <c r="FB29" s="25">
        <v>0</v>
      </c>
      <c r="FC29" s="26">
        <v>0</v>
      </c>
      <c r="FD29" s="404">
        <v>0</v>
      </c>
      <c r="FE29" s="25">
        <v>0</v>
      </c>
      <c r="FF29" s="25">
        <v>0</v>
      </c>
      <c r="FG29" s="25">
        <v>217</v>
      </c>
      <c r="FH29" s="25">
        <v>0</v>
      </c>
      <c r="FI29" s="25">
        <v>651</v>
      </c>
      <c r="FJ29" s="28">
        <v>868</v>
      </c>
      <c r="FK29" s="29">
        <v>868</v>
      </c>
      <c r="FL29" s="24">
        <v>0</v>
      </c>
      <c r="FM29" s="25">
        <v>0</v>
      </c>
      <c r="FN29" s="26">
        <v>0</v>
      </c>
      <c r="FO29" s="404">
        <v>0</v>
      </c>
      <c r="FP29" s="25">
        <v>0</v>
      </c>
      <c r="FQ29" s="25">
        <v>0</v>
      </c>
      <c r="FR29" s="25">
        <v>0</v>
      </c>
      <c r="FS29" s="25">
        <v>0</v>
      </c>
      <c r="FT29" s="25">
        <v>0</v>
      </c>
      <c r="FU29" s="28">
        <v>0</v>
      </c>
      <c r="FV29" s="29">
        <v>0</v>
      </c>
      <c r="FW29" s="24">
        <v>696</v>
      </c>
      <c r="FX29" s="25">
        <v>0</v>
      </c>
      <c r="FY29" s="26">
        <v>696</v>
      </c>
      <c r="FZ29" s="27">
        <v>0</v>
      </c>
      <c r="GA29" s="25">
        <v>1755</v>
      </c>
      <c r="GB29" s="25">
        <v>24735</v>
      </c>
      <c r="GC29" s="25">
        <v>18816</v>
      </c>
      <c r="GD29" s="25">
        <v>33682</v>
      </c>
      <c r="GE29" s="25">
        <v>67561</v>
      </c>
      <c r="GF29" s="28">
        <v>146549</v>
      </c>
      <c r="GG29" s="29">
        <v>147245</v>
      </c>
      <c r="GH29" s="24">
        <v>0</v>
      </c>
      <c r="GI29" s="25">
        <v>0</v>
      </c>
      <c r="GJ29" s="26">
        <v>0</v>
      </c>
      <c r="GK29" s="27">
        <v>0</v>
      </c>
      <c r="GL29" s="25">
        <v>0</v>
      </c>
      <c r="GM29" s="25">
        <v>2660</v>
      </c>
      <c r="GN29" s="25">
        <v>3450</v>
      </c>
      <c r="GO29" s="25">
        <v>70</v>
      </c>
      <c r="GP29" s="25">
        <v>0</v>
      </c>
      <c r="GQ29" s="28">
        <v>6180</v>
      </c>
      <c r="GR29" s="29">
        <v>6180</v>
      </c>
      <c r="GS29" s="24">
        <v>0</v>
      </c>
      <c r="GT29" s="25">
        <v>0</v>
      </c>
      <c r="GU29" s="26">
        <v>0</v>
      </c>
      <c r="GV29" s="27">
        <v>0</v>
      </c>
      <c r="GW29" s="25">
        <v>0</v>
      </c>
      <c r="GX29" s="25">
        <v>0</v>
      </c>
      <c r="GY29" s="25">
        <v>0</v>
      </c>
      <c r="GZ29" s="25">
        <v>0</v>
      </c>
      <c r="HA29" s="25">
        <v>0</v>
      </c>
      <c r="HB29" s="28">
        <v>0</v>
      </c>
      <c r="HC29" s="29">
        <v>0</v>
      </c>
      <c r="HD29" s="24">
        <v>0</v>
      </c>
      <c r="HE29" s="25">
        <v>0</v>
      </c>
      <c r="HF29" s="26">
        <v>0</v>
      </c>
      <c r="HG29" s="404">
        <v>0</v>
      </c>
      <c r="HH29" s="25">
        <v>0</v>
      </c>
      <c r="HI29" s="25">
        <v>0</v>
      </c>
      <c r="HJ29" s="25">
        <v>0</v>
      </c>
      <c r="HK29" s="25">
        <v>0</v>
      </c>
      <c r="HL29" s="25">
        <v>0</v>
      </c>
      <c r="HM29" s="28">
        <v>0</v>
      </c>
      <c r="HN29" s="29">
        <v>0</v>
      </c>
      <c r="HO29" s="24">
        <v>756</v>
      </c>
      <c r="HP29" s="25">
        <v>0</v>
      </c>
      <c r="HQ29" s="26">
        <v>756</v>
      </c>
      <c r="HR29" s="27">
        <v>0</v>
      </c>
      <c r="HS29" s="25">
        <v>35112</v>
      </c>
      <c r="HT29" s="25">
        <v>151200</v>
      </c>
      <c r="HU29" s="25">
        <v>749648</v>
      </c>
      <c r="HV29" s="25">
        <v>1419714</v>
      </c>
      <c r="HW29" s="25">
        <v>1255430</v>
      </c>
      <c r="HX29" s="28">
        <v>3611104</v>
      </c>
      <c r="HY29" s="29">
        <v>3611860</v>
      </c>
    </row>
    <row r="30" spans="2:233" ht="21" customHeight="1" x14ac:dyDescent="0.2">
      <c r="B30" s="106" t="s">
        <v>27</v>
      </c>
      <c r="C30" s="24">
        <v>0</v>
      </c>
      <c r="D30" s="25">
        <v>0</v>
      </c>
      <c r="E30" s="26">
        <v>0</v>
      </c>
      <c r="F30" s="27">
        <v>0</v>
      </c>
      <c r="G30" s="25">
        <v>104798</v>
      </c>
      <c r="H30" s="25">
        <v>89165</v>
      </c>
      <c r="I30" s="25">
        <v>560157</v>
      </c>
      <c r="J30" s="25">
        <v>775834</v>
      </c>
      <c r="K30" s="25">
        <v>475085</v>
      </c>
      <c r="L30" s="28">
        <v>2005039</v>
      </c>
      <c r="M30" s="29">
        <v>2005039</v>
      </c>
      <c r="N30" s="24">
        <v>0</v>
      </c>
      <c r="O30" s="25">
        <v>0</v>
      </c>
      <c r="P30" s="26">
        <v>0</v>
      </c>
      <c r="Q30" s="404">
        <v>0</v>
      </c>
      <c r="R30" s="25">
        <v>65410</v>
      </c>
      <c r="S30" s="25">
        <v>0</v>
      </c>
      <c r="T30" s="25">
        <v>348375</v>
      </c>
      <c r="U30" s="25">
        <v>540910</v>
      </c>
      <c r="V30" s="25">
        <v>439745</v>
      </c>
      <c r="W30" s="28">
        <v>1394440</v>
      </c>
      <c r="X30" s="29">
        <v>1394440</v>
      </c>
      <c r="Y30" s="24">
        <v>0</v>
      </c>
      <c r="Z30" s="25">
        <v>0</v>
      </c>
      <c r="AA30" s="26">
        <v>0</v>
      </c>
      <c r="AB30" s="404">
        <v>0</v>
      </c>
      <c r="AC30" s="25">
        <v>35340</v>
      </c>
      <c r="AD30" s="25">
        <v>84630</v>
      </c>
      <c r="AE30" s="25">
        <v>118945</v>
      </c>
      <c r="AF30" s="25">
        <v>185380</v>
      </c>
      <c r="AG30" s="25">
        <v>35340</v>
      </c>
      <c r="AH30" s="28">
        <v>459635</v>
      </c>
      <c r="AI30" s="29">
        <v>459635</v>
      </c>
      <c r="AJ30" s="24">
        <v>0</v>
      </c>
      <c r="AK30" s="25">
        <v>0</v>
      </c>
      <c r="AL30" s="26">
        <v>0</v>
      </c>
      <c r="AM30" s="404">
        <v>0</v>
      </c>
      <c r="AN30" s="25">
        <v>0</v>
      </c>
      <c r="AO30" s="25">
        <v>0</v>
      </c>
      <c r="AP30" s="25">
        <v>0</v>
      </c>
      <c r="AQ30" s="25">
        <v>0</v>
      </c>
      <c r="AR30" s="25">
        <v>0</v>
      </c>
      <c r="AS30" s="28">
        <v>0</v>
      </c>
      <c r="AT30" s="29">
        <v>0</v>
      </c>
      <c r="AU30" s="24">
        <v>0</v>
      </c>
      <c r="AV30" s="25">
        <v>0</v>
      </c>
      <c r="AW30" s="26">
        <v>0</v>
      </c>
      <c r="AX30" s="404">
        <v>0</v>
      </c>
      <c r="AY30" s="25">
        <v>0</v>
      </c>
      <c r="AZ30" s="25">
        <v>0</v>
      </c>
      <c r="BA30" s="25">
        <v>0</v>
      </c>
      <c r="BB30" s="25">
        <v>0</v>
      </c>
      <c r="BC30" s="25">
        <v>0</v>
      </c>
      <c r="BD30" s="28">
        <v>0</v>
      </c>
      <c r="BE30" s="29">
        <v>0</v>
      </c>
      <c r="BF30" s="24">
        <v>0</v>
      </c>
      <c r="BG30" s="25">
        <v>0</v>
      </c>
      <c r="BH30" s="26">
        <v>0</v>
      </c>
      <c r="BI30" s="404">
        <v>0</v>
      </c>
      <c r="BJ30" s="25">
        <v>0</v>
      </c>
      <c r="BK30" s="25">
        <v>0</v>
      </c>
      <c r="BL30" s="25">
        <v>59985</v>
      </c>
      <c r="BM30" s="25">
        <v>37975</v>
      </c>
      <c r="BN30" s="25">
        <v>0</v>
      </c>
      <c r="BO30" s="28">
        <v>97960</v>
      </c>
      <c r="BP30" s="29">
        <v>97960</v>
      </c>
      <c r="BQ30" s="24">
        <v>0</v>
      </c>
      <c r="BR30" s="25">
        <v>0</v>
      </c>
      <c r="BS30" s="26">
        <v>0</v>
      </c>
      <c r="BT30" s="27">
        <v>0</v>
      </c>
      <c r="BU30" s="25">
        <v>4048</v>
      </c>
      <c r="BV30" s="25">
        <v>4535</v>
      </c>
      <c r="BW30" s="25">
        <v>32852</v>
      </c>
      <c r="BX30" s="25">
        <v>11279</v>
      </c>
      <c r="BY30" s="25">
        <v>0</v>
      </c>
      <c r="BZ30" s="28">
        <v>52714</v>
      </c>
      <c r="CA30" s="29">
        <v>52714</v>
      </c>
      <c r="CB30" s="24">
        <v>0</v>
      </c>
      <c r="CC30" s="25">
        <v>0</v>
      </c>
      <c r="CD30" s="26">
        <v>0</v>
      </c>
      <c r="CE30" s="27">
        <v>0</v>
      </c>
      <c r="CF30" s="25">
        <v>0</v>
      </c>
      <c r="CG30" s="25">
        <v>0</v>
      </c>
      <c r="CH30" s="25">
        <v>0</v>
      </c>
      <c r="CI30" s="25">
        <v>290</v>
      </c>
      <c r="CJ30" s="25">
        <v>0</v>
      </c>
      <c r="CK30" s="28">
        <v>290</v>
      </c>
      <c r="CL30" s="29">
        <v>290</v>
      </c>
      <c r="CM30" s="24">
        <v>0</v>
      </c>
      <c r="CN30" s="25">
        <v>0</v>
      </c>
      <c r="CO30" s="26">
        <v>0</v>
      </c>
      <c r="CP30" s="27">
        <v>0</v>
      </c>
      <c r="CQ30" s="25">
        <v>0</v>
      </c>
      <c r="CR30" s="25">
        <v>0</v>
      </c>
      <c r="CS30" s="25">
        <v>0</v>
      </c>
      <c r="CT30" s="25">
        <v>0</v>
      </c>
      <c r="CU30" s="25">
        <v>0</v>
      </c>
      <c r="CV30" s="28">
        <v>0</v>
      </c>
      <c r="CW30" s="29">
        <v>0</v>
      </c>
      <c r="CX30" s="24">
        <v>0</v>
      </c>
      <c r="CY30" s="25">
        <v>0</v>
      </c>
      <c r="CZ30" s="26">
        <v>0</v>
      </c>
      <c r="DA30" s="404">
        <v>0</v>
      </c>
      <c r="DB30" s="25">
        <v>0</v>
      </c>
      <c r="DC30" s="25">
        <v>0</v>
      </c>
      <c r="DD30" s="25">
        <v>0</v>
      </c>
      <c r="DE30" s="25">
        <v>0</v>
      </c>
      <c r="DF30" s="25">
        <v>0</v>
      </c>
      <c r="DG30" s="28">
        <v>0</v>
      </c>
      <c r="DH30" s="29">
        <v>0</v>
      </c>
      <c r="DI30" s="24">
        <v>0</v>
      </c>
      <c r="DJ30" s="25">
        <v>0</v>
      </c>
      <c r="DK30" s="26">
        <v>0</v>
      </c>
      <c r="DL30" s="27">
        <v>0</v>
      </c>
      <c r="DM30" s="25">
        <v>62305</v>
      </c>
      <c r="DN30" s="25">
        <v>12148</v>
      </c>
      <c r="DO30" s="25">
        <v>468738</v>
      </c>
      <c r="DP30" s="25">
        <v>687146</v>
      </c>
      <c r="DQ30" s="25">
        <v>461353</v>
      </c>
      <c r="DR30" s="28">
        <v>1691690</v>
      </c>
      <c r="DS30" s="30">
        <v>1691690</v>
      </c>
      <c r="DT30" s="24">
        <v>0</v>
      </c>
      <c r="DU30" s="25">
        <v>0</v>
      </c>
      <c r="DV30" s="26">
        <v>0</v>
      </c>
      <c r="DW30" s="404">
        <v>0</v>
      </c>
      <c r="DX30" s="25">
        <v>51336</v>
      </c>
      <c r="DY30" s="25">
        <v>0</v>
      </c>
      <c r="DZ30" s="25">
        <v>321654</v>
      </c>
      <c r="EA30" s="25">
        <v>519558</v>
      </c>
      <c r="EB30" s="25">
        <v>415473</v>
      </c>
      <c r="EC30" s="28">
        <v>1308021</v>
      </c>
      <c r="ED30" s="29">
        <v>1308021</v>
      </c>
      <c r="EE30" s="24">
        <v>0</v>
      </c>
      <c r="EF30" s="25">
        <v>0</v>
      </c>
      <c r="EG30" s="26">
        <v>0</v>
      </c>
      <c r="EH30" s="404">
        <v>0</v>
      </c>
      <c r="EI30" s="25">
        <v>434</v>
      </c>
      <c r="EJ30" s="25">
        <v>868</v>
      </c>
      <c r="EK30" s="25">
        <v>45446</v>
      </c>
      <c r="EL30" s="25">
        <v>72602</v>
      </c>
      <c r="EM30" s="25">
        <v>45880</v>
      </c>
      <c r="EN30" s="28">
        <v>165230</v>
      </c>
      <c r="EO30" s="29">
        <v>165230</v>
      </c>
      <c r="EP30" s="24">
        <v>0</v>
      </c>
      <c r="EQ30" s="25">
        <v>0</v>
      </c>
      <c r="ER30" s="26">
        <v>0</v>
      </c>
      <c r="ES30" s="404">
        <v>0</v>
      </c>
      <c r="ET30" s="25">
        <v>0</v>
      </c>
      <c r="EU30" s="25">
        <v>0</v>
      </c>
      <c r="EV30" s="25">
        <v>0</v>
      </c>
      <c r="EW30" s="25">
        <v>0</v>
      </c>
      <c r="EX30" s="25">
        <v>0</v>
      </c>
      <c r="EY30" s="28">
        <v>0</v>
      </c>
      <c r="EZ30" s="29">
        <v>0</v>
      </c>
      <c r="FA30" s="24">
        <v>0</v>
      </c>
      <c r="FB30" s="25">
        <v>0</v>
      </c>
      <c r="FC30" s="26">
        <v>0</v>
      </c>
      <c r="FD30" s="404">
        <v>0</v>
      </c>
      <c r="FE30" s="25">
        <v>0</v>
      </c>
      <c r="FF30" s="25">
        <v>0</v>
      </c>
      <c r="FG30" s="25">
        <v>0</v>
      </c>
      <c r="FH30" s="25">
        <v>0</v>
      </c>
      <c r="FI30" s="25">
        <v>0</v>
      </c>
      <c r="FJ30" s="28">
        <v>0</v>
      </c>
      <c r="FK30" s="29">
        <v>0</v>
      </c>
      <c r="FL30" s="24">
        <v>0</v>
      </c>
      <c r="FM30" s="25">
        <v>0</v>
      </c>
      <c r="FN30" s="26">
        <v>0</v>
      </c>
      <c r="FO30" s="404">
        <v>0</v>
      </c>
      <c r="FP30" s="25">
        <v>0</v>
      </c>
      <c r="FQ30" s="25">
        <v>0</v>
      </c>
      <c r="FR30" s="25">
        <v>79918</v>
      </c>
      <c r="FS30" s="25">
        <v>79918</v>
      </c>
      <c r="FT30" s="25">
        <v>0</v>
      </c>
      <c r="FU30" s="28">
        <v>159836</v>
      </c>
      <c r="FV30" s="29">
        <v>159836</v>
      </c>
      <c r="FW30" s="24">
        <v>0</v>
      </c>
      <c r="FX30" s="25">
        <v>0</v>
      </c>
      <c r="FY30" s="26">
        <v>0</v>
      </c>
      <c r="FZ30" s="27">
        <v>0</v>
      </c>
      <c r="GA30" s="25">
        <v>10535</v>
      </c>
      <c r="GB30" s="25">
        <v>11280</v>
      </c>
      <c r="GC30" s="25">
        <v>21720</v>
      </c>
      <c r="GD30" s="25">
        <v>15040</v>
      </c>
      <c r="GE30" s="25">
        <v>0</v>
      </c>
      <c r="GF30" s="28">
        <v>58575</v>
      </c>
      <c r="GG30" s="29">
        <v>58575</v>
      </c>
      <c r="GH30" s="24">
        <v>0</v>
      </c>
      <c r="GI30" s="25">
        <v>0</v>
      </c>
      <c r="GJ30" s="26">
        <v>0</v>
      </c>
      <c r="GK30" s="27">
        <v>0</v>
      </c>
      <c r="GL30" s="25">
        <v>0</v>
      </c>
      <c r="GM30" s="25">
        <v>0</v>
      </c>
      <c r="GN30" s="25">
        <v>0</v>
      </c>
      <c r="GO30" s="25">
        <v>28</v>
      </c>
      <c r="GP30" s="25">
        <v>0</v>
      </c>
      <c r="GQ30" s="28">
        <v>28</v>
      </c>
      <c r="GR30" s="29">
        <v>28</v>
      </c>
      <c r="GS30" s="24">
        <v>0</v>
      </c>
      <c r="GT30" s="25">
        <v>0</v>
      </c>
      <c r="GU30" s="26">
        <v>0</v>
      </c>
      <c r="GV30" s="27">
        <v>0</v>
      </c>
      <c r="GW30" s="25">
        <v>0</v>
      </c>
      <c r="GX30" s="25">
        <v>0</v>
      </c>
      <c r="GY30" s="25">
        <v>0</v>
      </c>
      <c r="GZ30" s="25">
        <v>0</v>
      </c>
      <c r="HA30" s="25">
        <v>0</v>
      </c>
      <c r="HB30" s="28">
        <v>0</v>
      </c>
      <c r="HC30" s="29">
        <v>0</v>
      </c>
      <c r="HD30" s="24">
        <v>0</v>
      </c>
      <c r="HE30" s="25">
        <v>0</v>
      </c>
      <c r="HF30" s="26">
        <v>0</v>
      </c>
      <c r="HG30" s="404">
        <v>0</v>
      </c>
      <c r="HH30" s="25">
        <v>0</v>
      </c>
      <c r="HI30" s="25">
        <v>0</v>
      </c>
      <c r="HJ30" s="25">
        <v>0</v>
      </c>
      <c r="HK30" s="25">
        <v>0</v>
      </c>
      <c r="HL30" s="25">
        <v>0</v>
      </c>
      <c r="HM30" s="28">
        <v>0</v>
      </c>
      <c r="HN30" s="29">
        <v>0</v>
      </c>
      <c r="HO30" s="24">
        <v>0</v>
      </c>
      <c r="HP30" s="25">
        <v>0</v>
      </c>
      <c r="HQ30" s="26">
        <v>0</v>
      </c>
      <c r="HR30" s="27">
        <v>0</v>
      </c>
      <c r="HS30" s="25">
        <v>167103</v>
      </c>
      <c r="HT30" s="25">
        <v>101313</v>
      </c>
      <c r="HU30" s="25">
        <v>1028895</v>
      </c>
      <c r="HV30" s="25">
        <v>1462980</v>
      </c>
      <c r="HW30" s="25">
        <v>936438</v>
      </c>
      <c r="HX30" s="28">
        <v>3696729</v>
      </c>
      <c r="HY30" s="29">
        <v>3696729</v>
      </c>
    </row>
    <row r="31" spans="2:233" ht="21" customHeight="1" x14ac:dyDescent="0.2">
      <c r="B31" s="106" t="s">
        <v>28</v>
      </c>
      <c r="C31" s="24">
        <v>0</v>
      </c>
      <c r="D31" s="25">
        <v>0</v>
      </c>
      <c r="E31" s="26">
        <v>0</v>
      </c>
      <c r="F31" s="27">
        <v>0</v>
      </c>
      <c r="G31" s="25">
        <v>0</v>
      </c>
      <c r="H31" s="25">
        <v>33360</v>
      </c>
      <c r="I31" s="25">
        <v>252830</v>
      </c>
      <c r="J31" s="25">
        <v>283994</v>
      </c>
      <c r="K31" s="25">
        <v>101880</v>
      </c>
      <c r="L31" s="28">
        <v>672064</v>
      </c>
      <c r="M31" s="29">
        <v>672064</v>
      </c>
      <c r="N31" s="24">
        <v>0</v>
      </c>
      <c r="O31" s="25">
        <v>0</v>
      </c>
      <c r="P31" s="26">
        <v>0</v>
      </c>
      <c r="Q31" s="404">
        <v>0</v>
      </c>
      <c r="R31" s="25">
        <v>0</v>
      </c>
      <c r="S31" s="25">
        <v>0</v>
      </c>
      <c r="T31" s="25">
        <v>190320</v>
      </c>
      <c r="U31" s="25">
        <v>263190</v>
      </c>
      <c r="V31" s="25">
        <v>78030</v>
      </c>
      <c r="W31" s="28">
        <v>531540</v>
      </c>
      <c r="X31" s="29">
        <v>531540</v>
      </c>
      <c r="Y31" s="24">
        <v>0</v>
      </c>
      <c r="Z31" s="25">
        <v>0</v>
      </c>
      <c r="AA31" s="26">
        <v>0</v>
      </c>
      <c r="AB31" s="404">
        <v>0</v>
      </c>
      <c r="AC31" s="25">
        <v>0</v>
      </c>
      <c r="AD31" s="25">
        <v>33360</v>
      </c>
      <c r="AE31" s="25">
        <v>62510</v>
      </c>
      <c r="AF31" s="25">
        <v>7905</v>
      </c>
      <c r="AG31" s="25">
        <v>23850</v>
      </c>
      <c r="AH31" s="28">
        <v>127625</v>
      </c>
      <c r="AI31" s="29">
        <v>127625</v>
      </c>
      <c r="AJ31" s="24">
        <v>0</v>
      </c>
      <c r="AK31" s="25">
        <v>0</v>
      </c>
      <c r="AL31" s="26">
        <v>0</v>
      </c>
      <c r="AM31" s="404">
        <v>0</v>
      </c>
      <c r="AN31" s="25">
        <v>0</v>
      </c>
      <c r="AO31" s="25">
        <v>0</v>
      </c>
      <c r="AP31" s="25">
        <v>0</v>
      </c>
      <c r="AQ31" s="25">
        <v>0</v>
      </c>
      <c r="AR31" s="25">
        <v>0</v>
      </c>
      <c r="AS31" s="28">
        <v>0</v>
      </c>
      <c r="AT31" s="29">
        <v>0</v>
      </c>
      <c r="AU31" s="24">
        <v>0</v>
      </c>
      <c r="AV31" s="25">
        <v>0</v>
      </c>
      <c r="AW31" s="26">
        <v>0</v>
      </c>
      <c r="AX31" s="404">
        <v>0</v>
      </c>
      <c r="AY31" s="25">
        <v>0</v>
      </c>
      <c r="AZ31" s="25">
        <v>0</v>
      </c>
      <c r="BA31" s="25">
        <v>0</v>
      </c>
      <c r="BB31" s="25">
        <v>0</v>
      </c>
      <c r="BC31" s="25">
        <v>0</v>
      </c>
      <c r="BD31" s="28">
        <v>0</v>
      </c>
      <c r="BE31" s="29">
        <v>0</v>
      </c>
      <c r="BF31" s="24">
        <v>0</v>
      </c>
      <c r="BG31" s="25">
        <v>0</v>
      </c>
      <c r="BH31" s="26">
        <v>0</v>
      </c>
      <c r="BI31" s="404">
        <v>0</v>
      </c>
      <c r="BJ31" s="25">
        <v>0</v>
      </c>
      <c r="BK31" s="25">
        <v>0</v>
      </c>
      <c r="BL31" s="25">
        <v>0</v>
      </c>
      <c r="BM31" s="25">
        <v>0</v>
      </c>
      <c r="BN31" s="25">
        <v>0</v>
      </c>
      <c r="BO31" s="28">
        <v>0</v>
      </c>
      <c r="BP31" s="29">
        <v>0</v>
      </c>
      <c r="BQ31" s="24">
        <v>0</v>
      </c>
      <c r="BR31" s="25">
        <v>0</v>
      </c>
      <c r="BS31" s="26">
        <v>0</v>
      </c>
      <c r="BT31" s="27">
        <v>0</v>
      </c>
      <c r="BU31" s="25">
        <v>0</v>
      </c>
      <c r="BV31" s="25">
        <v>0</v>
      </c>
      <c r="BW31" s="25">
        <v>0</v>
      </c>
      <c r="BX31" s="25">
        <v>12899</v>
      </c>
      <c r="BY31" s="25">
        <v>0</v>
      </c>
      <c r="BZ31" s="28">
        <v>12899</v>
      </c>
      <c r="CA31" s="29">
        <v>12899</v>
      </c>
      <c r="CB31" s="24">
        <v>0</v>
      </c>
      <c r="CC31" s="25">
        <v>0</v>
      </c>
      <c r="CD31" s="26">
        <v>0</v>
      </c>
      <c r="CE31" s="27">
        <v>0</v>
      </c>
      <c r="CF31" s="25">
        <v>0</v>
      </c>
      <c r="CG31" s="25">
        <v>0</v>
      </c>
      <c r="CH31" s="25">
        <v>0</v>
      </c>
      <c r="CI31" s="25">
        <v>0</v>
      </c>
      <c r="CJ31" s="25">
        <v>0</v>
      </c>
      <c r="CK31" s="28">
        <v>0</v>
      </c>
      <c r="CL31" s="29">
        <v>0</v>
      </c>
      <c r="CM31" s="24">
        <v>0</v>
      </c>
      <c r="CN31" s="25">
        <v>0</v>
      </c>
      <c r="CO31" s="26">
        <v>0</v>
      </c>
      <c r="CP31" s="27">
        <v>0</v>
      </c>
      <c r="CQ31" s="25">
        <v>0</v>
      </c>
      <c r="CR31" s="25">
        <v>0</v>
      </c>
      <c r="CS31" s="25">
        <v>0</v>
      </c>
      <c r="CT31" s="25">
        <v>0</v>
      </c>
      <c r="CU31" s="25">
        <v>0</v>
      </c>
      <c r="CV31" s="28">
        <v>0</v>
      </c>
      <c r="CW31" s="29">
        <v>0</v>
      </c>
      <c r="CX31" s="24">
        <v>0</v>
      </c>
      <c r="CY31" s="25">
        <v>0</v>
      </c>
      <c r="CZ31" s="26">
        <v>0</v>
      </c>
      <c r="DA31" s="404">
        <v>0</v>
      </c>
      <c r="DB31" s="25">
        <v>0</v>
      </c>
      <c r="DC31" s="25">
        <v>0</v>
      </c>
      <c r="DD31" s="25">
        <v>0</v>
      </c>
      <c r="DE31" s="25">
        <v>0</v>
      </c>
      <c r="DF31" s="25">
        <v>0</v>
      </c>
      <c r="DG31" s="28">
        <v>0</v>
      </c>
      <c r="DH31" s="29">
        <v>0</v>
      </c>
      <c r="DI31" s="24">
        <v>0</v>
      </c>
      <c r="DJ31" s="25">
        <v>0</v>
      </c>
      <c r="DK31" s="26">
        <v>0</v>
      </c>
      <c r="DL31" s="27">
        <v>0</v>
      </c>
      <c r="DM31" s="25">
        <v>0</v>
      </c>
      <c r="DN31" s="25">
        <v>287</v>
      </c>
      <c r="DO31" s="25">
        <v>197064</v>
      </c>
      <c r="DP31" s="25">
        <v>285925</v>
      </c>
      <c r="DQ31" s="25">
        <v>96582</v>
      </c>
      <c r="DR31" s="28">
        <v>579858</v>
      </c>
      <c r="DS31" s="30">
        <v>579858</v>
      </c>
      <c r="DT31" s="24">
        <v>0</v>
      </c>
      <c r="DU31" s="25">
        <v>0</v>
      </c>
      <c r="DV31" s="26">
        <v>0</v>
      </c>
      <c r="DW31" s="404">
        <v>0</v>
      </c>
      <c r="DX31" s="25">
        <v>0</v>
      </c>
      <c r="DY31" s="25">
        <v>0</v>
      </c>
      <c r="DZ31" s="25">
        <v>162428</v>
      </c>
      <c r="EA31" s="25">
        <v>263779</v>
      </c>
      <c r="EB31" s="25">
        <v>96372</v>
      </c>
      <c r="EC31" s="28">
        <v>522579</v>
      </c>
      <c r="ED31" s="29">
        <v>522579</v>
      </c>
      <c r="EE31" s="24">
        <v>0</v>
      </c>
      <c r="EF31" s="25">
        <v>0</v>
      </c>
      <c r="EG31" s="26">
        <v>0</v>
      </c>
      <c r="EH31" s="404">
        <v>0</v>
      </c>
      <c r="EI31" s="25">
        <v>0</v>
      </c>
      <c r="EJ31" s="25">
        <v>287</v>
      </c>
      <c r="EK31" s="25">
        <v>34636</v>
      </c>
      <c r="EL31" s="25">
        <v>11501</v>
      </c>
      <c r="EM31" s="25">
        <v>210</v>
      </c>
      <c r="EN31" s="28">
        <v>46634</v>
      </c>
      <c r="EO31" s="29">
        <v>46634</v>
      </c>
      <c r="EP31" s="24">
        <v>0</v>
      </c>
      <c r="EQ31" s="25">
        <v>0</v>
      </c>
      <c r="ER31" s="26">
        <v>0</v>
      </c>
      <c r="ES31" s="404">
        <v>0</v>
      </c>
      <c r="ET31" s="25">
        <v>0</v>
      </c>
      <c r="EU31" s="25">
        <v>0</v>
      </c>
      <c r="EV31" s="25">
        <v>0</v>
      </c>
      <c r="EW31" s="25">
        <v>0</v>
      </c>
      <c r="EX31" s="25">
        <v>0</v>
      </c>
      <c r="EY31" s="28">
        <v>0</v>
      </c>
      <c r="EZ31" s="29">
        <v>0</v>
      </c>
      <c r="FA31" s="24">
        <v>0</v>
      </c>
      <c r="FB31" s="25">
        <v>0</v>
      </c>
      <c r="FC31" s="26">
        <v>0</v>
      </c>
      <c r="FD31" s="404">
        <v>0</v>
      </c>
      <c r="FE31" s="25">
        <v>0</v>
      </c>
      <c r="FF31" s="25">
        <v>0</v>
      </c>
      <c r="FG31" s="25">
        <v>0</v>
      </c>
      <c r="FH31" s="25">
        <v>0</v>
      </c>
      <c r="FI31" s="25">
        <v>0</v>
      </c>
      <c r="FJ31" s="28">
        <v>0</v>
      </c>
      <c r="FK31" s="29">
        <v>0</v>
      </c>
      <c r="FL31" s="24">
        <v>0</v>
      </c>
      <c r="FM31" s="25">
        <v>0</v>
      </c>
      <c r="FN31" s="26">
        <v>0</v>
      </c>
      <c r="FO31" s="404">
        <v>0</v>
      </c>
      <c r="FP31" s="25">
        <v>0</v>
      </c>
      <c r="FQ31" s="25">
        <v>0</v>
      </c>
      <c r="FR31" s="25">
        <v>0</v>
      </c>
      <c r="FS31" s="25">
        <v>0</v>
      </c>
      <c r="FT31" s="25">
        <v>0</v>
      </c>
      <c r="FU31" s="28">
        <v>0</v>
      </c>
      <c r="FV31" s="29">
        <v>0</v>
      </c>
      <c r="FW31" s="24">
        <v>0</v>
      </c>
      <c r="FX31" s="25">
        <v>0</v>
      </c>
      <c r="FY31" s="26">
        <v>0</v>
      </c>
      <c r="FZ31" s="27">
        <v>0</v>
      </c>
      <c r="GA31" s="25">
        <v>0</v>
      </c>
      <c r="GB31" s="25">
        <v>0</v>
      </c>
      <c r="GC31" s="25">
        <v>0</v>
      </c>
      <c r="GD31" s="25">
        <v>10645</v>
      </c>
      <c r="GE31" s="25">
        <v>0</v>
      </c>
      <c r="GF31" s="28">
        <v>10645</v>
      </c>
      <c r="GG31" s="29">
        <v>10645</v>
      </c>
      <c r="GH31" s="24">
        <v>0</v>
      </c>
      <c r="GI31" s="25">
        <v>0</v>
      </c>
      <c r="GJ31" s="26">
        <v>0</v>
      </c>
      <c r="GK31" s="27">
        <v>0</v>
      </c>
      <c r="GL31" s="25">
        <v>0</v>
      </c>
      <c r="GM31" s="25">
        <v>0</v>
      </c>
      <c r="GN31" s="25">
        <v>0</v>
      </c>
      <c r="GO31" s="25">
        <v>0</v>
      </c>
      <c r="GP31" s="25">
        <v>0</v>
      </c>
      <c r="GQ31" s="28">
        <v>0</v>
      </c>
      <c r="GR31" s="29">
        <v>0</v>
      </c>
      <c r="GS31" s="24">
        <v>0</v>
      </c>
      <c r="GT31" s="25">
        <v>0</v>
      </c>
      <c r="GU31" s="26">
        <v>0</v>
      </c>
      <c r="GV31" s="27">
        <v>0</v>
      </c>
      <c r="GW31" s="25">
        <v>0</v>
      </c>
      <c r="GX31" s="25">
        <v>0</v>
      </c>
      <c r="GY31" s="25">
        <v>0</v>
      </c>
      <c r="GZ31" s="25">
        <v>0</v>
      </c>
      <c r="HA31" s="25">
        <v>0</v>
      </c>
      <c r="HB31" s="28">
        <v>0</v>
      </c>
      <c r="HC31" s="29">
        <v>0</v>
      </c>
      <c r="HD31" s="24">
        <v>0</v>
      </c>
      <c r="HE31" s="25">
        <v>0</v>
      </c>
      <c r="HF31" s="26">
        <v>0</v>
      </c>
      <c r="HG31" s="404">
        <v>0</v>
      </c>
      <c r="HH31" s="25">
        <v>0</v>
      </c>
      <c r="HI31" s="25">
        <v>0</v>
      </c>
      <c r="HJ31" s="25">
        <v>0</v>
      </c>
      <c r="HK31" s="25">
        <v>0</v>
      </c>
      <c r="HL31" s="25">
        <v>0</v>
      </c>
      <c r="HM31" s="28">
        <v>0</v>
      </c>
      <c r="HN31" s="29">
        <v>0</v>
      </c>
      <c r="HO31" s="24">
        <v>0</v>
      </c>
      <c r="HP31" s="25">
        <v>0</v>
      </c>
      <c r="HQ31" s="26">
        <v>0</v>
      </c>
      <c r="HR31" s="27">
        <v>0</v>
      </c>
      <c r="HS31" s="25">
        <v>0</v>
      </c>
      <c r="HT31" s="25">
        <v>33647</v>
      </c>
      <c r="HU31" s="25">
        <v>449894</v>
      </c>
      <c r="HV31" s="25">
        <v>569919</v>
      </c>
      <c r="HW31" s="25">
        <v>198462</v>
      </c>
      <c r="HX31" s="28">
        <v>1251922</v>
      </c>
      <c r="HY31" s="29">
        <v>1251922</v>
      </c>
    </row>
    <row r="32" spans="2:233" ht="21" customHeight="1" x14ac:dyDescent="0.2">
      <c r="B32" s="106" t="s">
        <v>29</v>
      </c>
      <c r="C32" s="24">
        <v>0</v>
      </c>
      <c r="D32" s="25">
        <v>0</v>
      </c>
      <c r="E32" s="26">
        <v>0</v>
      </c>
      <c r="F32" s="27">
        <v>0</v>
      </c>
      <c r="G32" s="25">
        <v>24645</v>
      </c>
      <c r="H32" s="25">
        <v>64510</v>
      </c>
      <c r="I32" s="25">
        <v>267110</v>
      </c>
      <c r="J32" s="25">
        <v>393455</v>
      </c>
      <c r="K32" s="25">
        <v>193630</v>
      </c>
      <c r="L32" s="28">
        <v>943350</v>
      </c>
      <c r="M32" s="29">
        <v>943350</v>
      </c>
      <c r="N32" s="24">
        <v>0</v>
      </c>
      <c r="O32" s="25">
        <v>0</v>
      </c>
      <c r="P32" s="26">
        <v>0</v>
      </c>
      <c r="Q32" s="404">
        <v>0</v>
      </c>
      <c r="R32" s="25">
        <v>0</v>
      </c>
      <c r="S32" s="25">
        <v>32705</v>
      </c>
      <c r="T32" s="25">
        <v>180590</v>
      </c>
      <c r="U32" s="25">
        <v>229995</v>
      </c>
      <c r="V32" s="25">
        <v>186155</v>
      </c>
      <c r="W32" s="28">
        <v>629445</v>
      </c>
      <c r="X32" s="29">
        <v>629445</v>
      </c>
      <c r="Y32" s="24">
        <v>0</v>
      </c>
      <c r="Z32" s="25">
        <v>0</v>
      </c>
      <c r="AA32" s="26">
        <v>0</v>
      </c>
      <c r="AB32" s="404">
        <v>0</v>
      </c>
      <c r="AC32" s="25">
        <v>24645</v>
      </c>
      <c r="AD32" s="25">
        <v>26650</v>
      </c>
      <c r="AE32" s="25">
        <v>37975</v>
      </c>
      <c r="AF32" s="25">
        <v>42735</v>
      </c>
      <c r="AG32" s="25">
        <v>0</v>
      </c>
      <c r="AH32" s="28">
        <v>132005</v>
      </c>
      <c r="AI32" s="29">
        <v>132005</v>
      </c>
      <c r="AJ32" s="24">
        <v>0</v>
      </c>
      <c r="AK32" s="25">
        <v>0</v>
      </c>
      <c r="AL32" s="26">
        <v>0</v>
      </c>
      <c r="AM32" s="404">
        <v>0</v>
      </c>
      <c r="AN32" s="25">
        <v>0</v>
      </c>
      <c r="AO32" s="25">
        <v>0</v>
      </c>
      <c r="AP32" s="25">
        <v>0</v>
      </c>
      <c r="AQ32" s="25">
        <v>0</v>
      </c>
      <c r="AR32" s="25">
        <v>0</v>
      </c>
      <c r="AS32" s="28">
        <v>0</v>
      </c>
      <c r="AT32" s="29">
        <v>0</v>
      </c>
      <c r="AU32" s="24">
        <v>0</v>
      </c>
      <c r="AV32" s="25">
        <v>0</v>
      </c>
      <c r="AW32" s="26">
        <v>0</v>
      </c>
      <c r="AX32" s="404">
        <v>0</v>
      </c>
      <c r="AY32" s="25">
        <v>0</v>
      </c>
      <c r="AZ32" s="25">
        <v>0</v>
      </c>
      <c r="BA32" s="25">
        <v>0</v>
      </c>
      <c r="BB32" s="25">
        <v>0</v>
      </c>
      <c r="BC32" s="25">
        <v>0</v>
      </c>
      <c r="BD32" s="28">
        <v>0</v>
      </c>
      <c r="BE32" s="29">
        <v>0</v>
      </c>
      <c r="BF32" s="24">
        <v>0</v>
      </c>
      <c r="BG32" s="25">
        <v>0</v>
      </c>
      <c r="BH32" s="26">
        <v>0</v>
      </c>
      <c r="BI32" s="404">
        <v>0</v>
      </c>
      <c r="BJ32" s="25">
        <v>0</v>
      </c>
      <c r="BK32" s="25">
        <v>0</v>
      </c>
      <c r="BL32" s="25">
        <v>43245</v>
      </c>
      <c r="BM32" s="25">
        <v>94530</v>
      </c>
      <c r="BN32" s="25">
        <v>2635</v>
      </c>
      <c r="BO32" s="28">
        <v>140410</v>
      </c>
      <c r="BP32" s="29">
        <v>140410</v>
      </c>
      <c r="BQ32" s="24">
        <v>0</v>
      </c>
      <c r="BR32" s="25">
        <v>0</v>
      </c>
      <c r="BS32" s="26">
        <v>0</v>
      </c>
      <c r="BT32" s="27">
        <v>0</v>
      </c>
      <c r="BU32" s="25">
        <v>0</v>
      </c>
      <c r="BV32" s="25">
        <v>5155</v>
      </c>
      <c r="BW32" s="25">
        <v>5300</v>
      </c>
      <c r="BX32" s="25">
        <v>19435</v>
      </c>
      <c r="BY32" s="25">
        <v>4840</v>
      </c>
      <c r="BZ32" s="28">
        <v>34730</v>
      </c>
      <c r="CA32" s="29">
        <v>34730</v>
      </c>
      <c r="CB32" s="24">
        <v>0</v>
      </c>
      <c r="CC32" s="25">
        <v>0</v>
      </c>
      <c r="CD32" s="26">
        <v>0</v>
      </c>
      <c r="CE32" s="27">
        <v>0</v>
      </c>
      <c r="CF32" s="25">
        <v>0</v>
      </c>
      <c r="CG32" s="25">
        <v>0</v>
      </c>
      <c r="CH32" s="25">
        <v>0</v>
      </c>
      <c r="CI32" s="25">
        <v>6760</v>
      </c>
      <c r="CJ32" s="25">
        <v>0</v>
      </c>
      <c r="CK32" s="28">
        <v>6760</v>
      </c>
      <c r="CL32" s="29">
        <v>6760</v>
      </c>
      <c r="CM32" s="24">
        <v>0</v>
      </c>
      <c r="CN32" s="25">
        <v>0</v>
      </c>
      <c r="CO32" s="26">
        <v>0</v>
      </c>
      <c r="CP32" s="27">
        <v>0</v>
      </c>
      <c r="CQ32" s="25">
        <v>0</v>
      </c>
      <c r="CR32" s="25">
        <v>0</v>
      </c>
      <c r="CS32" s="25">
        <v>0</v>
      </c>
      <c r="CT32" s="25">
        <v>0</v>
      </c>
      <c r="CU32" s="25">
        <v>0</v>
      </c>
      <c r="CV32" s="28">
        <v>0</v>
      </c>
      <c r="CW32" s="29">
        <v>0</v>
      </c>
      <c r="CX32" s="24">
        <v>0</v>
      </c>
      <c r="CY32" s="25">
        <v>0</v>
      </c>
      <c r="CZ32" s="26">
        <v>0</v>
      </c>
      <c r="DA32" s="404">
        <v>0</v>
      </c>
      <c r="DB32" s="25">
        <v>0</v>
      </c>
      <c r="DC32" s="25">
        <v>0</v>
      </c>
      <c r="DD32" s="25">
        <v>0</v>
      </c>
      <c r="DE32" s="25">
        <v>0</v>
      </c>
      <c r="DF32" s="25">
        <v>0</v>
      </c>
      <c r="DG32" s="28">
        <v>0</v>
      </c>
      <c r="DH32" s="29">
        <v>0</v>
      </c>
      <c r="DI32" s="24">
        <v>0</v>
      </c>
      <c r="DJ32" s="25">
        <v>0</v>
      </c>
      <c r="DK32" s="26">
        <v>0</v>
      </c>
      <c r="DL32" s="27">
        <v>0</v>
      </c>
      <c r="DM32" s="25">
        <v>217</v>
      </c>
      <c r="DN32" s="25">
        <v>40564</v>
      </c>
      <c r="DO32" s="25">
        <v>259779</v>
      </c>
      <c r="DP32" s="25">
        <v>386112</v>
      </c>
      <c r="DQ32" s="25">
        <v>159128</v>
      </c>
      <c r="DR32" s="28">
        <v>845800</v>
      </c>
      <c r="DS32" s="30">
        <v>845800</v>
      </c>
      <c r="DT32" s="24">
        <v>0</v>
      </c>
      <c r="DU32" s="25">
        <v>0</v>
      </c>
      <c r="DV32" s="26">
        <v>0</v>
      </c>
      <c r="DW32" s="404">
        <v>0</v>
      </c>
      <c r="DX32" s="25">
        <v>0</v>
      </c>
      <c r="DY32" s="25">
        <v>15035</v>
      </c>
      <c r="DZ32" s="25">
        <v>128667</v>
      </c>
      <c r="EA32" s="25">
        <v>229478</v>
      </c>
      <c r="EB32" s="25">
        <v>144367</v>
      </c>
      <c r="EC32" s="28">
        <v>517547</v>
      </c>
      <c r="ED32" s="29">
        <v>517547</v>
      </c>
      <c r="EE32" s="24">
        <v>0</v>
      </c>
      <c r="EF32" s="25">
        <v>0</v>
      </c>
      <c r="EG32" s="26">
        <v>0</v>
      </c>
      <c r="EH32" s="404">
        <v>0</v>
      </c>
      <c r="EI32" s="25">
        <v>217</v>
      </c>
      <c r="EJ32" s="25">
        <v>11174</v>
      </c>
      <c r="EK32" s="25">
        <v>620</v>
      </c>
      <c r="EL32" s="25">
        <v>1045</v>
      </c>
      <c r="EM32" s="25">
        <v>0</v>
      </c>
      <c r="EN32" s="28">
        <v>13056</v>
      </c>
      <c r="EO32" s="29">
        <v>13056</v>
      </c>
      <c r="EP32" s="24">
        <v>0</v>
      </c>
      <c r="EQ32" s="25">
        <v>0</v>
      </c>
      <c r="ER32" s="26">
        <v>0</v>
      </c>
      <c r="ES32" s="404">
        <v>0</v>
      </c>
      <c r="ET32" s="25">
        <v>0</v>
      </c>
      <c r="EU32" s="25">
        <v>0</v>
      </c>
      <c r="EV32" s="25">
        <v>0</v>
      </c>
      <c r="EW32" s="25">
        <v>0</v>
      </c>
      <c r="EX32" s="25">
        <v>0</v>
      </c>
      <c r="EY32" s="28">
        <v>0</v>
      </c>
      <c r="EZ32" s="29">
        <v>0</v>
      </c>
      <c r="FA32" s="24">
        <v>0</v>
      </c>
      <c r="FB32" s="25">
        <v>0</v>
      </c>
      <c r="FC32" s="26">
        <v>0</v>
      </c>
      <c r="FD32" s="404">
        <v>0</v>
      </c>
      <c r="FE32" s="25">
        <v>0</v>
      </c>
      <c r="FF32" s="25">
        <v>0</v>
      </c>
      <c r="FG32" s="25">
        <v>0</v>
      </c>
      <c r="FH32" s="25">
        <v>0</v>
      </c>
      <c r="FI32" s="25">
        <v>0</v>
      </c>
      <c r="FJ32" s="28">
        <v>0</v>
      </c>
      <c r="FK32" s="29">
        <v>0</v>
      </c>
      <c r="FL32" s="24">
        <v>0</v>
      </c>
      <c r="FM32" s="25">
        <v>0</v>
      </c>
      <c r="FN32" s="26">
        <v>0</v>
      </c>
      <c r="FO32" s="404">
        <v>0</v>
      </c>
      <c r="FP32" s="25">
        <v>0</v>
      </c>
      <c r="FQ32" s="25">
        <v>0</v>
      </c>
      <c r="FR32" s="25">
        <v>123070</v>
      </c>
      <c r="FS32" s="25">
        <v>138260</v>
      </c>
      <c r="FT32" s="25">
        <v>10881</v>
      </c>
      <c r="FU32" s="28">
        <v>272211</v>
      </c>
      <c r="FV32" s="29">
        <v>272211</v>
      </c>
      <c r="FW32" s="24">
        <v>0</v>
      </c>
      <c r="FX32" s="25">
        <v>0</v>
      </c>
      <c r="FY32" s="26">
        <v>0</v>
      </c>
      <c r="FZ32" s="27">
        <v>0</v>
      </c>
      <c r="GA32" s="25">
        <v>0</v>
      </c>
      <c r="GB32" s="25">
        <v>14355</v>
      </c>
      <c r="GC32" s="25">
        <v>7422</v>
      </c>
      <c r="GD32" s="25">
        <v>17273</v>
      </c>
      <c r="GE32" s="25">
        <v>3880</v>
      </c>
      <c r="GF32" s="28">
        <v>42930</v>
      </c>
      <c r="GG32" s="29">
        <v>42930</v>
      </c>
      <c r="GH32" s="24">
        <v>0</v>
      </c>
      <c r="GI32" s="25">
        <v>0</v>
      </c>
      <c r="GJ32" s="26">
        <v>0</v>
      </c>
      <c r="GK32" s="27">
        <v>0</v>
      </c>
      <c r="GL32" s="25">
        <v>0</v>
      </c>
      <c r="GM32" s="25">
        <v>0</v>
      </c>
      <c r="GN32" s="25">
        <v>0</v>
      </c>
      <c r="GO32" s="25">
        <v>56</v>
      </c>
      <c r="GP32" s="25">
        <v>0</v>
      </c>
      <c r="GQ32" s="28">
        <v>56</v>
      </c>
      <c r="GR32" s="29">
        <v>56</v>
      </c>
      <c r="GS32" s="24">
        <v>0</v>
      </c>
      <c r="GT32" s="25">
        <v>0</v>
      </c>
      <c r="GU32" s="26">
        <v>0</v>
      </c>
      <c r="GV32" s="27">
        <v>0</v>
      </c>
      <c r="GW32" s="25">
        <v>0</v>
      </c>
      <c r="GX32" s="25">
        <v>0</v>
      </c>
      <c r="GY32" s="25">
        <v>0</v>
      </c>
      <c r="GZ32" s="25">
        <v>0</v>
      </c>
      <c r="HA32" s="25">
        <v>0</v>
      </c>
      <c r="HB32" s="28">
        <v>0</v>
      </c>
      <c r="HC32" s="29">
        <v>0</v>
      </c>
      <c r="HD32" s="24">
        <v>0</v>
      </c>
      <c r="HE32" s="25">
        <v>0</v>
      </c>
      <c r="HF32" s="26">
        <v>0</v>
      </c>
      <c r="HG32" s="404">
        <v>0</v>
      </c>
      <c r="HH32" s="25">
        <v>0</v>
      </c>
      <c r="HI32" s="25">
        <v>0</v>
      </c>
      <c r="HJ32" s="25">
        <v>0</v>
      </c>
      <c r="HK32" s="25">
        <v>0</v>
      </c>
      <c r="HL32" s="25">
        <v>0</v>
      </c>
      <c r="HM32" s="28">
        <v>0</v>
      </c>
      <c r="HN32" s="29">
        <v>0</v>
      </c>
      <c r="HO32" s="24">
        <v>0</v>
      </c>
      <c r="HP32" s="25">
        <v>0</v>
      </c>
      <c r="HQ32" s="26">
        <v>0</v>
      </c>
      <c r="HR32" s="27">
        <v>0</v>
      </c>
      <c r="HS32" s="25">
        <v>24862</v>
      </c>
      <c r="HT32" s="25">
        <v>105074</v>
      </c>
      <c r="HU32" s="25">
        <v>526889</v>
      </c>
      <c r="HV32" s="25">
        <v>779567</v>
      </c>
      <c r="HW32" s="25">
        <v>352758</v>
      </c>
      <c r="HX32" s="28">
        <v>1789150</v>
      </c>
      <c r="HY32" s="29">
        <v>1789150</v>
      </c>
    </row>
    <row r="33" spans="2:233" ht="21" customHeight="1" x14ac:dyDescent="0.2">
      <c r="B33" s="106" t="s">
        <v>30</v>
      </c>
      <c r="C33" s="24">
        <v>0</v>
      </c>
      <c r="D33" s="25">
        <v>0</v>
      </c>
      <c r="E33" s="26">
        <v>0</v>
      </c>
      <c r="F33" s="27">
        <v>0</v>
      </c>
      <c r="G33" s="25">
        <v>73315</v>
      </c>
      <c r="H33" s="25">
        <v>43985</v>
      </c>
      <c r="I33" s="25">
        <v>195995</v>
      </c>
      <c r="J33" s="25">
        <v>298530</v>
      </c>
      <c r="K33" s="25">
        <v>192890</v>
      </c>
      <c r="L33" s="28">
        <v>804715</v>
      </c>
      <c r="M33" s="29">
        <v>804715</v>
      </c>
      <c r="N33" s="24">
        <v>0</v>
      </c>
      <c r="O33" s="25">
        <v>0</v>
      </c>
      <c r="P33" s="26">
        <v>0</v>
      </c>
      <c r="Q33" s="404">
        <v>0</v>
      </c>
      <c r="R33" s="25">
        <v>0</v>
      </c>
      <c r="S33" s="25">
        <v>2635</v>
      </c>
      <c r="T33" s="25">
        <v>166345</v>
      </c>
      <c r="U33" s="25">
        <v>273885</v>
      </c>
      <c r="V33" s="25">
        <v>150505</v>
      </c>
      <c r="W33" s="28">
        <v>593370</v>
      </c>
      <c r="X33" s="29">
        <v>593370</v>
      </c>
      <c r="Y33" s="24">
        <v>0</v>
      </c>
      <c r="Z33" s="25">
        <v>0</v>
      </c>
      <c r="AA33" s="26">
        <v>0</v>
      </c>
      <c r="AB33" s="404">
        <v>0</v>
      </c>
      <c r="AC33" s="25">
        <v>73315</v>
      </c>
      <c r="AD33" s="25">
        <v>32550</v>
      </c>
      <c r="AE33" s="25">
        <v>0</v>
      </c>
      <c r="AF33" s="25">
        <v>24645</v>
      </c>
      <c r="AG33" s="25">
        <v>2635</v>
      </c>
      <c r="AH33" s="28">
        <v>133145</v>
      </c>
      <c r="AI33" s="29">
        <v>133145</v>
      </c>
      <c r="AJ33" s="24">
        <v>0</v>
      </c>
      <c r="AK33" s="25">
        <v>0</v>
      </c>
      <c r="AL33" s="26">
        <v>0</v>
      </c>
      <c r="AM33" s="404">
        <v>0</v>
      </c>
      <c r="AN33" s="25">
        <v>0</v>
      </c>
      <c r="AO33" s="25">
        <v>0</v>
      </c>
      <c r="AP33" s="25">
        <v>0</v>
      </c>
      <c r="AQ33" s="25">
        <v>0</v>
      </c>
      <c r="AR33" s="25">
        <v>0</v>
      </c>
      <c r="AS33" s="28">
        <v>0</v>
      </c>
      <c r="AT33" s="29">
        <v>0</v>
      </c>
      <c r="AU33" s="24">
        <v>0</v>
      </c>
      <c r="AV33" s="25">
        <v>0</v>
      </c>
      <c r="AW33" s="26">
        <v>0</v>
      </c>
      <c r="AX33" s="404">
        <v>0</v>
      </c>
      <c r="AY33" s="25">
        <v>0</v>
      </c>
      <c r="AZ33" s="25">
        <v>0</v>
      </c>
      <c r="BA33" s="25">
        <v>0</v>
      </c>
      <c r="BB33" s="25">
        <v>0</v>
      </c>
      <c r="BC33" s="25">
        <v>35495</v>
      </c>
      <c r="BD33" s="28">
        <v>35495</v>
      </c>
      <c r="BE33" s="29">
        <v>35495</v>
      </c>
      <c r="BF33" s="24">
        <v>0</v>
      </c>
      <c r="BG33" s="25">
        <v>0</v>
      </c>
      <c r="BH33" s="26">
        <v>0</v>
      </c>
      <c r="BI33" s="404">
        <v>0</v>
      </c>
      <c r="BJ33" s="25">
        <v>0</v>
      </c>
      <c r="BK33" s="25">
        <v>0</v>
      </c>
      <c r="BL33" s="25">
        <v>0</v>
      </c>
      <c r="BM33" s="25">
        <v>0</v>
      </c>
      <c r="BN33" s="25">
        <v>0</v>
      </c>
      <c r="BO33" s="28">
        <v>0</v>
      </c>
      <c r="BP33" s="29">
        <v>0</v>
      </c>
      <c r="BQ33" s="24">
        <v>0</v>
      </c>
      <c r="BR33" s="25">
        <v>0</v>
      </c>
      <c r="BS33" s="26">
        <v>0</v>
      </c>
      <c r="BT33" s="27">
        <v>0</v>
      </c>
      <c r="BU33" s="25">
        <v>0</v>
      </c>
      <c r="BV33" s="25">
        <v>8800</v>
      </c>
      <c r="BW33" s="25">
        <v>29650</v>
      </c>
      <c r="BX33" s="25">
        <v>0</v>
      </c>
      <c r="BY33" s="25">
        <v>4255</v>
      </c>
      <c r="BZ33" s="28">
        <v>42705</v>
      </c>
      <c r="CA33" s="29">
        <v>42705</v>
      </c>
      <c r="CB33" s="24">
        <v>0</v>
      </c>
      <c r="CC33" s="25">
        <v>0</v>
      </c>
      <c r="CD33" s="26">
        <v>0</v>
      </c>
      <c r="CE33" s="27">
        <v>0</v>
      </c>
      <c r="CF33" s="25">
        <v>0</v>
      </c>
      <c r="CG33" s="25">
        <v>0</v>
      </c>
      <c r="CH33" s="25">
        <v>0</v>
      </c>
      <c r="CI33" s="25">
        <v>0</v>
      </c>
      <c r="CJ33" s="25">
        <v>0</v>
      </c>
      <c r="CK33" s="28">
        <v>0</v>
      </c>
      <c r="CL33" s="29">
        <v>0</v>
      </c>
      <c r="CM33" s="24">
        <v>0</v>
      </c>
      <c r="CN33" s="25">
        <v>0</v>
      </c>
      <c r="CO33" s="26">
        <v>0</v>
      </c>
      <c r="CP33" s="27">
        <v>0</v>
      </c>
      <c r="CQ33" s="25">
        <v>0</v>
      </c>
      <c r="CR33" s="25">
        <v>0</v>
      </c>
      <c r="CS33" s="25">
        <v>0</v>
      </c>
      <c r="CT33" s="25">
        <v>0</v>
      </c>
      <c r="CU33" s="25">
        <v>0</v>
      </c>
      <c r="CV33" s="28">
        <v>0</v>
      </c>
      <c r="CW33" s="29">
        <v>0</v>
      </c>
      <c r="CX33" s="24">
        <v>0</v>
      </c>
      <c r="CY33" s="25">
        <v>0</v>
      </c>
      <c r="CZ33" s="26">
        <v>0</v>
      </c>
      <c r="DA33" s="404">
        <v>0</v>
      </c>
      <c r="DB33" s="25">
        <v>0</v>
      </c>
      <c r="DC33" s="25">
        <v>0</v>
      </c>
      <c r="DD33" s="25">
        <v>0</v>
      </c>
      <c r="DE33" s="25">
        <v>0</v>
      </c>
      <c r="DF33" s="25">
        <v>0</v>
      </c>
      <c r="DG33" s="28">
        <v>0</v>
      </c>
      <c r="DH33" s="29">
        <v>0</v>
      </c>
      <c r="DI33" s="24">
        <v>0</v>
      </c>
      <c r="DJ33" s="25">
        <v>0</v>
      </c>
      <c r="DK33" s="26">
        <v>0</v>
      </c>
      <c r="DL33" s="27">
        <v>0</v>
      </c>
      <c r="DM33" s="25">
        <v>36518</v>
      </c>
      <c r="DN33" s="25">
        <v>42170</v>
      </c>
      <c r="DO33" s="25">
        <v>336444</v>
      </c>
      <c r="DP33" s="25">
        <v>368746</v>
      </c>
      <c r="DQ33" s="25">
        <v>201937</v>
      </c>
      <c r="DR33" s="28">
        <v>985815</v>
      </c>
      <c r="DS33" s="30">
        <v>985815</v>
      </c>
      <c r="DT33" s="24">
        <v>0</v>
      </c>
      <c r="DU33" s="25">
        <v>0</v>
      </c>
      <c r="DV33" s="26">
        <v>0</v>
      </c>
      <c r="DW33" s="404">
        <v>0</v>
      </c>
      <c r="DX33" s="25">
        <v>0</v>
      </c>
      <c r="DY33" s="25">
        <v>21576</v>
      </c>
      <c r="DZ33" s="25">
        <v>273345</v>
      </c>
      <c r="EA33" s="25">
        <v>368529</v>
      </c>
      <c r="EB33" s="25">
        <v>184698</v>
      </c>
      <c r="EC33" s="28">
        <v>848148</v>
      </c>
      <c r="ED33" s="29">
        <v>848148</v>
      </c>
      <c r="EE33" s="24">
        <v>0</v>
      </c>
      <c r="EF33" s="25">
        <v>0</v>
      </c>
      <c r="EG33" s="26">
        <v>0</v>
      </c>
      <c r="EH33" s="404">
        <v>0</v>
      </c>
      <c r="EI33" s="25">
        <v>36518</v>
      </c>
      <c r="EJ33" s="25">
        <v>11749</v>
      </c>
      <c r="EK33" s="25">
        <v>0</v>
      </c>
      <c r="EL33" s="25">
        <v>217</v>
      </c>
      <c r="EM33" s="25">
        <v>217</v>
      </c>
      <c r="EN33" s="28">
        <v>48701</v>
      </c>
      <c r="EO33" s="29">
        <v>48701</v>
      </c>
      <c r="EP33" s="24">
        <v>0</v>
      </c>
      <c r="EQ33" s="25">
        <v>0</v>
      </c>
      <c r="ER33" s="26">
        <v>0</v>
      </c>
      <c r="ES33" s="404">
        <v>0</v>
      </c>
      <c r="ET33" s="25">
        <v>0</v>
      </c>
      <c r="EU33" s="25">
        <v>0</v>
      </c>
      <c r="EV33" s="25">
        <v>0</v>
      </c>
      <c r="EW33" s="25">
        <v>0</v>
      </c>
      <c r="EX33" s="25">
        <v>0</v>
      </c>
      <c r="EY33" s="28">
        <v>0</v>
      </c>
      <c r="EZ33" s="29">
        <v>0</v>
      </c>
      <c r="FA33" s="24">
        <v>0</v>
      </c>
      <c r="FB33" s="25">
        <v>0</v>
      </c>
      <c r="FC33" s="26">
        <v>0</v>
      </c>
      <c r="FD33" s="404">
        <v>0</v>
      </c>
      <c r="FE33" s="25">
        <v>0</v>
      </c>
      <c r="FF33" s="25">
        <v>0</v>
      </c>
      <c r="FG33" s="25">
        <v>0</v>
      </c>
      <c r="FH33" s="25">
        <v>0</v>
      </c>
      <c r="FI33" s="25">
        <v>11687</v>
      </c>
      <c r="FJ33" s="28">
        <v>11687</v>
      </c>
      <c r="FK33" s="29">
        <v>11687</v>
      </c>
      <c r="FL33" s="24">
        <v>0</v>
      </c>
      <c r="FM33" s="25">
        <v>0</v>
      </c>
      <c r="FN33" s="26">
        <v>0</v>
      </c>
      <c r="FO33" s="404">
        <v>0</v>
      </c>
      <c r="FP33" s="25">
        <v>0</v>
      </c>
      <c r="FQ33" s="25">
        <v>0</v>
      </c>
      <c r="FR33" s="25">
        <v>0</v>
      </c>
      <c r="FS33" s="25">
        <v>0</v>
      </c>
      <c r="FT33" s="25">
        <v>0</v>
      </c>
      <c r="FU33" s="28">
        <v>0</v>
      </c>
      <c r="FV33" s="29">
        <v>0</v>
      </c>
      <c r="FW33" s="24">
        <v>0</v>
      </c>
      <c r="FX33" s="25">
        <v>0</v>
      </c>
      <c r="FY33" s="26">
        <v>0</v>
      </c>
      <c r="FZ33" s="27">
        <v>0</v>
      </c>
      <c r="GA33" s="25">
        <v>0</v>
      </c>
      <c r="GB33" s="25">
        <v>8845</v>
      </c>
      <c r="GC33" s="25">
        <v>63099</v>
      </c>
      <c r="GD33" s="25">
        <v>0</v>
      </c>
      <c r="GE33" s="25">
        <v>5335</v>
      </c>
      <c r="GF33" s="28">
        <v>77279</v>
      </c>
      <c r="GG33" s="29">
        <v>77279</v>
      </c>
      <c r="GH33" s="24">
        <v>0</v>
      </c>
      <c r="GI33" s="25">
        <v>0</v>
      </c>
      <c r="GJ33" s="26">
        <v>0</v>
      </c>
      <c r="GK33" s="27">
        <v>0</v>
      </c>
      <c r="GL33" s="25">
        <v>0</v>
      </c>
      <c r="GM33" s="25">
        <v>0</v>
      </c>
      <c r="GN33" s="25">
        <v>0</v>
      </c>
      <c r="GO33" s="25">
        <v>0</v>
      </c>
      <c r="GP33" s="25">
        <v>0</v>
      </c>
      <c r="GQ33" s="28">
        <v>0</v>
      </c>
      <c r="GR33" s="29">
        <v>0</v>
      </c>
      <c r="GS33" s="24">
        <v>0</v>
      </c>
      <c r="GT33" s="25">
        <v>0</v>
      </c>
      <c r="GU33" s="26">
        <v>0</v>
      </c>
      <c r="GV33" s="27">
        <v>0</v>
      </c>
      <c r="GW33" s="25">
        <v>0</v>
      </c>
      <c r="GX33" s="25">
        <v>0</v>
      </c>
      <c r="GY33" s="25">
        <v>0</v>
      </c>
      <c r="GZ33" s="25">
        <v>0</v>
      </c>
      <c r="HA33" s="25">
        <v>0</v>
      </c>
      <c r="HB33" s="28">
        <v>0</v>
      </c>
      <c r="HC33" s="29">
        <v>0</v>
      </c>
      <c r="HD33" s="24">
        <v>0</v>
      </c>
      <c r="HE33" s="25">
        <v>0</v>
      </c>
      <c r="HF33" s="26">
        <v>0</v>
      </c>
      <c r="HG33" s="404">
        <v>0</v>
      </c>
      <c r="HH33" s="25">
        <v>0</v>
      </c>
      <c r="HI33" s="25">
        <v>0</v>
      </c>
      <c r="HJ33" s="25">
        <v>0</v>
      </c>
      <c r="HK33" s="25">
        <v>0</v>
      </c>
      <c r="HL33" s="25">
        <v>0</v>
      </c>
      <c r="HM33" s="28">
        <v>0</v>
      </c>
      <c r="HN33" s="29">
        <v>0</v>
      </c>
      <c r="HO33" s="24">
        <v>0</v>
      </c>
      <c r="HP33" s="25">
        <v>0</v>
      </c>
      <c r="HQ33" s="26">
        <v>0</v>
      </c>
      <c r="HR33" s="27">
        <v>0</v>
      </c>
      <c r="HS33" s="25">
        <v>109833</v>
      </c>
      <c r="HT33" s="25">
        <v>86155</v>
      </c>
      <c r="HU33" s="25">
        <v>532439</v>
      </c>
      <c r="HV33" s="25">
        <v>667276</v>
      </c>
      <c r="HW33" s="25">
        <v>394827</v>
      </c>
      <c r="HX33" s="28">
        <v>1790530</v>
      </c>
      <c r="HY33" s="29">
        <v>1790530</v>
      </c>
    </row>
    <row r="34" spans="2:233" ht="21" customHeight="1" x14ac:dyDescent="0.2">
      <c r="B34" s="106" t="s">
        <v>31</v>
      </c>
      <c r="C34" s="24">
        <v>0</v>
      </c>
      <c r="D34" s="25">
        <v>0</v>
      </c>
      <c r="E34" s="26">
        <v>0</v>
      </c>
      <c r="F34" s="27">
        <v>0</v>
      </c>
      <c r="G34" s="25">
        <v>63055</v>
      </c>
      <c r="H34" s="25">
        <v>158115</v>
      </c>
      <c r="I34" s="25">
        <v>147080</v>
      </c>
      <c r="J34" s="25">
        <v>167975</v>
      </c>
      <c r="K34" s="25">
        <v>161200</v>
      </c>
      <c r="L34" s="28">
        <v>697425</v>
      </c>
      <c r="M34" s="29">
        <v>697425</v>
      </c>
      <c r="N34" s="24">
        <v>0</v>
      </c>
      <c r="O34" s="25">
        <v>0</v>
      </c>
      <c r="P34" s="26">
        <v>0</v>
      </c>
      <c r="Q34" s="404">
        <v>0</v>
      </c>
      <c r="R34" s="25">
        <v>27280</v>
      </c>
      <c r="S34" s="25">
        <v>91700</v>
      </c>
      <c r="T34" s="25">
        <v>139830</v>
      </c>
      <c r="U34" s="25">
        <v>129470</v>
      </c>
      <c r="V34" s="25">
        <v>125905</v>
      </c>
      <c r="W34" s="28">
        <v>514185</v>
      </c>
      <c r="X34" s="29">
        <v>514185</v>
      </c>
      <c r="Y34" s="24">
        <v>0</v>
      </c>
      <c r="Z34" s="25">
        <v>0</v>
      </c>
      <c r="AA34" s="26">
        <v>0</v>
      </c>
      <c r="AB34" s="404">
        <v>0</v>
      </c>
      <c r="AC34" s="25">
        <v>2635</v>
      </c>
      <c r="AD34" s="25">
        <v>51925</v>
      </c>
      <c r="AE34" s="25">
        <v>0</v>
      </c>
      <c r="AF34" s="25">
        <v>32705</v>
      </c>
      <c r="AG34" s="25">
        <v>2635</v>
      </c>
      <c r="AH34" s="28">
        <v>89900</v>
      </c>
      <c r="AI34" s="29">
        <v>89900</v>
      </c>
      <c r="AJ34" s="24">
        <v>0</v>
      </c>
      <c r="AK34" s="25">
        <v>0</v>
      </c>
      <c r="AL34" s="26">
        <v>0</v>
      </c>
      <c r="AM34" s="404">
        <v>0</v>
      </c>
      <c r="AN34" s="25">
        <v>0</v>
      </c>
      <c r="AO34" s="25">
        <v>0</v>
      </c>
      <c r="AP34" s="25">
        <v>0</v>
      </c>
      <c r="AQ34" s="25">
        <v>0</v>
      </c>
      <c r="AR34" s="25">
        <v>0</v>
      </c>
      <c r="AS34" s="28">
        <v>0</v>
      </c>
      <c r="AT34" s="29">
        <v>0</v>
      </c>
      <c r="AU34" s="24">
        <v>0</v>
      </c>
      <c r="AV34" s="25">
        <v>0</v>
      </c>
      <c r="AW34" s="26">
        <v>0</v>
      </c>
      <c r="AX34" s="404">
        <v>0</v>
      </c>
      <c r="AY34" s="25">
        <v>32705</v>
      </c>
      <c r="AZ34" s="25">
        <v>0</v>
      </c>
      <c r="BA34" s="25">
        <v>0</v>
      </c>
      <c r="BB34" s="25">
        <v>0</v>
      </c>
      <c r="BC34" s="25">
        <v>32660</v>
      </c>
      <c r="BD34" s="28">
        <v>65365</v>
      </c>
      <c r="BE34" s="29">
        <v>65365</v>
      </c>
      <c r="BF34" s="24">
        <v>0</v>
      </c>
      <c r="BG34" s="25">
        <v>0</v>
      </c>
      <c r="BH34" s="26">
        <v>0</v>
      </c>
      <c r="BI34" s="404">
        <v>0</v>
      </c>
      <c r="BJ34" s="25">
        <v>0</v>
      </c>
      <c r="BK34" s="25">
        <v>0</v>
      </c>
      <c r="BL34" s="25">
        <v>0</v>
      </c>
      <c r="BM34" s="25">
        <v>0</v>
      </c>
      <c r="BN34" s="25">
        <v>0</v>
      </c>
      <c r="BO34" s="28">
        <v>0</v>
      </c>
      <c r="BP34" s="29">
        <v>0</v>
      </c>
      <c r="BQ34" s="24">
        <v>0</v>
      </c>
      <c r="BR34" s="25">
        <v>0</v>
      </c>
      <c r="BS34" s="26">
        <v>0</v>
      </c>
      <c r="BT34" s="27">
        <v>0</v>
      </c>
      <c r="BU34" s="25">
        <v>435</v>
      </c>
      <c r="BV34" s="25">
        <v>14490</v>
      </c>
      <c r="BW34" s="25">
        <v>6815</v>
      </c>
      <c r="BX34" s="25">
        <v>5800</v>
      </c>
      <c r="BY34" s="25">
        <v>0</v>
      </c>
      <c r="BZ34" s="28">
        <v>27540</v>
      </c>
      <c r="CA34" s="29">
        <v>27540</v>
      </c>
      <c r="CB34" s="24">
        <v>0</v>
      </c>
      <c r="CC34" s="25">
        <v>0</v>
      </c>
      <c r="CD34" s="26">
        <v>0</v>
      </c>
      <c r="CE34" s="27">
        <v>0</v>
      </c>
      <c r="CF34" s="25">
        <v>0</v>
      </c>
      <c r="CG34" s="25">
        <v>0</v>
      </c>
      <c r="CH34" s="25">
        <v>435</v>
      </c>
      <c r="CI34" s="25">
        <v>0</v>
      </c>
      <c r="CJ34" s="25">
        <v>0</v>
      </c>
      <c r="CK34" s="28">
        <v>435</v>
      </c>
      <c r="CL34" s="29">
        <v>435</v>
      </c>
      <c r="CM34" s="24">
        <v>0</v>
      </c>
      <c r="CN34" s="25">
        <v>0</v>
      </c>
      <c r="CO34" s="26">
        <v>0</v>
      </c>
      <c r="CP34" s="27">
        <v>0</v>
      </c>
      <c r="CQ34" s="25">
        <v>0</v>
      </c>
      <c r="CR34" s="25">
        <v>0</v>
      </c>
      <c r="CS34" s="25">
        <v>0</v>
      </c>
      <c r="CT34" s="25">
        <v>0</v>
      </c>
      <c r="CU34" s="25">
        <v>0</v>
      </c>
      <c r="CV34" s="28">
        <v>0</v>
      </c>
      <c r="CW34" s="29">
        <v>0</v>
      </c>
      <c r="CX34" s="24">
        <v>0</v>
      </c>
      <c r="CY34" s="25">
        <v>0</v>
      </c>
      <c r="CZ34" s="26">
        <v>0</v>
      </c>
      <c r="DA34" s="404">
        <v>0</v>
      </c>
      <c r="DB34" s="25">
        <v>0</v>
      </c>
      <c r="DC34" s="25">
        <v>0</v>
      </c>
      <c r="DD34" s="25">
        <v>0</v>
      </c>
      <c r="DE34" s="25">
        <v>0</v>
      </c>
      <c r="DF34" s="25">
        <v>0</v>
      </c>
      <c r="DG34" s="28">
        <v>0</v>
      </c>
      <c r="DH34" s="29">
        <v>0</v>
      </c>
      <c r="DI34" s="24">
        <v>0</v>
      </c>
      <c r="DJ34" s="25">
        <v>0</v>
      </c>
      <c r="DK34" s="26">
        <v>0</v>
      </c>
      <c r="DL34" s="27">
        <v>0</v>
      </c>
      <c r="DM34" s="25">
        <v>38449</v>
      </c>
      <c r="DN34" s="25">
        <v>68294</v>
      </c>
      <c r="DO34" s="25">
        <v>203800</v>
      </c>
      <c r="DP34" s="25">
        <v>189820</v>
      </c>
      <c r="DQ34" s="25">
        <v>274382</v>
      </c>
      <c r="DR34" s="28">
        <v>774745</v>
      </c>
      <c r="DS34" s="30">
        <v>774745</v>
      </c>
      <c r="DT34" s="24">
        <v>0</v>
      </c>
      <c r="DU34" s="25">
        <v>0</v>
      </c>
      <c r="DV34" s="26">
        <v>0</v>
      </c>
      <c r="DW34" s="404">
        <v>0</v>
      </c>
      <c r="DX34" s="25">
        <v>36611</v>
      </c>
      <c r="DY34" s="25">
        <v>55720</v>
      </c>
      <c r="DZ34" s="25">
        <v>180308</v>
      </c>
      <c r="EA34" s="25">
        <v>163432</v>
      </c>
      <c r="EB34" s="25">
        <v>237647</v>
      </c>
      <c r="EC34" s="28">
        <v>673718</v>
      </c>
      <c r="ED34" s="29">
        <v>673718</v>
      </c>
      <c r="EE34" s="24">
        <v>0</v>
      </c>
      <c r="EF34" s="25">
        <v>0</v>
      </c>
      <c r="EG34" s="26">
        <v>0</v>
      </c>
      <c r="EH34" s="404">
        <v>0</v>
      </c>
      <c r="EI34" s="25">
        <v>217</v>
      </c>
      <c r="EJ34" s="25">
        <v>589</v>
      </c>
      <c r="EK34" s="25">
        <v>0</v>
      </c>
      <c r="EL34" s="25">
        <v>11997</v>
      </c>
      <c r="EM34" s="25">
        <v>217</v>
      </c>
      <c r="EN34" s="28">
        <v>13020</v>
      </c>
      <c r="EO34" s="29">
        <v>13020</v>
      </c>
      <c r="EP34" s="24">
        <v>0</v>
      </c>
      <c r="EQ34" s="25">
        <v>0</v>
      </c>
      <c r="ER34" s="26">
        <v>0</v>
      </c>
      <c r="ES34" s="404">
        <v>0</v>
      </c>
      <c r="ET34" s="25">
        <v>0</v>
      </c>
      <c r="EU34" s="25">
        <v>0</v>
      </c>
      <c r="EV34" s="25">
        <v>0</v>
      </c>
      <c r="EW34" s="25">
        <v>0</v>
      </c>
      <c r="EX34" s="25">
        <v>0</v>
      </c>
      <c r="EY34" s="28">
        <v>0</v>
      </c>
      <c r="EZ34" s="29">
        <v>0</v>
      </c>
      <c r="FA34" s="24">
        <v>0</v>
      </c>
      <c r="FB34" s="25">
        <v>0</v>
      </c>
      <c r="FC34" s="26">
        <v>0</v>
      </c>
      <c r="FD34" s="404">
        <v>0</v>
      </c>
      <c r="FE34" s="25">
        <v>217</v>
      </c>
      <c r="FF34" s="25">
        <v>0</v>
      </c>
      <c r="FG34" s="25">
        <v>0</v>
      </c>
      <c r="FH34" s="25">
        <v>0</v>
      </c>
      <c r="FI34" s="25">
        <v>36518</v>
      </c>
      <c r="FJ34" s="28">
        <v>36735</v>
      </c>
      <c r="FK34" s="29">
        <v>36735</v>
      </c>
      <c r="FL34" s="24">
        <v>0</v>
      </c>
      <c r="FM34" s="25">
        <v>0</v>
      </c>
      <c r="FN34" s="26">
        <v>0</v>
      </c>
      <c r="FO34" s="404">
        <v>0</v>
      </c>
      <c r="FP34" s="25">
        <v>0</v>
      </c>
      <c r="FQ34" s="25">
        <v>0</v>
      </c>
      <c r="FR34" s="25">
        <v>0</v>
      </c>
      <c r="FS34" s="25">
        <v>0</v>
      </c>
      <c r="FT34" s="25">
        <v>0</v>
      </c>
      <c r="FU34" s="28">
        <v>0</v>
      </c>
      <c r="FV34" s="29">
        <v>0</v>
      </c>
      <c r="FW34" s="24">
        <v>0</v>
      </c>
      <c r="FX34" s="25">
        <v>0</v>
      </c>
      <c r="FY34" s="26">
        <v>0</v>
      </c>
      <c r="FZ34" s="27">
        <v>0</v>
      </c>
      <c r="GA34" s="25">
        <v>1404</v>
      </c>
      <c r="GB34" s="25">
        <v>11985</v>
      </c>
      <c r="GC34" s="25">
        <v>22418</v>
      </c>
      <c r="GD34" s="25">
        <v>14391</v>
      </c>
      <c r="GE34" s="25">
        <v>0</v>
      </c>
      <c r="GF34" s="28">
        <v>50198</v>
      </c>
      <c r="GG34" s="29">
        <v>50198</v>
      </c>
      <c r="GH34" s="24">
        <v>0</v>
      </c>
      <c r="GI34" s="25">
        <v>0</v>
      </c>
      <c r="GJ34" s="26">
        <v>0</v>
      </c>
      <c r="GK34" s="27">
        <v>0</v>
      </c>
      <c r="GL34" s="25">
        <v>0</v>
      </c>
      <c r="GM34" s="25">
        <v>0</v>
      </c>
      <c r="GN34" s="25">
        <v>1074</v>
      </c>
      <c r="GO34" s="25">
        <v>0</v>
      </c>
      <c r="GP34" s="25">
        <v>0</v>
      </c>
      <c r="GQ34" s="28">
        <v>1074</v>
      </c>
      <c r="GR34" s="29">
        <v>1074</v>
      </c>
      <c r="GS34" s="24">
        <v>0</v>
      </c>
      <c r="GT34" s="25">
        <v>0</v>
      </c>
      <c r="GU34" s="26">
        <v>0</v>
      </c>
      <c r="GV34" s="27">
        <v>0</v>
      </c>
      <c r="GW34" s="25">
        <v>0</v>
      </c>
      <c r="GX34" s="25">
        <v>0</v>
      </c>
      <c r="GY34" s="25">
        <v>0</v>
      </c>
      <c r="GZ34" s="25">
        <v>0</v>
      </c>
      <c r="HA34" s="25">
        <v>0</v>
      </c>
      <c r="HB34" s="28">
        <v>0</v>
      </c>
      <c r="HC34" s="29">
        <v>0</v>
      </c>
      <c r="HD34" s="24">
        <v>0</v>
      </c>
      <c r="HE34" s="25">
        <v>0</v>
      </c>
      <c r="HF34" s="26">
        <v>0</v>
      </c>
      <c r="HG34" s="404">
        <v>0</v>
      </c>
      <c r="HH34" s="25">
        <v>0</v>
      </c>
      <c r="HI34" s="25">
        <v>0</v>
      </c>
      <c r="HJ34" s="25">
        <v>0</v>
      </c>
      <c r="HK34" s="25">
        <v>0</v>
      </c>
      <c r="HL34" s="25">
        <v>0</v>
      </c>
      <c r="HM34" s="28">
        <v>0</v>
      </c>
      <c r="HN34" s="29">
        <v>0</v>
      </c>
      <c r="HO34" s="24">
        <v>0</v>
      </c>
      <c r="HP34" s="25">
        <v>0</v>
      </c>
      <c r="HQ34" s="26">
        <v>0</v>
      </c>
      <c r="HR34" s="27">
        <v>0</v>
      </c>
      <c r="HS34" s="25">
        <v>101504</v>
      </c>
      <c r="HT34" s="25">
        <v>226409</v>
      </c>
      <c r="HU34" s="25">
        <v>350880</v>
      </c>
      <c r="HV34" s="25">
        <v>357795</v>
      </c>
      <c r="HW34" s="25">
        <v>435582</v>
      </c>
      <c r="HX34" s="28">
        <v>1472170</v>
      </c>
      <c r="HY34" s="29">
        <v>1472170</v>
      </c>
    </row>
    <row r="35" spans="2:233" ht="21" customHeight="1" x14ac:dyDescent="0.2">
      <c r="B35" s="106" t="s">
        <v>32</v>
      </c>
      <c r="C35" s="24">
        <v>0</v>
      </c>
      <c r="D35" s="25">
        <v>145</v>
      </c>
      <c r="E35" s="26">
        <v>145</v>
      </c>
      <c r="F35" s="27">
        <v>0</v>
      </c>
      <c r="G35" s="25">
        <v>73470</v>
      </c>
      <c r="H35" s="25">
        <v>82270</v>
      </c>
      <c r="I35" s="25">
        <v>266465</v>
      </c>
      <c r="J35" s="25">
        <v>490183</v>
      </c>
      <c r="K35" s="25">
        <v>291680</v>
      </c>
      <c r="L35" s="28">
        <v>1204068</v>
      </c>
      <c r="M35" s="29">
        <v>1204213</v>
      </c>
      <c r="N35" s="24">
        <v>0</v>
      </c>
      <c r="O35" s="25">
        <v>0</v>
      </c>
      <c r="P35" s="26">
        <v>0</v>
      </c>
      <c r="Q35" s="404">
        <v>0</v>
      </c>
      <c r="R35" s="25">
        <v>35495</v>
      </c>
      <c r="S35" s="25">
        <v>0</v>
      </c>
      <c r="T35" s="25">
        <v>29745</v>
      </c>
      <c r="U35" s="25">
        <v>318753</v>
      </c>
      <c r="V35" s="25">
        <v>224540</v>
      </c>
      <c r="W35" s="28">
        <v>608533</v>
      </c>
      <c r="X35" s="29">
        <v>608533</v>
      </c>
      <c r="Y35" s="24">
        <v>0</v>
      </c>
      <c r="Z35" s="25">
        <v>0</v>
      </c>
      <c r="AA35" s="26">
        <v>0</v>
      </c>
      <c r="AB35" s="404">
        <v>0</v>
      </c>
      <c r="AC35" s="25">
        <v>37975</v>
      </c>
      <c r="AD35" s="25">
        <v>74230</v>
      </c>
      <c r="AE35" s="25">
        <v>66985</v>
      </c>
      <c r="AF35" s="25">
        <v>100750</v>
      </c>
      <c r="AG35" s="25">
        <v>255</v>
      </c>
      <c r="AH35" s="28">
        <v>280195</v>
      </c>
      <c r="AI35" s="29">
        <v>280195</v>
      </c>
      <c r="AJ35" s="24">
        <v>0</v>
      </c>
      <c r="AK35" s="25">
        <v>0</v>
      </c>
      <c r="AL35" s="26">
        <v>0</v>
      </c>
      <c r="AM35" s="404">
        <v>0</v>
      </c>
      <c r="AN35" s="25">
        <v>0</v>
      </c>
      <c r="AO35" s="25">
        <v>0</v>
      </c>
      <c r="AP35" s="25">
        <v>0</v>
      </c>
      <c r="AQ35" s="25">
        <v>0</v>
      </c>
      <c r="AR35" s="25">
        <v>0</v>
      </c>
      <c r="AS35" s="28">
        <v>0</v>
      </c>
      <c r="AT35" s="29">
        <v>0</v>
      </c>
      <c r="AU35" s="24">
        <v>0</v>
      </c>
      <c r="AV35" s="25">
        <v>0</v>
      </c>
      <c r="AW35" s="26">
        <v>0</v>
      </c>
      <c r="AX35" s="404">
        <v>0</v>
      </c>
      <c r="AY35" s="25">
        <v>0</v>
      </c>
      <c r="AZ35" s="25">
        <v>0</v>
      </c>
      <c r="BA35" s="25">
        <v>0</v>
      </c>
      <c r="BB35" s="25">
        <v>0</v>
      </c>
      <c r="BC35" s="25">
        <v>32705</v>
      </c>
      <c r="BD35" s="28">
        <v>32705</v>
      </c>
      <c r="BE35" s="29">
        <v>32705</v>
      </c>
      <c r="BF35" s="24">
        <v>0</v>
      </c>
      <c r="BG35" s="25">
        <v>0</v>
      </c>
      <c r="BH35" s="26">
        <v>0</v>
      </c>
      <c r="BI35" s="404">
        <v>0</v>
      </c>
      <c r="BJ35" s="25">
        <v>0</v>
      </c>
      <c r="BK35" s="25">
        <v>0</v>
      </c>
      <c r="BL35" s="25">
        <v>160735</v>
      </c>
      <c r="BM35" s="25">
        <v>70680</v>
      </c>
      <c r="BN35" s="25">
        <v>29830</v>
      </c>
      <c r="BO35" s="28">
        <v>261245</v>
      </c>
      <c r="BP35" s="29">
        <v>261245</v>
      </c>
      <c r="BQ35" s="24">
        <v>0</v>
      </c>
      <c r="BR35" s="25">
        <v>145</v>
      </c>
      <c r="BS35" s="26">
        <v>145</v>
      </c>
      <c r="BT35" s="27">
        <v>0</v>
      </c>
      <c r="BU35" s="25">
        <v>0</v>
      </c>
      <c r="BV35" s="25">
        <v>0</v>
      </c>
      <c r="BW35" s="25">
        <v>9000</v>
      </c>
      <c r="BX35" s="25">
        <v>0</v>
      </c>
      <c r="BY35" s="25">
        <v>4350</v>
      </c>
      <c r="BZ35" s="28">
        <v>13350</v>
      </c>
      <c r="CA35" s="29">
        <v>13495</v>
      </c>
      <c r="CB35" s="24">
        <v>0</v>
      </c>
      <c r="CC35" s="25">
        <v>0</v>
      </c>
      <c r="CD35" s="26">
        <v>0</v>
      </c>
      <c r="CE35" s="27">
        <v>0</v>
      </c>
      <c r="CF35" s="25">
        <v>0</v>
      </c>
      <c r="CG35" s="25">
        <v>8040</v>
      </c>
      <c r="CH35" s="25">
        <v>0</v>
      </c>
      <c r="CI35" s="25">
        <v>0</v>
      </c>
      <c r="CJ35" s="25">
        <v>0</v>
      </c>
      <c r="CK35" s="28">
        <v>8040</v>
      </c>
      <c r="CL35" s="29">
        <v>8040</v>
      </c>
      <c r="CM35" s="24">
        <v>0</v>
      </c>
      <c r="CN35" s="25">
        <v>0</v>
      </c>
      <c r="CO35" s="26">
        <v>0</v>
      </c>
      <c r="CP35" s="27">
        <v>0</v>
      </c>
      <c r="CQ35" s="25">
        <v>0</v>
      </c>
      <c r="CR35" s="25">
        <v>0</v>
      </c>
      <c r="CS35" s="25">
        <v>0</v>
      </c>
      <c r="CT35" s="25">
        <v>0</v>
      </c>
      <c r="CU35" s="25">
        <v>0</v>
      </c>
      <c r="CV35" s="28">
        <v>0</v>
      </c>
      <c r="CW35" s="29">
        <v>0</v>
      </c>
      <c r="CX35" s="24">
        <v>0</v>
      </c>
      <c r="CY35" s="25">
        <v>0</v>
      </c>
      <c r="CZ35" s="26">
        <v>0</v>
      </c>
      <c r="DA35" s="404">
        <v>0</v>
      </c>
      <c r="DB35" s="25">
        <v>0</v>
      </c>
      <c r="DC35" s="25">
        <v>0</v>
      </c>
      <c r="DD35" s="25">
        <v>0</v>
      </c>
      <c r="DE35" s="25">
        <v>0</v>
      </c>
      <c r="DF35" s="25">
        <v>0</v>
      </c>
      <c r="DG35" s="28">
        <v>0</v>
      </c>
      <c r="DH35" s="29">
        <v>0</v>
      </c>
      <c r="DI35" s="24">
        <v>0</v>
      </c>
      <c r="DJ35" s="25">
        <v>1053</v>
      </c>
      <c r="DK35" s="26">
        <v>1053</v>
      </c>
      <c r="DL35" s="27">
        <v>0</v>
      </c>
      <c r="DM35" s="25">
        <v>27156</v>
      </c>
      <c r="DN35" s="25">
        <v>2379</v>
      </c>
      <c r="DO35" s="25">
        <v>238172</v>
      </c>
      <c r="DP35" s="25">
        <v>538314</v>
      </c>
      <c r="DQ35" s="25">
        <v>321772</v>
      </c>
      <c r="DR35" s="28">
        <v>1127793</v>
      </c>
      <c r="DS35" s="30">
        <v>1128846</v>
      </c>
      <c r="DT35" s="24">
        <v>0</v>
      </c>
      <c r="DU35" s="25">
        <v>0</v>
      </c>
      <c r="DV35" s="26">
        <v>0</v>
      </c>
      <c r="DW35" s="404">
        <v>0</v>
      </c>
      <c r="DX35" s="25">
        <v>26505</v>
      </c>
      <c r="DY35" s="25">
        <v>0</v>
      </c>
      <c r="DZ35" s="25">
        <v>45105</v>
      </c>
      <c r="EA35" s="25">
        <v>433720</v>
      </c>
      <c r="EB35" s="25">
        <v>274692</v>
      </c>
      <c r="EC35" s="28">
        <v>780022</v>
      </c>
      <c r="ED35" s="29">
        <v>780022</v>
      </c>
      <c r="EE35" s="24">
        <v>0</v>
      </c>
      <c r="EF35" s="25">
        <v>0</v>
      </c>
      <c r="EG35" s="26">
        <v>0</v>
      </c>
      <c r="EH35" s="404">
        <v>0</v>
      </c>
      <c r="EI35" s="25">
        <v>651</v>
      </c>
      <c r="EJ35" s="25">
        <v>526</v>
      </c>
      <c r="EK35" s="25">
        <v>11924</v>
      </c>
      <c r="EL35" s="25">
        <v>36270</v>
      </c>
      <c r="EM35" s="25">
        <v>21</v>
      </c>
      <c r="EN35" s="28">
        <v>49392</v>
      </c>
      <c r="EO35" s="29">
        <v>49392</v>
      </c>
      <c r="EP35" s="24">
        <v>0</v>
      </c>
      <c r="EQ35" s="25">
        <v>0</v>
      </c>
      <c r="ER35" s="26">
        <v>0</v>
      </c>
      <c r="ES35" s="404">
        <v>0</v>
      </c>
      <c r="ET35" s="25">
        <v>0</v>
      </c>
      <c r="EU35" s="25">
        <v>0</v>
      </c>
      <c r="EV35" s="25">
        <v>0</v>
      </c>
      <c r="EW35" s="25">
        <v>0</v>
      </c>
      <c r="EX35" s="25">
        <v>0</v>
      </c>
      <c r="EY35" s="28">
        <v>0</v>
      </c>
      <c r="EZ35" s="29">
        <v>0</v>
      </c>
      <c r="FA35" s="24">
        <v>0</v>
      </c>
      <c r="FB35" s="25">
        <v>0</v>
      </c>
      <c r="FC35" s="26">
        <v>0</v>
      </c>
      <c r="FD35" s="404">
        <v>0</v>
      </c>
      <c r="FE35" s="25">
        <v>0</v>
      </c>
      <c r="FF35" s="25">
        <v>0</v>
      </c>
      <c r="FG35" s="25">
        <v>0</v>
      </c>
      <c r="FH35" s="25">
        <v>0</v>
      </c>
      <c r="FI35" s="25">
        <v>217</v>
      </c>
      <c r="FJ35" s="28">
        <v>217</v>
      </c>
      <c r="FK35" s="29">
        <v>217</v>
      </c>
      <c r="FL35" s="24">
        <v>0</v>
      </c>
      <c r="FM35" s="25">
        <v>0</v>
      </c>
      <c r="FN35" s="26">
        <v>0</v>
      </c>
      <c r="FO35" s="404">
        <v>0</v>
      </c>
      <c r="FP35" s="25">
        <v>0</v>
      </c>
      <c r="FQ35" s="25">
        <v>0</v>
      </c>
      <c r="FR35" s="25">
        <v>172081</v>
      </c>
      <c r="FS35" s="25">
        <v>68324</v>
      </c>
      <c r="FT35" s="25">
        <v>32292</v>
      </c>
      <c r="FU35" s="28">
        <v>272697</v>
      </c>
      <c r="FV35" s="29">
        <v>272697</v>
      </c>
      <c r="FW35" s="24">
        <v>0</v>
      </c>
      <c r="FX35" s="25">
        <v>1053</v>
      </c>
      <c r="FY35" s="26">
        <v>1053</v>
      </c>
      <c r="FZ35" s="27">
        <v>0</v>
      </c>
      <c r="GA35" s="25">
        <v>0</v>
      </c>
      <c r="GB35" s="25">
        <v>0</v>
      </c>
      <c r="GC35" s="25">
        <v>9062</v>
      </c>
      <c r="GD35" s="25">
        <v>0</v>
      </c>
      <c r="GE35" s="25">
        <v>14550</v>
      </c>
      <c r="GF35" s="28">
        <v>23612</v>
      </c>
      <c r="GG35" s="29">
        <v>24665</v>
      </c>
      <c r="GH35" s="24">
        <v>0</v>
      </c>
      <c r="GI35" s="25">
        <v>0</v>
      </c>
      <c r="GJ35" s="26">
        <v>0</v>
      </c>
      <c r="GK35" s="27">
        <v>0</v>
      </c>
      <c r="GL35" s="25">
        <v>0</v>
      </c>
      <c r="GM35" s="25">
        <v>1853</v>
      </c>
      <c r="GN35" s="25">
        <v>0</v>
      </c>
      <c r="GO35" s="25">
        <v>0</v>
      </c>
      <c r="GP35" s="25">
        <v>0</v>
      </c>
      <c r="GQ35" s="28">
        <v>1853</v>
      </c>
      <c r="GR35" s="29">
        <v>1853</v>
      </c>
      <c r="GS35" s="24">
        <v>0</v>
      </c>
      <c r="GT35" s="25">
        <v>0</v>
      </c>
      <c r="GU35" s="26">
        <v>0</v>
      </c>
      <c r="GV35" s="27">
        <v>0</v>
      </c>
      <c r="GW35" s="25">
        <v>0</v>
      </c>
      <c r="GX35" s="25">
        <v>0</v>
      </c>
      <c r="GY35" s="25">
        <v>0</v>
      </c>
      <c r="GZ35" s="25">
        <v>0</v>
      </c>
      <c r="HA35" s="25">
        <v>0</v>
      </c>
      <c r="HB35" s="28">
        <v>0</v>
      </c>
      <c r="HC35" s="29">
        <v>0</v>
      </c>
      <c r="HD35" s="24">
        <v>0</v>
      </c>
      <c r="HE35" s="25">
        <v>0</v>
      </c>
      <c r="HF35" s="26">
        <v>0</v>
      </c>
      <c r="HG35" s="404">
        <v>0</v>
      </c>
      <c r="HH35" s="25">
        <v>0</v>
      </c>
      <c r="HI35" s="25">
        <v>0</v>
      </c>
      <c r="HJ35" s="25">
        <v>0</v>
      </c>
      <c r="HK35" s="25">
        <v>0</v>
      </c>
      <c r="HL35" s="25">
        <v>0</v>
      </c>
      <c r="HM35" s="28">
        <v>0</v>
      </c>
      <c r="HN35" s="29">
        <v>0</v>
      </c>
      <c r="HO35" s="24">
        <v>0</v>
      </c>
      <c r="HP35" s="25">
        <v>1198</v>
      </c>
      <c r="HQ35" s="26">
        <v>1198</v>
      </c>
      <c r="HR35" s="27">
        <v>0</v>
      </c>
      <c r="HS35" s="25">
        <v>100626</v>
      </c>
      <c r="HT35" s="25">
        <v>84649</v>
      </c>
      <c r="HU35" s="25">
        <v>504637</v>
      </c>
      <c r="HV35" s="25">
        <v>1028497</v>
      </c>
      <c r="HW35" s="25">
        <v>613452</v>
      </c>
      <c r="HX35" s="28">
        <v>2331861</v>
      </c>
      <c r="HY35" s="29">
        <v>2333059</v>
      </c>
    </row>
    <row r="36" spans="2:233" ht="21" customHeight="1" x14ac:dyDescent="0.2">
      <c r="B36" s="106" t="s">
        <v>33</v>
      </c>
      <c r="C36" s="24">
        <v>0</v>
      </c>
      <c r="D36" s="25">
        <v>0</v>
      </c>
      <c r="E36" s="26">
        <v>0</v>
      </c>
      <c r="F36" s="27">
        <v>0</v>
      </c>
      <c r="G36" s="25">
        <v>42140</v>
      </c>
      <c r="H36" s="25">
        <v>206400</v>
      </c>
      <c r="I36" s="25">
        <v>435420</v>
      </c>
      <c r="J36" s="25">
        <v>731025</v>
      </c>
      <c r="K36" s="25">
        <v>228560</v>
      </c>
      <c r="L36" s="28">
        <v>1643545</v>
      </c>
      <c r="M36" s="29">
        <v>1643545</v>
      </c>
      <c r="N36" s="24">
        <v>0</v>
      </c>
      <c r="O36" s="25">
        <v>0</v>
      </c>
      <c r="P36" s="26">
        <v>0</v>
      </c>
      <c r="Q36" s="404">
        <v>0</v>
      </c>
      <c r="R36" s="25">
        <v>0</v>
      </c>
      <c r="S36" s="25">
        <v>59985</v>
      </c>
      <c r="T36" s="25">
        <v>323705</v>
      </c>
      <c r="U36" s="25">
        <v>462005</v>
      </c>
      <c r="V36" s="25">
        <v>190805</v>
      </c>
      <c r="W36" s="28">
        <v>1036500</v>
      </c>
      <c r="X36" s="29">
        <v>1036500</v>
      </c>
      <c r="Y36" s="24">
        <v>0</v>
      </c>
      <c r="Z36" s="25">
        <v>0</v>
      </c>
      <c r="AA36" s="26">
        <v>0</v>
      </c>
      <c r="AB36" s="404">
        <v>0</v>
      </c>
      <c r="AC36" s="25">
        <v>37975</v>
      </c>
      <c r="AD36" s="25">
        <v>62775</v>
      </c>
      <c r="AE36" s="25">
        <v>47665</v>
      </c>
      <c r="AF36" s="25">
        <v>193595</v>
      </c>
      <c r="AG36" s="25">
        <v>5050</v>
      </c>
      <c r="AH36" s="28">
        <v>347060</v>
      </c>
      <c r="AI36" s="29">
        <v>347060</v>
      </c>
      <c r="AJ36" s="24">
        <v>0</v>
      </c>
      <c r="AK36" s="25">
        <v>0</v>
      </c>
      <c r="AL36" s="26">
        <v>0</v>
      </c>
      <c r="AM36" s="404">
        <v>0</v>
      </c>
      <c r="AN36" s="25">
        <v>0</v>
      </c>
      <c r="AO36" s="25">
        <v>0</v>
      </c>
      <c r="AP36" s="25">
        <v>0</v>
      </c>
      <c r="AQ36" s="25">
        <v>0</v>
      </c>
      <c r="AR36" s="25">
        <v>0</v>
      </c>
      <c r="AS36" s="28">
        <v>0</v>
      </c>
      <c r="AT36" s="29">
        <v>0</v>
      </c>
      <c r="AU36" s="24">
        <v>0</v>
      </c>
      <c r="AV36" s="25">
        <v>0</v>
      </c>
      <c r="AW36" s="26">
        <v>0</v>
      </c>
      <c r="AX36" s="404">
        <v>0</v>
      </c>
      <c r="AY36" s="25">
        <v>0</v>
      </c>
      <c r="AZ36" s="25">
        <v>65410</v>
      </c>
      <c r="BA36" s="25">
        <v>37975</v>
      </c>
      <c r="BB36" s="25">
        <v>69845</v>
      </c>
      <c r="BC36" s="25">
        <v>32705</v>
      </c>
      <c r="BD36" s="28">
        <v>205935</v>
      </c>
      <c r="BE36" s="29">
        <v>205935</v>
      </c>
      <c r="BF36" s="24">
        <v>0</v>
      </c>
      <c r="BG36" s="25">
        <v>0</v>
      </c>
      <c r="BH36" s="26">
        <v>0</v>
      </c>
      <c r="BI36" s="404">
        <v>0</v>
      </c>
      <c r="BJ36" s="25">
        <v>0</v>
      </c>
      <c r="BK36" s="25">
        <v>0</v>
      </c>
      <c r="BL36" s="25">
        <v>0</v>
      </c>
      <c r="BM36" s="25">
        <v>0</v>
      </c>
      <c r="BN36" s="25">
        <v>0</v>
      </c>
      <c r="BO36" s="28">
        <v>0</v>
      </c>
      <c r="BP36" s="29">
        <v>0</v>
      </c>
      <c r="BQ36" s="24">
        <v>0</v>
      </c>
      <c r="BR36" s="25">
        <v>0</v>
      </c>
      <c r="BS36" s="26">
        <v>0</v>
      </c>
      <c r="BT36" s="27">
        <v>0</v>
      </c>
      <c r="BU36" s="25">
        <v>3175</v>
      </c>
      <c r="BV36" s="25">
        <v>18230</v>
      </c>
      <c r="BW36" s="25">
        <v>26075</v>
      </c>
      <c r="BX36" s="25">
        <v>5580</v>
      </c>
      <c r="BY36" s="25">
        <v>0</v>
      </c>
      <c r="BZ36" s="28">
        <v>53060</v>
      </c>
      <c r="CA36" s="29">
        <v>53060</v>
      </c>
      <c r="CB36" s="24">
        <v>0</v>
      </c>
      <c r="CC36" s="25">
        <v>0</v>
      </c>
      <c r="CD36" s="26">
        <v>0</v>
      </c>
      <c r="CE36" s="27">
        <v>0</v>
      </c>
      <c r="CF36" s="25">
        <v>990</v>
      </c>
      <c r="CG36" s="25">
        <v>0</v>
      </c>
      <c r="CH36" s="25">
        <v>0</v>
      </c>
      <c r="CI36" s="25">
        <v>0</v>
      </c>
      <c r="CJ36" s="25">
        <v>0</v>
      </c>
      <c r="CK36" s="28">
        <v>990</v>
      </c>
      <c r="CL36" s="29">
        <v>990</v>
      </c>
      <c r="CM36" s="24">
        <v>0</v>
      </c>
      <c r="CN36" s="25">
        <v>0</v>
      </c>
      <c r="CO36" s="26">
        <v>0</v>
      </c>
      <c r="CP36" s="27">
        <v>0</v>
      </c>
      <c r="CQ36" s="25">
        <v>0</v>
      </c>
      <c r="CR36" s="25">
        <v>0</v>
      </c>
      <c r="CS36" s="25">
        <v>0</v>
      </c>
      <c r="CT36" s="25">
        <v>0</v>
      </c>
      <c r="CU36" s="25">
        <v>0</v>
      </c>
      <c r="CV36" s="28">
        <v>0</v>
      </c>
      <c r="CW36" s="29">
        <v>0</v>
      </c>
      <c r="CX36" s="24">
        <v>0</v>
      </c>
      <c r="CY36" s="25">
        <v>0</v>
      </c>
      <c r="CZ36" s="26">
        <v>0</v>
      </c>
      <c r="DA36" s="404">
        <v>0</v>
      </c>
      <c r="DB36" s="25">
        <v>0</v>
      </c>
      <c r="DC36" s="25">
        <v>0</v>
      </c>
      <c r="DD36" s="25">
        <v>0</v>
      </c>
      <c r="DE36" s="25">
        <v>0</v>
      </c>
      <c r="DF36" s="25">
        <v>0</v>
      </c>
      <c r="DG36" s="28">
        <v>0</v>
      </c>
      <c r="DH36" s="29">
        <v>0</v>
      </c>
      <c r="DI36" s="24">
        <v>0</v>
      </c>
      <c r="DJ36" s="25">
        <v>0</v>
      </c>
      <c r="DK36" s="26">
        <v>0</v>
      </c>
      <c r="DL36" s="27">
        <v>0</v>
      </c>
      <c r="DM36" s="25">
        <v>5731</v>
      </c>
      <c r="DN36" s="25">
        <v>89545</v>
      </c>
      <c r="DO36" s="25">
        <v>412750</v>
      </c>
      <c r="DP36" s="25">
        <v>508776</v>
      </c>
      <c r="DQ36" s="25">
        <v>162244</v>
      </c>
      <c r="DR36" s="28">
        <v>1179046</v>
      </c>
      <c r="DS36" s="30">
        <v>1179046</v>
      </c>
      <c r="DT36" s="24">
        <v>0</v>
      </c>
      <c r="DU36" s="25">
        <v>0</v>
      </c>
      <c r="DV36" s="26">
        <v>0</v>
      </c>
      <c r="DW36" s="404">
        <v>0</v>
      </c>
      <c r="DX36" s="25">
        <v>0</v>
      </c>
      <c r="DY36" s="25">
        <v>51646</v>
      </c>
      <c r="DZ36" s="25">
        <v>378817</v>
      </c>
      <c r="EA36" s="25">
        <v>462075</v>
      </c>
      <c r="EB36" s="25">
        <v>161572</v>
      </c>
      <c r="EC36" s="28">
        <v>1054110</v>
      </c>
      <c r="ED36" s="29">
        <v>1054110</v>
      </c>
      <c r="EE36" s="24">
        <v>0</v>
      </c>
      <c r="EF36" s="25">
        <v>0</v>
      </c>
      <c r="EG36" s="26">
        <v>0</v>
      </c>
      <c r="EH36" s="404">
        <v>0</v>
      </c>
      <c r="EI36" s="25">
        <v>651</v>
      </c>
      <c r="EJ36" s="25">
        <v>12121</v>
      </c>
      <c r="EK36" s="25">
        <v>15822</v>
      </c>
      <c r="EL36" s="25">
        <v>12989</v>
      </c>
      <c r="EM36" s="25">
        <v>455</v>
      </c>
      <c r="EN36" s="28">
        <v>42038</v>
      </c>
      <c r="EO36" s="29">
        <v>42038</v>
      </c>
      <c r="EP36" s="24">
        <v>0</v>
      </c>
      <c r="EQ36" s="25">
        <v>0</v>
      </c>
      <c r="ER36" s="26">
        <v>0</v>
      </c>
      <c r="ES36" s="404">
        <v>0</v>
      </c>
      <c r="ET36" s="25">
        <v>0</v>
      </c>
      <c r="EU36" s="25">
        <v>0</v>
      </c>
      <c r="EV36" s="25">
        <v>0</v>
      </c>
      <c r="EW36" s="25">
        <v>0</v>
      </c>
      <c r="EX36" s="25">
        <v>0</v>
      </c>
      <c r="EY36" s="28">
        <v>0</v>
      </c>
      <c r="EZ36" s="29">
        <v>0</v>
      </c>
      <c r="FA36" s="24">
        <v>0</v>
      </c>
      <c r="FB36" s="25">
        <v>0</v>
      </c>
      <c r="FC36" s="26">
        <v>0</v>
      </c>
      <c r="FD36" s="404">
        <v>0</v>
      </c>
      <c r="FE36" s="25">
        <v>0</v>
      </c>
      <c r="FF36" s="25">
        <v>12338</v>
      </c>
      <c r="FG36" s="25">
        <v>651</v>
      </c>
      <c r="FH36" s="25">
        <v>22997</v>
      </c>
      <c r="FI36" s="25">
        <v>217</v>
      </c>
      <c r="FJ36" s="28">
        <v>36203</v>
      </c>
      <c r="FK36" s="29">
        <v>36203</v>
      </c>
      <c r="FL36" s="24">
        <v>0</v>
      </c>
      <c r="FM36" s="25">
        <v>0</v>
      </c>
      <c r="FN36" s="26">
        <v>0</v>
      </c>
      <c r="FO36" s="404">
        <v>0</v>
      </c>
      <c r="FP36" s="25">
        <v>0</v>
      </c>
      <c r="FQ36" s="25">
        <v>0</v>
      </c>
      <c r="FR36" s="25">
        <v>0</v>
      </c>
      <c r="FS36" s="25">
        <v>0</v>
      </c>
      <c r="FT36" s="25">
        <v>0</v>
      </c>
      <c r="FU36" s="28">
        <v>0</v>
      </c>
      <c r="FV36" s="29">
        <v>0</v>
      </c>
      <c r="FW36" s="24">
        <v>0</v>
      </c>
      <c r="FX36" s="25">
        <v>0</v>
      </c>
      <c r="FY36" s="26">
        <v>0</v>
      </c>
      <c r="FZ36" s="27">
        <v>0</v>
      </c>
      <c r="GA36" s="25">
        <v>5024</v>
      </c>
      <c r="GB36" s="25">
        <v>13440</v>
      </c>
      <c r="GC36" s="25">
        <v>17460</v>
      </c>
      <c r="GD36" s="25">
        <v>10715</v>
      </c>
      <c r="GE36" s="25">
        <v>0</v>
      </c>
      <c r="GF36" s="28">
        <v>46639</v>
      </c>
      <c r="GG36" s="29">
        <v>46639</v>
      </c>
      <c r="GH36" s="24">
        <v>0</v>
      </c>
      <c r="GI36" s="25">
        <v>0</v>
      </c>
      <c r="GJ36" s="26">
        <v>0</v>
      </c>
      <c r="GK36" s="27">
        <v>0</v>
      </c>
      <c r="GL36" s="25">
        <v>56</v>
      </c>
      <c r="GM36" s="25">
        <v>0</v>
      </c>
      <c r="GN36" s="25">
        <v>0</v>
      </c>
      <c r="GO36" s="25">
        <v>0</v>
      </c>
      <c r="GP36" s="25">
        <v>0</v>
      </c>
      <c r="GQ36" s="28">
        <v>56</v>
      </c>
      <c r="GR36" s="29">
        <v>56</v>
      </c>
      <c r="GS36" s="24">
        <v>0</v>
      </c>
      <c r="GT36" s="25">
        <v>0</v>
      </c>
      <c r="GU36" s="26">
        <v>0</v>
      </c>
      <c r="GV36" s="27">
        <v>0</v>
      </c>
      <c r="GW36" s="25">
        <v>0</v>
      </c>
      <c r="GX36" s="25">
        <v>0</v>
      </c>
      <c r="GY36" s="25">
        <v>0</v>
      </c>
      <c r="GZ36" s="25">
        <v>0</v>
      </c>
      <c r="HA36" s="25">
        <v>0</v>
      </c>
      <c r="HB36" s="28">
        <v>0</v>
      </c>
      <c r="HC36" s="29">
        <v>0</v>
      </c>
      <c r="HD36" s="24">
        <v>0</v>
      </c>
      <c r="HE36" s="25">
        <v>0</v>
      </c>
      <c r="HF36" s="26">
        <v>0</v>
      </c>
      <c r="HG36" s="404">
        <v>0</v>
      </c>
      <c r="HH36" s="25">
        <v>0</v>
      </c>
      <c r="HI36" s="25">
        <v>0</v>
      </c>
      <c r="HJ36" s="25">
        <v>0</v>
      </c>
      <c r="HK36" s="25">
        <v>0</v>
      </c>
      <c r="HL36" s="25">
        <v>0</v>
      </c>
      <c r="HM36" s="28">
        <v>0</v>
      </c>
      <c r="HN36" s="29">
        <v>0</v>
      </c>
      <c r="HO36" s="24">
        <v>0</v>
      </c>
      <c r="HP36" s="25">
        <v>0</v>
      </c>
      <c r="HQ36" s="26">
        <v>0</v>
      </c>
      <c r="HR36" s="27">
        <v>0</v>
      </c>
      <c r="HS36" s="25">
        <v>47871</v>
      </c>
      <c r="HT36" s="25">
        <v>295945</v>
      </c>
      <c r="HU36" s="25">
        <v>848170</v>
      </c>
      <c r="HV36" s="25">
        <v>1239801</v>
      </c>
      <c r="HW36" s="25">
        <v>390804</v>
      </c>
      <c r="HX36" s="28">
        <v>2822591</v>
      </c>
      <c r="HY36" s="29">
        <v>2822591</v>
      </c>
    </row>
    <row r="37" spans="2:233" ht="21" customHeight="1" x14ac:dyDescent="0.2">
      <c r="B37" s="106" t="s">
        <v>34</v>
      </c>
      <c r="C37" s="24">
        <v>0</v>
      </c>
      <c r="D37" s="25">
        <v>0</v>
      </c>
      <c r="E37" s="26">
        <v>0</v>
      </c>
      <c r="F37" s="27">
        <v>0</v>
      </c>
      <c r="G37" s="25">
        <v>29915</v>
      </c>
      <c r="H37" s="25">
        <v>106265</v>
      </c>
      <c r="I37" s="25">
        <v>70970</v>
      </c>
      <c r="J37" s="25">
        <v>219499</v>
      </c>
      <c r="K37" s="25">
        <v>163370</v>
      </c>
      <c r="L37" s="28">
        <v>590019</v>
      </c>
      <c r="M37" s="29">
        <v>590019</v>
      </c>
      <c r="N37" s="24">
        <v>0</v>
      </c>
      <c r="O37" s="25">
        <v>0</v>
      </c>
      <c r="P37" s="26">
        <v>0</v>
      </c>
      <c r="Q37" s="404">
        <v>0</v>
      </c>
      <c r="R37" s="25">
        <v>0</v>
      </c>
      <c r="S37" s="25">
        <v>0</v>
      </c>
      <c r="T37" s="25">
        <v>32550</v>
      </c>
      <c r="U37" s="25">
        <v>204880</v>
      </c>
      <c r="V37" s="25">
        <v>95325</v>
      </c>
      <c r="W37" s="28">
        <v>332755</v>
      </c>
      <c r="X37" s="29">
        <v>332755</v>
      </c>
      <c r="Y37" s="24">
        <v>0</v>
      </c>
      <c r="Z37" s="25">
        <v>0</v>
      </c>
      <c r="AA37" s="26">
        <v>0</v>
      </c>
      <c r="AB37" s="404">
        <v>0</v>
      </c>
      <c r="AC37" s="25">
        <v>29915</v>
      </c>
      <c r="AD37" s="25">
        <v>99285</v>
      </c>
      <c r="AE37" s="25">
        <v>38130</v>
      </c>
      <c r="AF37" s="25">
        <v>5270</v>
      </c>
      <c r="AG37" s="25">
        <v>35340</v>
      </c>
      <c r="AH37" s="28">
        <v>207940</v>
      </c>
      <c r="AI37" s="29">
        <v>207940</v>
      </c>
      <c r="AJ37" s="24">
        <v>0</v>
      </c>
      <c r="AK37" s="25">
        <v>0</v>
      </c>
      <c r="AL37" s="26">
        <v>0</v>
      </c>
      <c r="AM37" s="404">
        <v>0</v>
      </c>
      <c r="AN37" s="25">
        <v>0</v>
      </c>
      <c r="AO37" s="25">
        <v>0</v>
      </c>
      <c r="AP37" s="25">
        <v>0</v>
      </c>
      <c r="AQ37" s="25">
        <v>0</v>
      </c>
      <c r="AR37" s="25">
        <v>0</v>
      </c>
      <c r="AS37" s="28">
        <v>0</v>
      </c>
      <c r="AT37" s="29">
        <v>0</v>
      </c>
      <c r="AU37" s="24">
        <v>0</v>
      </c>
      <c r="AV37" s="25">
        <v>0</v>
      </c>
      <c r="AW37" s="26">
        <v>0</v>
      </c>
      <c r="AX37" s="404">
        <v>0</v>
      </c>
      <c r="AY37" s="25">
        <v>0</v>
      </c>
      <c r="AZ37" s="25">
        <v>0</v>
      </c>
      <c r="BA37" s="25">
        <v>0</v>
      </c>
      <c r="BB37" s="25">
        <v>0</v>
      </c>
      <c r="BC37" s="25">
        <v>32705</v>
      </c>
      <c r="BD37" s="28">
        <v>32705</v>
      </c>
      <c r="BE37" s="29">
        <v>32705</v>
      </c>
      <c r="BF37" s="24">
        <v>0</v>
      </c>
      <c r="BG37" s="25">
        <v>0</v>
      </c>
      <c r="BH37" s="26">
        <v>0</v>
      </c>
      <c r="BI37" s="404">
        <v>0</v>
      </c>
      <c r="BJ37" s="25">
        <v>0</v>
      </c>
      <c r="BK37" s="25">
        <v>0</v>
      </c>
      <c r="BL37" s="25">
        <v>0</v>
      </c>
      <c r="BM37" s="25">
        <v>0</v>
      </c>
      <c r="BN37" s="25">
        <v>0</v>
      </c>
      <c r="BO37" s="28">
        <v>0</v>
      </c>
      <c r="BP37" s="29">
        <v>0</v>
      </c>
      <c r="BQ37" s="24">
        <v>0</v>
      </c>
      <c r="BR37" s="25">
        <v>0</v>
      </c>
      <c r="BS37" s="26">
        <v>0</v>
      </c>
      <c r="BT37" s="27">
        <v>0</v>
      </c>
      <c r="BU37" s="25">
        <v>0</v>
      </c>
      <c r="BV37" s="25">
        <v>1595</v>
      </c>
      <c r="BW37" s="25">
        <v>290</v>
      </c>
      <c r="BX37" s="25">
        <v>9349</v>
      </c>
      <c r="BY37" s="25">
        <v>0</v>
      </c>
      <c r="BZ37" s="28">
        <v>11234</v>
      </c>
      <c r="CA37" s="29">
        <v>11234</v>
      </c>
      <c r="CB37" s="24">
        <v>0</v>
      </c>
      <c r="CC37" s="25">
        <v>0</v>
      </c>
      <c r="CD37" s="26">
        <v>0</v>
      </c>
      <c r="CE37" s="27">
        <v>0</v>
      </c>
      <c r="CF37" s="25">
        <v>0</v>
      </c>
      <c r="CG37" s="25">
        <v>5385</v>
      </c>
      <c r="CH37" s="25">
        <v>0</v>
      </c>
      <c r="CI37" s="25">
        <v>0</v>
      </c>
      <c r="CJ37" s="25">
        <v>0</v>
      </c>
      <c r="CK37" s="28">
        <v>5385</v>
      </c>
      <c r="CL37" s="29">
        <v>5385</v>
      </c>
      <c r="CM37" s="24">
        <v>0</v>
      </c>
      <c r="CN37" s="25">
        <v>0</v>
      </c>
      <c r="CO37" s="26">
        <v>0</v>
      </c>
      <c r="CP37" s="27">
        <v>0</v>
      </c>
      <c r="CQ37" s="25">
        <v>0</v>
      </c>
      <c r="CR37" s="25">
        <v>0</v>
      </c>
      <c r="CS37" s="25">
        <v>0</v>
      </c>
      <c r="CT37" s="25">
        <v>0</v>
      </c>
      <c r="CU37" s="25">
        <v>0</v>
      </c>
      <c r="CV37" s="28">
        <v>0</v>
      </c>
      <c r="CW37" s="29">
        <v>0</v>
      </c>
      <c r="CX37" s="24">
        <v>0</v>
      </c>
      <c r="CY37" s="25">
        <v>0</v>
      </c>
      <c r="CZ37" s="26">
        <v>0</v>
      </c>
      <c r="DA37" s="404">
        <v>0</v>
      </c>
      <c r="DB37" s="25">
        <v>0</v>
      </c>
      <c r="DC37" s="25">
        <v>0</v>
      </c>
      <c r="DD37" s="25">
        <v>0</v>
      </c>
      <c r="DE37" s="25">
        <v>0</v>
      </c>
      <c r="DF37" s="25">
        <v>0</v>
      </c>
      <c r="DG37" s="28">
        <v>0</v>
      </c>
      <c r="DH37" s="29">
        <v>0</v>
      </c>
      <c r="DI37" s="24">
        <v>0</v>
      </c>
      <c r="DJ37" s="25">
        <v>0</v>
      </c>
      <c r="DK37" s="26">
        <v>0</v>
      </c>
      <c r="DL37" s="27">
        <v>0</v>
      </c>
      <c r="DM37" s="25">
        <v>10633</v>
      </c>
      <c r="DN37" s="25">
        <v>7262</v>
      </c>
      <c r="DO37" s="25">
        <v>87910</v>
      </c>
      <c r="DP37" s="25">
        <v>329043</v>
      </c>
      <c r="DQ37" s="25">
        <v>82367</v>
      </c>
      <c r="DR37" s="28">
        <v>517215</v>
      </c>
      <c r="DS37" s="30">
        <v>517215</v>
      </c>
      <c r="DT37" s="24">
        <v>0</v>
      </c>
      <c r="DU37" s="25">
        <v>0</v>
      </c>
      <c r="DV37" s="26">
        <v>0</v>
      </c>
      <c r="DW37" s="404">
        <v>0</v>
      </c>
      <c r="DX37" s="25">
        <v>0</v>
      </c>
      <c r="DY37" s="25">
        <v>0</v>
      </c>
      <c r="DZ37" s="25">
        <v>73222</v>
      </c>
      <c r="EA37" s="25">
        <v>300287</v>
      </c>
      <c r="EB37" s="25">
        <v>81716</v>
      </c>
      <c r="EC37" s="28">
        <v>455225</v>
      </c>
      <c r="ED37" s="29">
        <v>455225</v>
      </c>
      <c r="EE37" s="24">
        <v>0</v>
      </c>
      <c r="EF37" s="25">
        <v>0</v>
      </c>
      <c r="EG37" s="26">
        <v>0</v>
      </c>
      <c r="EH37" s="404">
        <v>0</v>
      </c>
      <c r="EI37" s="25">
        <v>10633</v>
      </c>
      <c r="EJ37" s="25">
        <v>1393</v>
      </c>
      <c r="EK37" s="25">
        <v>11904</v>
      </c>
      <c r="EL37" s="25">
        <v>434</v>
      </c>
      <c r="EM37" s="25">
        <v>434</v>
      </c>
      <c r="EN37" s="28">
        <v>24798</v>
      </c>
      <c r="EO37" s="29">
        <v>24798</v>
      </c>
      <c r="EP37" s="24">
        <v>0</v>
      </c>
      <c r="EQ37" s="25">
        <v>0</v>
      </c>
      <c r="ER37" s="26">
        <v>0</v>
      </c>
      <c r="ES37" s="404">
        <v>0</v>
      </c>
      <c r="ET37" s="25">
        <v>0</v>
      </c>
      <c r="EU37" s="25">
        <v>0</v>
      </c>
      <c r="EV37" s="25">
        <v>0</v>
      </c>
      <c r="EW37" s="25">
        <v>0</v>
      </c>
      <c r="EX37" s="25">
        <v>0</v>
      </c>
      <c r="EY37" s="28">
        <v>0</v>
      </c>
      <c r="EZ37" s="29">
        <v>0</v>
      </c>
      <c r="FA37" s="24">
        <v>0</v>
      </c>
      <c r="FB37" s="25">
        <v>0</v>
      </c>
      <c r="FC37" s="26">
        <v>0</v>
      </c>
      <c r="FD37" s="404">
        <v>0</v>
      </c>
      <c r="FE37" s="25">
        <v>0</v>
      </c>
      <c r="FF37" s="25">
        <v>0</v>
      </c>
      <c r="FG37" s="25">
        <v>0</v>
      </c>
      <c r="FH37" s="25">
        <v>0</v>
      </c>
      <c r="FI37" s="25">
        <v>217</v>
      </c>
      <c r="FJ37" s="28">
        <v>217</v>
      </c>
      <c r="FK37" s="29">
        <v>217</v>
      </c>
      <c r="FL37" s="24">
        <v>0</v>
      </c>
      <c r="FM37" s="25">
        <v>0</v>
      </c>
      <c r="FN37" s="26">
        <v>0</v>
      </c>
      <c r="FO37" s="404">
        <v>0</v>
      </c>
      <c r="FP37" s="25">
        <v>0</v>
      </c>
      <c r="FQ37" s="25">
        <v>0</v>
      </c>
      <c r="FR37" s="25">
        <v>0</v>
      </c>
      <c r="FS37" s="25">
        <v>0</v>
      </c>
      <c r="FT37" s="25">
        <v>0</v>
      </c>
      <c r="FU37" s="28">
        <v>0</v>
      </c>
      <c r="FV37" s="29">
        <v>0</v>
      </c>
      <c r="FW37" s="24">
        <v>0</v>
      </c>
      <c r="FX37" s="25">
        <v>0</v>
      </c>
      <c r="FY37" s="26">
        <v>0</v>
      </c>
      <c r="FZ37" s="27">
        <v>0</v>
      </c>
      <c r="GA37" s="25">
        <v>0</v>
      </c>
      <c r="GB37" s="25">
        <v>5820</v>
      </c>
      <c r="GC37" s="25">
        <v>2784</v>
      </c>
      <c r="GD37" s="25">
        <v>28322</v>
      </c>
      <c r="GE37" s="25">
        <v>0</v>
      </c>
      <c r="GF37" s="28">
        <v>36926</v>
      </c>
      <c r="GG37" s="29">
        <v>36926</v>
      </c>
      <c r="GH37" s="24">
        <v>0</v>
      </c>
      <c r="GI37" s="25">
        <v>0</v>
      </c>
      <c r="GJ37" s="26">
        <v>0</v>
      </c>
      <c r="GK37" s="27">
        <v>0</v>
      </c>
      <c r="GL37" s="25">
        <v>0</v>
      </c>
      <c r="GM37" s="25">
        <v>49</v>
      </c>
      <c r="GN37" s="25">
        <v>0</v>
      </c>
      <c r="GO37" s="25">
        <v>0</v>
      </c>
      <c r="GP37" s="25">
        <v>0</v>
      </c>
      <c r="GQ37" s="28">
        <v>49</v>
      </c>
      <c r="GR37" s="29">
        <v>49</v>
      </c>
      <c r="GS37" s="24">
        <v>0</v>
      </c>
      <c r="GT37" s="25">
        <v>0</v>
      </c>
      <c r="GU37" s="26">
        <v>0</v>
      </c>
      <c r="GV37" s="27">
        <v>0</v>
      </c>
      <c r="GW37" s="25">
        <v>0</v>
      </c>
      <c r="GX37" s="25">
        <v>0</v>
      </c>
      <c r="GY37" s="25">
        <v>0</v>
      </c>
      <c r="GZ37" s="25">
        <v>0</v>
      </c>
      <c r="HA37" s="25">
        <v>0</v>
      </c>
      <c r="HB37" s="28">
        <v>0</v>
      </c>
      <c r="HC37" s="29">
        <v>0</v>
      </c>
      <c r="HD37" s="24">
        <v>0</v>
      </c>
      <c r="HE37" s="25">
        <v>0</v>
      </c>
      <c r="HF37" s="26">
        <v>0</v>
      </c>
      <c r="HG37" s="404">
        <v>0</v>
      </c>
      <c r="HH37" s="25">
        <v>0</v>
      </c>
      <c r="HI37" s="25">
        <v>0</v>
      </c>
      <c r="HJ37" s="25">
        <v>0</v>
      </c>
      <c r="HK37" s="25">
        <v>0</v>
      </c>
      <c r="HL37" s="25">
        <v>0</v>
      </c>
      <c r="HM37" s="28">
        <v>0</v>
      </c>
      <c r="HN37" s="29">
        <v>0</v>
      </c>
      <c r="HO37" s="24">
        <v>0</v>
      </c>
      <c r="HP37" s="25">
        <v>0</v>
      </c>
      <c r="HQ37" s="26">
        <v>0</v>
      </c>
      <c r="HR37" s="27">
        <v>0</v>
      </c>
      <c r="HS37" s="25">
        <v>40548</v>
      </c>
      <c r="HT37" s="25">
        <v>113527</v>
      </c>
      <c r="HU37" s="25">
        <v>158880</v>
      </c>
      <c r="HV37" s="25">
        <v>548542</v>
      </c>
      <c r="HW37" s="25">
        <v>245737</v>
      </c>
      <c r="HX37" s="28">
        <v>1107234</v>
      </c>
      <c r="HY37" s="29">
        <v>1107234</v>
      </c>
    </row>
    <row r="38" spans="2:233" ht="21" customHeight="1" x14ac:dyDescent="0.2">
      <c r="B38" s="106" t="s">
        <v>35</v>
      </c>
      <c r="C38" s="24">
        <v>1670</v>
      </c>
      <c r="D38" s="25">
        <v>0</v>
      </c>
      <c r="E38" s="26">
        <v>1670</v>
      </c>
      <c r="F38" s="27">
        <v>0</v>
      </c>
      <c r="G38" s="25">
        <v>82174</v>
      </c>
      <c r="H38" s="25">
        <v>476337</v>
      </c>
      <c r="I38" s="25">
        <v>749492</v>
      </c>
      <c r="J38" s="25">
        <v>755176</v>
      </c>
      <c r="K38" s="25">
        <v>265110</v>
      </c>
      <c r="L38" s="28">
        <v>2328289</v>
      </c>
      <c r="M38" s="29">
        <v>2329959</v>
      </c>
      <c r="N38" s="24">
        <v>0</v>
      </c>
      <c r="O38" s="25">
        <v>0</v>
      </c>
      <c r="P38" s="26">
        <v>0</v>
      </c>
      <c r="Q38" s="404">
        <v>0</v>
      </c>
      <c r="R38" s="25">
        <v>2635</v>
      </c>
      <c r="S38" s="25">
        <v>57350</v>
      </c>
      <c r="T38" s="25">
        <v>362840</v>
      </c>
      <c r="U38" s="25">
        <v>568110</v>
      </c>
      <c r="V38" s="25">
        <v>180935</v>
      </c>
      <c r="W38" s="28">
        <v>1171870</v>
      </c>
      <c r="X38" s="29">
        <v>1171870</v>
      </c>
      <c r="Y38" s="24">
        <v>0</v>
      </c>
      <c r="Z38" s="25">
        <v>0</v>
      </c>
      <c r="AA38" s="26">
        <v>0</v>
      </c>
      <c r="AB38" s="404">
        <v>0</v>
      </c>
      <c r="AC38" s="25">
        <v>67890</v>
      </c>
      <c r="AD38" s="25">
        <v>389980</v>
      </c>
      <c r="AE38" s="25">
        <v>278465</v>
      </c>
      <c r="AF38" s="25">
        <v>128030</v>
      </c>
      <c r="AG38" s="25">
        <v>13185</v>
      </c>
      <c r="AH38" s="28">
        <v>877550</v>
      </c>
      <c r="AI38" s="29">
        <v>877550</v>
      </c>
      <c r="AJ38" s="24">
        <v>0</v>
      </c>
      <c r="AK38" s="25">
        <v>0</v>
      </c>
      <c r="AL38" s="26">
        <v>0</v>
      </c>
      <c r="AM38" s="404">
        <v>0</v>
      </c>
      <c r="AN38" s="25">
        <v>0</v>
      </c>
      <c r="AO38" s="25">
        <v>0</v>
      </c>
      <c r="AP38" s="25">
        <v>0</v>
      </c>
      <c r="AQ38" s="25">
        <v>0</v>
      </c>
      <c r="AR38" s="25">
        <v>0</v>
      </c>
      <c r="AS38" s="28">
        <v>0</v>
      </c>
      <c r="AT38" s="29">
        <v>0</v>
      </c>
      <c r="AU38" s="24">
        <v>0</v>
      </c>
      <c r="AV38" s="25">
        <v>0</v>
      </c>
      <c r="AW38" s="26">
        <v>0</v>
      </c>
      <c r="AX38" s="404">
        <v>0</v>
      </c>
      <c r="AY38" s="25">
        <v>0</v>
      </c>
      <c r="AZ38" s="25">
        <v>32705</v>
      </c>
      <c r="BA38" s="25">
        <v>106485</v>
      </c>
      <c r="BB38" s="25">
        <v>35495</v>
      </c>
      <c r="BC38" s="25">
        <v>70990</v>
      </c>
      <c r="BD38" s="28">
        <v>245675</v>
      </c>
      <c r="BE38" s="29">
        <v>245675</v>
      </c>
      <c r="BF38" s="24">
        <v>0</v>
      </c>
      <c r="BG38" s="25">
        <v>0</v>
      </c>
      <c r="BH38" s="26">
        <v>0</v>
      </c>
      <c r="BI38" s="404">
        <v>0</v>
      </c>
      <c r="BJ38" s="25">
        <v>0</v>
      </c>
      <c r="BK38" s="25">
        <v>0</v>
      </c>
      <c r="BL38" s="25">
        <v>0</v>
      </c>
      <c r="BM38" s="25">
        <v>0</v>
      </c>
      <c r="BN38" s="25">
        <v>0</v>
      </c>
      <c r="BO38" s="28">
        <v>0</v>
      </c>
      <c r="BP38" s="29">
        <v>0</v>
      </c>
      <c r="BQ38" s="24">
        <v>1670</v>
      </c>
      <c r="BR38" s="25">
        <v>0</v>
      </c>
      <c r="BS38" s="26">
        <v>1670</v>
      </c>
      <c r="BT38" s="27">
        <v>0</v>
      </c>
      <c r="BU38" s="25">
        <v>11504</v>
      </c>
      <c r="BV38" s="25">
        <v>-3698</v>
      </c>
      <c r="BW38" s="25">
        <v>452</v>
      </c>
      <c r="BX38" s="25">
        <v>22816</v>
      </c>
      <c r="BY38" s="25">
        <v>0</v>
      </c>
      <c r="BZ38" s="28">
        <v>31074</v>
      </c>
      <c r="CA38" s="29">
        <v>32744</v>
      </c>
      <c r="CB38" s="24">
        <v>0</v>
      </c>
      <c r="CC38" s="25">
        <v>0</v>
      </c>
      <c r="CD38" s="26">
        <v>0</v>
      </c>
      <c r="CE38" s="27">
        <v>0</v>
      </c>
      <c r="CF38" s="25">
        <v>145</v>
      </c>
      <c r="CG38" s="25">
        <v>0</v>
      </c>
      <c r="CH38" s="25">
        <v>1250</v>
      </c>
      <c r="CI38" s="25">
        <v>725</v>
      </c>
      <c r="CJ38" s="25">
        <v>0</v>
      </c>
      <c r="CK38" s="28">
        <v>2120</v>
      </c>
      <c r="CL38" s="29">
        <v>2120</v>
      </c>
      <c r="CM38" s="24">
        <v>0</v>
      </c>
      <c r="CN38" s="25">
        <v>0</v>
      </c>
      <c r="CO38" s="26">
        <v>0</v>
      </c>
      <c r="CP38" s="27">
        <v>0</v>
      </c>
      <c r="CQ38" s="25">
        <v>0</v>
      </c>
      <c r="CR38" s="25">
        <v>0</v>
      </c>
      <c r="CS38" s="25">
        <v>0</v>
      </c>
      <c r="CT38" s="25">
        <v>0</v>
      </c>
      <c r="CU38" s="25">
        <v>0</v>
      </c>
      <c r="CV38" s="28">
        <v>0</v>
      </c>
      <c r="CW38" s="29">
        <v>0</v>
      </c>
      <c r="CX38" s="24">
        <v>0</v>
      </c>
      <c r="CY38" s="25">
        <v>0</v>
      </c>
      <c r="CZ38" s="26">
        <v>0</v>
      </c>
      <c r="DA38" s="404">
        <v>0</v>
      </c>
      <c r="DB38" s="25">
        <v>0</v>
      </c>
      <c r="DC38" s="25">
        <v>0</v>
      </c>
      <c r="DD38" s="25">
        <v>0</v>
      </c>
      <c r="DE38" s="25">
        <v>0</v>
      </c>
      <c r="DF38" s="25">
        <v>0</v>
      </c>
      <c r="DG38" s="28">
        <v>0</v>
      </c>
      <c r="DH38" s="29">
        <v>0</v>
      </c>
      <c r="DI38" s="24">
        <v>1410</v>
      </c>
      <c r="DJ38" s="25">
        <v>0</v>
      </c>
      <c r="DK38" s="26">
        <v>1410</v>
      </c>
      <c r="DL38" s="27">
        <v>0</v>
      </c>
      <c r="DM38" s="25">
        <v>54393</v>
      </c>
      <c r="DN38" s="25">
        <v>71997</v>
      </c>
      <c r="DO38" s="25">
        <v>396910</v>
      </c>
      <c r="DP38" s="25">
        <v>630571</v>
      </c>
      <c r="DQ38" s="25">
        <v>248012</v>
      </c>
      <c r="DR38" s="28">
        <v>1401883</v>
      </c>
      <c r="DS38" s="30">
        <v>1403293</v>
      </c>
      <c r="DT38" s="24">
        <v>0</v>
      </c>
      <c r="DU38" s="25">
        <v>0</v>
      </c>
      <c r="DV38" s="26">
        <v>0</v>
      </c>
      <c r="DW38" s="404">
        <v>0</v>
      </c>
      <c r="DX38" s="25">
        <v>15035</v>
      </c>
      <c r="DY38" s="25">
        <v>58342</v>
      </c>
      <c r="DZ38" s="25">
        <v>352635</v>
      </c>
      <c r="EA38" s="25">
        <v>576081</v>
      </c>
      <c r="EB38" s="25">
        <v>212641</v>
      </c>
      <c r="EC38" s="28">
        <v>1214734</v>
      </c>
      <c r="ED38" s="29">
        <v>1214734</v>
      </c>
      <c r="EE38" s="24">
        <v>0</v>
      </c>
      <c r="EF38" s="25">
        <v>0</v>
      </c>
      <c r="EG38" s="26">
        <v>0</v>
      </c>
      <c r="EH38" s="404">
        <v>0</v>
      </c>
      <c r="EI38" s="25">
        <v>22847</v>
      </c>
      <c r="EJ38" s="25">
        <v>14787</v>
      </c>
      <c r="EK38" s="25">
        <v>2751</v>
      </c>
      <c r="EL38" s="25">
        <v>1302</v>
      </c>
      <c r="EM38" s="25">
        <v>11997</v>
      </c>
      <c r="EN38" s="28">
        <v>53684</v>
      </c>
      <c r="EO38" s="29">
        <v>53684</v>
      </c>
      <c r="EP38" s="24">
        <v>0</v>
      </c>
      <c r="EQ38" s="25">
        <v>0</v>
      </c>
      <c r="ER38" s="26">
        <v>0</v>
      </c>
      <c r="ES38" s="404">
        <v>0</v>
      </c>
      <c r="ET38" s="25">
        <v>0</v>
      </c>
      <c r="EU38" s="25">
        <v>0</v>
      </c>
      <c r="EV38" s="25">
        <v>0</v>
      </c>
      <c r="EW38" s="25">
        <v>0</v>
      </c>
      <c r="EX38" s="25">
        <v>0</v>
      </c>
      <c r="EY38" s="28">
        <v>0</v>
      </c>
      <c r="EZ38" s="29">
        <v>0</v>
      </c>
      <c r="FA38" s="24">
        <v>0</v>
      </c>
      <c r="FB38" s="25">
        <v>0</v>
      </c>
      <c r="FC38" s="26">
        <v>0</v>
      </c>
      <c r="FD38" s="404">
        <v>0</v>
      </c>
      <c r="FE38" s="25">
        <v>0</v>
      </c>
      <c r="FF38" s="25">
        <v>217</v>
      </c>
      <c r="FG38" s="25">
        <v>35061</v>
      </c>
      <c r="FH38" s="25">
        <v>11687</v>
      </c>
      <c r="FI38" s="25">
        <v>23374</v>
      </c>
      <c r="FJ38" s="28">
        <v>70339</v>
      </c>
      <c r="FK38" s="29">
        <v>70339</v>
      </c>
      <c r="FL38" s="24">
        <v>0</v>
      </c>
      <c r="FM38" s="25">
        <v>0</v>
      </c>
      <c r="FN38" s="26">
        <v>0</v>
      </c>
      <c r="FO38" s="404">
        <v>0</v>
      </c>
      <c r="FP38" s="25">
        <v>0</v>
      </c>
      <c r="FQ38" s="25">
        <v>0</v>
      </c>
      <c r="FR38" s="25">
        <v>0</v>
      </c>
      <c r="FS38" s="25">
        <v>0</v>
      </c>
      <c r="FT38" s="25">
        <v>0</v>
      </c>
      <c r="FU38" s="28">
        <v>0</v>
      </c>
      <c r="FV38" s="29">
        <v>0</v>
      </c>
      <c r="FW38" s="24">
        <v>1410</v>
      </c>
      <c r="FX38" s="25">
        <v>0</v>
      </c>
      <c r="FY38" s="26">
        <v>1410</v>
      </c>
      <c r="FZ38" s="27">
        <v>0</v>
      </c>
      <c r="GA38" s="25">
        <v>16490</v>
      </c>
      <c r="GB38" s="25">
        <v>-1349</v>
      </c>
      <c r="GC38" s="25">
        <v>6435</v>
      </c>
      <c r="GD38" s="25">
        <v>41417</v>
      </c>
      <c r="GE38" s="25">
        <v>0</v>
      </c>
      <c r="GF38" s="28">
        <v>62993</v>
      </c>
      <c r="GG38" s="29">
        <v>64403</v>
      </c>
      <c r="GH38" s="24">
        <v>0</v>
      </c>
      <c r="GI38" s="25">
        <v>0</v>
      </c>
      <c r="GJ38" s="26">
        <v>0</v>
      </c>
      <c r="GK38" s="27">
        <v>0</v>
      </c>
      <c r="GL38" s="25">
        <v>21</v>
      </c>
      <c r="GM38" s="25">
        <v>0</v>
      </c>
      <c r="GN38" s="25">
        <v>28</v>
      </c>
      <c r="GO38" s="25">
        <v>84</v>
      </c>
      <c r="GP38" s="25">
        <v>0</v>
      </c>
      <c r="GQ38" s="28">
        <v>133</v>
      </c>
      <c r="GR38" s="29">
        <v>133</v>
      </c>
      <c r="GS38" s="24">
        <v>0</v>
      </c>
      <c r="GT38" s="25">
        <v>0</v>
      </c>
      <c r="GU38" s="26">
        <v>0</v>
      </c>
      <c r="GV38" s="27">
        <v>0</v>
      </c>
      <c r="GW38" s="25">
        <v>0</v>
      </c>
      <c r="GX38" s="25">
        <v>0</v>
      </c>
      <c r="GY38" s="25">
        <v>0</v>
      </c>
      <c r="GZ38" s="25">
        <v>0</v>
      </c>
      <c r="HA38" s="25">
        <v>0</v>
      </c>
      <c r="HB38" s="28">
        <v>0</v>
      </c>
      <c r="HC38" s="29">
        <v>0</v>
      </c>
      <c r="HD38" s="24">
        <v>0</v>
      </c>
      <c r="HE38" s="25">
        <v>0</v>
      </c>
      <c r="HF38" s="26">
        <v>0</v>
      </c>
      <c r="HG38" s="404">
        <v>0</v>
      </c>
      <c r="HH38" s="25">
        <v>0</v>
      </c>
      <c r="HI38" s="25">
        <v>0</v>
      </c>
      <c r="HJ38" s="25">
        <v>0</v>
      </c>
      <c r="HK38" s="25">
        <v>0</v>
      </c>
      <c r="HL38" s="25">
        <v>0</v>
      </c>
      <c r="HM38" s="28">
        <v>0</v>
      </c>
      <c r="HN38" s="29">
        <v>0</v>
      </c>
      <c r="HO38" s="24">
        <v>3080</v>
      </c>
      <c r="HP38" s="25">
        <v>0</v>
      </c>
      <c r="HQ38" s="26">
        <v>3080</v>
      </c>
      <c r="HR38" s="27">
        <v>0</v>
      </c>
      <c r="HS38" s="25">
        <v>136567</v>
      </c>
      <c r="HT38" s="25">
        <v>548334</v>
      </c>
      <c r="HU38" s="25">
        <v>1146402</v>
      </c>
      <c r="HV38" s="25">
        <v>1385747</v>
      </c>
      <c r="HW38" s="25">
        <v>513122</v>
      </c>
      <c r="HX38" s="28">
        <v>3730172</v>
      </c>
      <c r="HY38" s="29">
        <v>3733252</v>
      </c>
    </row>
    <row r="39" spans="2:233" ht="21" customHeight="1" x14ac:dyDescent="0.2">
      <c r="B39" s="106" t="s">
        <v>36</v>
      </c>
      <c r="C39" s="24">
        <v>0</v>
      </c>
      <c r="D39" s="25">
        <v>0</v>
      </c>
      <c r="E39" s="26">
        <v>0</v>
      </c>
      <c r="F39" s="27">
        <v>0</v>
      </c>
      <c r="G39" s="25">
        <v>64315</v>
      </c>
      <c r="H39" s="25">
        <v>275138</v>
      </c>
      <c r="I39" s="25">
        <v>670693</v>
      </c>
      <c r="J39" s="25">
        <v>1257696</v>
      </c>
      <c r="K39" s="25">
        <v>608480</v>
      </c>
      <c r="L39" s="28">
        <v>2876322</v>
      </c>
      <c r="M39" s="29">
        <v>2876322</v>
      </c>
      <c r="N39" s="24">
        <v>0</v>
      </c>
      <c r="O39" s="25">
        <v>0</v>
      </c>
      <c r="P39" s="26">
        <v>0</v>
      </c>
      <c r="Q39" s="404">
        <v>0</v>
      </c>
      <c r="R39" s="25">
        <v>0</v>
      </c>
      <c r="S39" s="25">
        <v>92845</v>
      </c>
      <c r="T39" s="25">
        <v>430938</v>
      </c>
      <c r="U39" s="25">
        <v>728878</v>
      </c>
      <c r="V39" s="25">
        <v>393625</v>
      </c>
      <c r="W39" s="28">
        <v>1646286</v>
      </c>
      <c r="X39" s="29">
        <v>1646286</v>
      </c>
      <c r="Y39" s="24">
        <v>0</v>
      </c>
      <c r="Z39" s="25">
        <v>0</v>
      </c>
      <c r="AA39" s="26">
        <v>0</v>
      </c>
      <c r="AB39" s="404">
        <v>0</v>
      </c>
      <c r="AC39" s="25">
        <v>48515</v>
      </c>
      <c r="AD39" s="25">
        <v>126180</v>
      </c>
      <c r="AE39" s="25">
        <v>239320</v>
      </c>
      <c r="AF39" s="25">
        <v>403680</v>
      </c>
      <c r="AG39" s="25">
        <v>102195</v>
      </c>
      <c r="AH39" s="28">
        <v>919890</v>
      </c>
      <c r="AI39" s="29">
        <v>919890</v>
      </c>
      <c r="AJ39" s="24">
        <v>0</v>
      </c>
      <c r="AK39" s="25">
        <v>0</v>
      </c>
      <c r="AL39" s="26">
        <v>0</v>
      </c>
      <c r="AM39" s="404">
        <v>0</v>
      </c>
      <c r="AN39" s="25">
        <v>0</v>
      </c>
      <c r="AO39" s="25">
        <v>0</v>
      </c>
      <c r="AP39" s="25">
        <v>0</v>
      </c>
      <c r="AQ39" s="25">
        <v>0</v>
      </c>
      <c r="AR39" s="25">
        <v>0</v>
      </c>
      <c r="AS39" s="28">
        <v>0</v>
      </c>
      <c r="AT39" s="29">
        <v>0</v>
      </c>
      <c r="AU39" s="24">
        <v>0</v>
      </c>
      <c r="AV39" s="25">
        <v>0</v>
      </c>
      <c r="AW39" s="26">
        <v>0</v>
      </c>
      <c r="AX39" s="404">
        <v>0</v>
      </c>
      <c r="AY39" s="25">
        <v>0</v>
      </c>
      <c r="AZ39" s="25">
        <v>0</v>
      </c>
      <c r="BA39" s="25">
        <v>0</v>
      </c>
      <c r="BB39" s="25">
        <v>98115</v>
      </c>
      <c r="BC39" s="25">
        <v>7905</v>
      </c>
      <c r="BD39" s="28">
        <v>106020</v>
      </c>
      <c r="BE39" s="29">
        <v>106020</v>
      </c>
      <c r="BF39" s="24">
        <v>0</v>
      </c>
      <c r="BG39" s="25">
        <v>0</v>
      </c>
      <c r="BH39" s="26">
        <v>0</v>
      </c>
      <c r="BI39" s="404">
        <v>0</v>
      </c>
      <c r="BJ39" s="25">
        <v>0</v>
      </c>
      <c r="BK39" s="25">
        <v>0</v>
      </c>
      <c r="BL39" s="25">
        <v>0</v>
      </c>
      <c r="BM39" s="25">
        <v>0</v>
      </c>
      <c r="BN39" s="25">
        <v>0</v>
      </c>
      <c r="BO39" s="28">
        <v>0</v>
      </c>
      <c r="BP39" s="29">
        <v>0</v>
      </c>
      <c r="BQ39" s="24">
        <v>0</v>
      </c>
      <c r="BR39" s="25">
        <v>0</v>
      </c>
      <c r="BS39" s="26">
        <v>0</v>
      </c>
      <c r="BT39" s="27">
        <v>0</v>
      </c>
      <c r="BU39" s="25">
        <v>10865</v>
      </c>
      <c r="BV39" s="25">
        <v>56113</v>
      </c>
      <c r="BW39" s="25">
        <v>435</v>
      </c>
      <c r="BX39" s="25">
        <v>26298</v>
      </c>
      <c r="BY39" s="25">
        <v>104755</v>
      </c>
      <c r="BZ39" s="28">
        <v>198466</v>
      </c>
      <c r="CA39" s="29">
        <v>198466</v>
      </c>
      <c r="CB39" s="24">
        <v>0</v>
      </c>
      <c r="CC39" s="25">
        <v>0</v>
      </c>
      <c r="CD39" s="26">
        <v>0</v>
      </c>
      <c r="CE39" s="27">
        <v>0</v>
      </c>
      <c r="CF39" s="25">
        <v>4935</v>
      </c>
      <c r="CG39" s="25">
        <v>0</v>
      </c>
      <c r="CH39" s="25">
        <v>0</v>
      </c>
      <c r="CI39" s="25">
        <v>725</v>
      </c>
      <c r="CJ39" s="25">
        <v>0</v>
      </c>
      <c r="CK39" s="28">
        <v>5660</v>
      </c>
      <c r="CL39" s="29">
        <v>5660</v>
      </c>
      <c r="CM39" s="24">
        <v>0</v>
      </c>
      <c r="CN39" s="25">
        <v>0</v>
      </c>
      <c r="CO39" s="26">
        <v>0</v>
      </c>
      <c r="CP39" s="27">
        <v>0</v>
      </c>
      <c r="CQ39" s="25">
        <v>0</v>
      </c>
      <c r="CR39" s="25">
        <v>0</v>
      </c>
      <c r="CS39" s="25">
        <v>0</v>
      </c>
      <c r="CT39" s="25">
        <v>0</v>
      </c>
      <c r="CU39" s="25">
        <v>0</v>
      </c>
      <c r="CV39" s="28">
        <v>0</v>
      </c>
      <c r="CW39" s="29">
        <v>0</v>
      </c>
      <c r="CX39" s="24">
        <v>0</v>
      </c>
      <c r="CY39" s="25">
        <v>0</v>
      </c>
      <c r="CZ39" s="26">
        <v>0</v>
      </c>
      <c r="DA39" s="404">
        <v>0</v>
      </c>
      <c r="DB39" s="25">
        <v>0</v>
      </c>
      <c r="DC39" s="25">
        <v>0</v>
      </c>
      <c r="DD39" s="25">
        <v>0</v>
      </c>
      <c r="DE39" s="25">
        <v>0</v>
      </c>
      <c r="DF39" s="25">
        <v>0</v>
      </c>
      <c r="DG39" s="28">
        <v>0</v>
      </c>
      <c r="DH39" s="29">
        <v>0</v>
      </c>
      <c r="DI39" s="24">
        <v>0</v>
      </c>
      <c r="DJ39" s="25">
        <v>0</v>
      </c>
      <c r="DK39" s="26">
        <v>0</v>
      </c>
      <c r="DL39" s="27">
        <v>0</v>
      </c>
      <c r="DM39" s="25">
        <v>10111</v>
      </c>
      <c r="DN39" s="25">
        <v>126720</v>
      </c>
      <c r="DO39" s="25">
        <v>620740</v>
      </c>
      <c r="DP39" s="25">
        <v>928502</v>
      </c>
      <c r="DQ39" s="25">
        <v>649062</v>
      </c>
      <c r="DR39" s="28">
        <v>2335135</v>
      </c>
      <c r="DS39" s="30">
        <v>2335135</v>
      </c>
      <c r="DT39" s="24">
        <v>0</v>
      </c>
      <c r="DU39" s="25">
        <v>0</v>
      </c>
      <c r="DV39" s="26">
        <v>0</v>
      </c>
      <c r="DW39" s="404">
        <v>0</v>
      </c>
      <c r="DX39" s="25">
        <v>0</v>
      </c>
      <c r="DY39" s="25">
        <v>63116</v>
      </c>
      <c r="DZ39" s="25">
        <v>614778</v>
      </c>
      <c r="EA39" s="25">
        <v>838315</v>
      </c>
      <c r="EB39" s="25">
        <v>539965</v>
      </c>
      <c r="EC39" s="28">
        <v>2056174</v>
      </c>
      <c r="ED39" s="29">
        <v>2056174</v>
      </c>
      <c r="EE39" s="24">
        <v>0</v>
      </c>
      <c r="EF39" s="25">
        <v>0</v>
      </c>
      <c r="EG39" s="26">
        <v>0</v>
      </c>
      <c r="EH39" s="404">
        <v>0</v>
      </c>
      <c r="EI39" s="25">
        <v>1519</v>
      </c>
      <c r="EJ39" s="25">
        <v>2520</v>
      </c>
      <c r="EK39" s="25">
        <v>3052</v>
      </c>
      <c r="EL39" s="25">
        <v>27426</v>
      </c>
      <c r="EM39" s="25">
        <v>23739</v>
      </c>
      <c r="EN39" s="28">
        <v>58256</v>
      </c>
      <c r="EO39" s="29">
        <v>58256</v>
      </c>
      <c r="EP39" s="24">
        <v>0</v>
      </c>
      <c r="EQ39" s="25">
        <v>0</v>
      </c>
      <c r="ER39" s="26">
        <v>0</v>
      </c>
      <c r="ES39" s="404">
        <v>0</v>
      </c>
      <c r="ET39" s="25">
        <v>0</v>
      </c>
      <c r="EU39" s="25">
        <v>0</v>
      </c>
      <c r="EV39" s="25">
        <v>0</v>
      </c>
      <c r="EW39" s="25">
        <v>0</v>
      </c>
      <c r="EX39" s="25">
        <v>0</v>
      </c>
      <c r="EY39" s="28">
        <v>0</v>
      </c>
      <c r="EZ39" s="29">
        <v>0</v>
      </c>
      <c r="FA39" s="24">
        <v>0</v>
      </c>
      <c r="FB39" s="25">
        <v>0</v>
      </c>
      <c r="FC39" s="26">
        <v>0</v>
      </c>
      <c r="FD39" s="404">
        <v>0</v>
      </c>
      <c r="FE39" s="25">
        <v>0</v>
      </c>
      <c r="FF39" s="25">
        <v>0</v>
      </c>
      <c r="FG39" s="25">
        <v>0</v>
      </c>
      <c r="FH39" s="25">
        <v>12338</v>
      </c>
      <c r="FI39" s="25">
        <v>434</v>
      </c>
      <c r="FJ39" s="28">
        <v>12772</v>
      </c>
      <c r="FK39" s="29">
        <v>12772</v>
      </c>
      <c r="FL39" s="24">
        <v>0</v>
      </c>
      <c r="FM39" s="25">
        <v>0</v>
      </c>
      <c r="FN39" s="26">
        <v>0</v>
      </c>
      <c r="FO39" s="404">
        <v>0</v>
      </c>
      <c r="FP39" s="25">
        <v>0</v>
      </c>
      <c r="FQ39" s="25">
        <v>0</v>
      </c>
      <c r="FR39" s="25">
        <v>0</v>
      </c>
      <c r="FS39" s="25">
        <v>0</v>
      </c>
      <c r="FT39" s="25">
        <v>0</v>
      </c>
      <c r="FU39" s="28">
        <v>0</v>
      </c>
      <c r="FV39" s="29">
        <v>0</v>
      </c>
      <c r="FW39" s="24">
        <v>0</v>
      </c>
      <c r="FX39" s="25">
        <v>0</v>
      </c>
      <c r="FY39" s="26">
        <v>0</v>
      </c>
      <c r="FZ39" s="27">
        <v>0</v>
      </c>
      <c r="GA39" s="25">
        <v>8550</v>
      </c>
      <c r="GB39" s="25">
        <v>61084</v>
      </c>
      <c r="GC39" s="25">
        <v>2910</v>
      </c>
      <c r="GD39" s="25">
        <v>50388</v>
      </c>
      <c r="GE39" s="25">
        <v>84924</v>
      </c>
      <c r="GF39" s="28">
        <v>207856</v>
      </c>
      <c r="GG39" s="29">
        <v>207856</v>
      </c>
      <c r="GH39" s="24">
        <v>0</v>
      </c>
      <c r="GI39" s="25">
        <v>0</v>
      </c>
      <c r="GJ39" s="26">
        <v>0</v>
      </c>
      <c r="GK39" s="27">
        <v>0</v>
      </c>
      <c r="GL39" s="25">
        <v>42</v>
      </c>
      <c r="GM39" s="25">
        <v>0</v>
      </c>
      <c r="GN39" s="25">
        <v>0</v>
      </c>
      <c r="GO39" s="25">
        <v>35</v>
      </c>
      <c r="GP39" s="25">
        <v>0</v>
      </c>
      <c r="GQ39" s="28">
        <v>77</v>
      </c>
      <c r="GR39" s="29">
        <v>77</v>
      </c>
      <c r="GS39" s="24">
        <v>0</v>
      </c>
      <c r="GT39" s="25">
        <v>0</v>
      </c>
      <c r="GU39" s="26">
        <v>0</v>
      </c>
      <c r="GV39" s="27">
        <v>0</v>
      </c>
      <c r="GW39" s="25">
        <v>0</v>
      </c>
      <c r="GX39" s="25">
        <v>0</v>
      </c>
      <c r="GY39" s="25">
        <v>0</v>
      </c>
      <c r="GZ39" s="25">
        <v>0</v>
      </c>
      <c r="HA39" s="25">
        <v>0</v>
      </c>
      <c r="HB39" s="28">
        <v>0</v>
      </c>
      <c r="HC39" s="29">
        <v>0</v>
      </c>
      <c r="HD39" s="24">
        <v>0</v>
      </c>
      <c r="HE39" s="25">
        <v>0</v>
      </c>
      <c r="HF39" s="26">
        <v>0</v>
      </c>
      <c r="HG39" s="404">
        <v>0</v>
      </c>
      <c r="HH39" s="25">
        <v>0</v>
      </c>
      <c r="HI39" s="25">
        <v>0</v>
      </c>
      <c r="HJ39" s="25">
        <v>0</v>
      </c>
      <c r="HK39" s="25">
        <v>0</v>
      </c>
      <c r="HL39" s="25">
        <v>0</v>
      </c>
      <c r="HM39" s="28">
        <v>0</v>
      </c>
      <c r="HN39" s="29">
        <v>0</v>
      </c>
      <c r="HO39" s="24">
        <v>0</v>
      </c>
      <c r="HP39" s="25">
        <v>0</v>
      </c>
      <c r="HQ39" s="26">
        <v>0</v>
      </c>
      <c r="HR39" s="27">
        <v>0</v>
      </c>
      <c r="HS39" s="25">
        <v>74426</v>
      </c>
      <c r="HT39" s="25">
        <v>401858</v>
      </c>
      <c r="HU39" s="25">
        <v>1291433</v>
      </c>
      <c r="HV39" s="25">
        <v>2186198</v>
      </c>
      <c r="HW39" s="25">
        <v>1257542</v>
      </c>
      <c r="HX39" s="28">
        <v>5211457</v>
      </c>
      <c r="HY39" s="29">
        <v>5211457</v>
      </c>
    </row>
    <row r="40" spans="2:233" ht="21" customHeight="1" thickBot="1" x14ac:dyDescent="0.25">
      <c r="B40" s="108" t="s">
        <v>37</v>
      </c>
      <c r="C40" s="31">
        <v>0</v>
      </c>
      <c r="D40" s="32">
        <v>0</v>
      </c>
      <c r="E40" s="33">
        <v>0</v>
      </c>
      <c r="F40" s="34">
        <v>0</v>
      </c>
      <c r="G40" s="32">
        <v>0</v>
      </c>
      <c r="H40" s="32">
        <v>2635</v>
      </c>
      <c r="I40" s="32">
        <v>103850</v>
      </c>
      <c r="J40" s="32">
        <v>92465</v>
      </c>
      <c r="K40" s="32">
        <v>95325</v>
      </c>
      <c r="L40" s="35">
        <v>294275</v>
      </c>
      <c r="M40" s="36">
        <v>294275</v>
      </c>
      <c r="N40" s="31">
        <v>0</v>
      </c>
      <c r="O40" s="32">
        <v>0</v>
      </c>
      <c r="P40" s="33">
        <v>0</v>
      </c>
      <c r="Q40" s="405">
        <v>0</v>
      </c>
      <c r="R40" s="32">
        <v>0</v>
      </c>
      <c r="S40" s="32">
        <v>0</v>
      </c>
      <c r="T40" s="32">
        <v>35425</v>
      </c>
      <c r="U40" s="32">
        <v>46795</v>
      </c>
      <c r="V40" s="32">
        <v>70680</v>
      </c>
      <c r="W40" s="35">
        <v>152900</v>
      </c>
      <c r="X40" s="36">
        <v>152900</v>
      </c>
      <c r="Y40" s="31">
        <v>0</v>
      </c>
      <c r="Z40" s="32">
        <v>0</v>
      </c>
      <c r="AA40" s="33">
        <v>0</v>
      </c>
      <c r="AB40" s="405">
        <v>0</v>
      </c>
      <c r="AC40" s="32">
        <v>0</v>
      </c>
      <c r="AD40" s="32">
        <v>2635</v>
      </c>
      <c r="AE40" s="32">
        <v>68045</v>
      </c>
      <c r="AF40" s="32">
        <v>32705</v>
      </c>
      <c r="AG40" s="32">
        <v>24645</v>
      </c>
      <c r="AH40" s="35">
        <v>128030</v>
      </c>
      <c r="AI40" s="36">
        <v>128030</v>
      </c>
      <c r="AJ40" s="31">
        <v>0</v>
      </c>
      <c r="AK40" s="32">
        <v>0</v>
      </c>
      <c r="AL40" s="33">
        <v>0</v>
      </c>
      <c r="AM40" s="405">
        <v>0</v>
      </c>
      <c r="AN40" s="32">
        <v>0</v>
      </c>
      <c r="AO40" s="32">
        <v>0</v>
      </c>
      <c r="AP40" s="32">
        <v>0</v>
      </c>
      <c r="AQ40" s="32">
        <v>0</v>
      </c>
      <c r="AR40" s="32">
        <v>0</v>
      </c>
      <c r="AS40" s="35">
        <v>0</v>
      </c>
      <c r="AT40" s="36">
        <v>0</v>
      </c>
      <c r="AU40" s="31">
        <v>0</v>
      </c>
      <c r="AV40" s="32">
        <v>0</v>
      </c>
      <c r="AW40" s="33">
        <v>0</v>
      </c>
      <c r="AX40" s="405">
        <v>0</v>
      </c>
      <c r="AY40" s="32">
        <v>0</v>
      </c>
      <c r="AZ40" s="32">
        <v>0</v>
      </c>
      <c r="BA40" s="32">
        <v>0</v>
      </c>
      <c r="BB40" s="32">
        <v>0</v>
      </c>
      <c r="BC40" s="32">
        <v>0</v>
      </c>
      <c r="BD40" s="35">
        <v>0</v>
      </c>
      <c r="BE40" s="36">
        <v>0</v>
      </c>
      <c r="BF40" s="31">
        <v>0</v>
      </c>
      <c r="BG40" s="32">
        <v>0</v>
      </c>
      <c r="BH40" s="33">
        <v>0</v>
      </c>
      <c r="BI40" s="405">
        <v>0</v>
      </c>
      <c r="BJ40" s="32">
        <v>0</v>
      </c>
      <c r="BK40" s="32">
        <v>0</v>
      </c>
      <c r="BL40" s="32">
        <v>0</v>
      </c>
      <c r="BM40" s="32">
        <v>0</v>
      </c>
      <c r="BN40" s="32">
        <v>0</v>
      </c>
      <c r="BO40" s="35">
        <v>0</v>
      </c>
      <c r="BP40" s="36">
        <v>0</v>
      </c>
      <c r="BQ40" s="31">
        <v>0</v>
      </c>
      <c r="BR40" s="32">
        <v>0</v>
      </c>
      <c r="BS40" s="33">
        <v>0</v>
      </c>
      <c r="BT40" s="34">
        <v>0</v>
      </c>
      <c r="BU40" s="32">
        <v>0</v>
      </c>
      <c r="BV40" s="32">
        <v>0</v>
      </c>
      <c r="BW40" s="32">
        <v>380</v>
      </c>
      <c r="BX40" s="32">
        <v>12965</v>
      </c>
      <c r="BY40" s="32">
        <v>0</v>
      </c>
      <c r="BZ40" s="35">
        <v>13345</v>
      </c>
      <c r="CA40" s="36">
        <v>13345</v>
      </c>
      <c r="CB40" s="31">
        <v>0</v>
      </c>
      <c r="CC40" s="32">
        <v>0</v>
      </c>
      <c r="CD40" s="33">
        <v>0</v>
      </c>
      <c r="CE40" s="34">
        <v>0</v>
      </c>
      <c r="CF40" s="32">
        <v>0</v>
      </c>
      <c r="CG40" s="32">
        <v>0</v>
      </c>
      <c r="CH40" s="32">
        <v>0</v>
      </c>
      <c r="CI40" s="32">
        <v>0</v>
      </c>
      <c r="CJ40" s="32">
        <v>0</v>
      </c>
      <c r="CK40" s="35">
        <v>0</v>
      </c>
      <c r="CL40" s="36">
        <v>0</v>
      </c>
      <c r="CM40" s="31">
        <v>0</v>
      </c>
      <c r="CN40" s="32">
        <v>0</v>
      </c>
      <c r="CO40" s="33">
        <v>0</v>
      </c>
      <c r="CP40" s="34">
        <v>0</v>
      </c>
      <c r="CQ40" s="32">
        <v>0</v>
      </c>
      <c r="CR40" s="32">
        <v>0</v>
      </c>
      <c r="CS40" s="32">
        <v>0</v>
      </c>
      <c r="CT40" s="32">
        <v>0</v>
      </c>
      <c r="CU40" s="32">
        <v>0</v>
      </c>
      <c r="CV40" s="35">
        <v>0</v>
      </c>
      <c r="CW40" s="36">
        <v>0</v>
      </c>
      <c r="CX40" s="31">
        <v>0</v>
      </c>
      <c r="CY40" s="32">
        <v>0</v>
      </c>
      <c r="CZ40" s="33">
        <v>0</v>
      </c>
      <c r="DA40" s="405">
        <v>0</v>
      </c>
      <c r="DB40" s="32">
        <v>0</v>
      </c>
      <c r="DC40" s="32">
        <v>0</v>
      </c>
      <c r="DD40" s="32">
        <v>0</v>
      </c>
      <c r="DE40" s="32">
        <v>0</v>
      </c>
      <c r="DF40" s="32">
        <v>0</v>
      </c>
      <c r="DG40" s="35">
        <v>0</v>
      </c>
      <c r="DH40" s="36">
        <v>0</v>
      </c>
      <c r="DI40" s="31">
        <v>0</v>
      </c>
      <c r="DJ40" s="32">
        <v>0</v>
      </c>
      <c r="DK40" s="33">
        <v>0</v>
      </c>
      <c r="DL40" s="34">
        <v>0</v>
      </c>
      <c r="DM40" s="32">
        <v>0</v>
      </c>
      <c r="DN40" s="32">
        <v>217</v>
      </c>
      <c r="DO40" s="32">
        <v>40320</v>
      </c>
      <c r="DP40" s="32">
        <v>90569</v>
      </c>
      <c r="DQ40" s="32">
        <v>82088</v>
      </c>
      <c r="DR40" s="35">
        <v>213194</v>
      </c>
      <c r="DS40" s="37">
        <v>213194</v>
      </c>
      <c r="DT40" s="31">
        <v>0</v>
      </c>
      <c r="DU40" s="32">
        <v>0</v>
      </c>
      <c r="DV40" s="33">
        <v>0</v>
      </c>
      <c r="DW40" s="405">
        <v>0</v>
      </c>
      <c r="DX40" s="32">
        <v>0</v>
      </c>
      <c r="DY40" s="32">
        <v>0</v>
      </c>
      <c r="DZ40" s="32">
        <v>38699</v>
      </c>
      <c r="EA40" s="32">
        <v>70622</v>
      </c>
      <c r="EB40" s="32">
        <v>81871</v>
      </c>
      <c r="EC40" s="35">
        <v>191192</v>
      </c>
      <c r="ED40" s="36">
        <v>191192</v>
      </c>
      <c r="EE40" s="31">
        <v>0</v>
      </c>
      <c r="EF40" s="32">
        <v>0</v>
      </c>
      <c r="EG40" s="33">
        <v>0</v>
      </c>
      <c r="EH40" s="405">
        <v>0</v>
      </c>
      <c r="EI40" s="32">
        <v>0</v>
      </c>
      <c r="EJ40" s="32">
        <v>217</v>
      </c>
      <c r="EK40" s="32">
        <v>651</v>
      </c>
      <c r="EL40" s="32">
        <v>217</v>
      </c>
      <c r="EM40" s="32">
        <v>217</v>
      </c>
      <c r="EN40" s="35">
        <v>1302</v>
      </c>
      <c r="EO40" s="36">
        <v>1302</v>
      </c>
      <c r="EP40" s="31">
        <v>0</v>
      </c>
      <c r="EQ40" s="32">
        <v>0</v>
      </c>
      <c r="ER40" s="33">
        <v>0</v>
      </c>
      <c r="ES40" s="405">
        <v>0</v>
      </c>
      <c r="ET40" s="32">
        <v>0</v>
      </c>
      <c r="EU40" s="32">
        <v>0</v>
      </c>
      <c r="EV40" s="32">
        <v>0</v>
      </c>
      <c r="EW40" s="32">
        <v>0</v>
      </c>
      <c r="EX40" s="32">
        <v>0</v>
      </c>
      <c r="EY40" s="35">
        <v>0</v>
      </c>
      <c r="EZ40" s="36">
        <v>0</v>
      </c>
      <c r="FA40" s="31">
        <v>0</v>
      </c>
      <c r="FB40" s="32">
        <v>0</v>
      </c>
      <c r="FC40" s="33">
        <v>0</v>
      </c>
      <c r="FD40" s="405">
        <v>0</v>
      </c>
      <c r="FE40" s="32">
        <v>0</v>
      </c>
      <c r="FF40" s="32">
        <v>0</v>
      </c>
      <c r="FG40" s="32">
        <v>0</v>
      </c>
      <c r="FH40" s="32">
        <v>0</v>
      </c>
      <c r="FI40" s="32">
        <v>0</v>
      </c>
      <c r="FJ40" s="35">
        <v>0</v>
      </c>
      <c r="FK40" s="36">
        <v>0</v>
      </c>
      <c r="FL40" s="31">
        <v>0</v>
      </c>
      <c r="FM40" s="32">
        <v>0</v>
      </c>
      <c r="FN40" s="33">
        <v>0</v>
      </c>
      <c r="FO40" s="405">
        <v>0</v>
      </c>
      <c r="FP40" s="32">
        <v>0</v>
      </c>
      <c r="FQ40" s="32">
        <v>0</v>
      </c>
      <c r="FR40" s="32">
        <v>0</v>
      </c>
      <c r="FS40" s="32">
        <v>0</v>
      </c>
      <c r="FT40" s="32">
        <v>0</v>
      </c>
      <c r="FU40" s="35">
        <v>0</v>
      </c>
      <c r="FV40" s="36">
        <v>0</v>
      </c>
      <c r="FW40" s="31">
        <v>0</v>
      </c>
      <c r="FX40" s="32">
        <v>0</v>
      </c>
      <c r="FY40" s="33">
        <v>0</v>
      </c>
      <c r="FZ40" s="34">
        <v>0</v>
      </c>
      <c r="GA40" s="32">
        <v>0</v>
      </c>
      <c r="GB40" s="32">
        <v>0</v>
      </c>
      <c r="GC40" s="32">
        <v>970</v>
      </c>
      <c r="GD40" s="32">
        <v>19730</v>
      </c>
      <c r="GE40" s="32">
        <v>0</v>
      </c>
      <c r="GF40" s="35">
        <v>20700</v>
      </c>
      <c r="GG40" s="36">
        <v>20700</v>
      </c>
      <c r="GH40" s="31">
        <v>0</v>
      </c>
      <c r="GI40" s="32">
        <v>0</v>
      </c>
      <c r="GJ40" s="33">
        <v>0</v>
      </c>
      <c r="GK40" s="34">
        <v>0</v>
      </c>
      <c r="GL40" s="32">
        <v>0</v>
      </c>
      <c r="GM40" s="32">
        <v>0</v>
      </c>
      <c r="GN40" s="32">
        <v>0</v>
      </c>
      <c r="GO40" s="32">
        <v>0</v>
      </c>
      <c r="GP40" s="32">
        <v>0</v>
      </c>
      <c r="GQ40" s="35">
        <v>0</v>
      </c>
      <c r="GR40" s="36">
        <v>0</v>
      </c>
      <c r="GS40" s="31">
        <v>0</v>
      </c>
      <c r="GT40" s="32">
        <v>0</v>
      </c>
      <c r="GU40" s="33">
        <v>0</v>
      </c>
      <c r="GV40" s="34">
        <v>0</v>
      </c>
      <c r="GW40" s="32">
        <v>0</v>
      </c>
      <c r="GX40" s="32">
        <v>0</v>
      </c>
      <c r="GY40" s="32">
        <v>0</v>
      </c>
      <c r="GZ40" s="32">
        <v>0</v>
      </c>
      <c r="HA40" s="32">
        <v>0</v>
      </c>
      <c r="HB40" s="35">
        <v>0</v>
      </c>
      <c r="HC40" s="36">
        <v>0</v>
      </c>
      <c r="HD40" s="31">
        <v>0</v>
      </c>
      <c r="HE40" s="32">
        <v>0</v>
      </c>
      <c r="HF40" s="33">
        <v>0</v>
      </c>
      <c r="HG40" s="405">
        <v>0</v>
      </c>
      <c r="HH40" s="32">
        <v>0</v>
      </c>
      <c r="HI40" s="32">
        <v>0</v>
      </c>
      <c r="HJ40" s="32">
        <v>0</v>
      </c>
      <c r="HK40" s="32">
        <v>0</v>
      </c>
      <c r="HL40" s="32">
        <v>0</v>
      </c>
      <c r="HM40" s="35">
        <v>0</v>
      </c>
      <c r="HN40" s="36">
        <v>0</v>
      </c>
      <c r="HO40" s="31">
        <v>0</v>
      </c>
      <c r="HP40" s="32">
        <v>0</v>
      </c>
      <c r="HQ40" s="33">
        <v>0</v>
      </c>
      <c r="HR40" s="34">
        <v>0</v>
      </c>
      <c r="HS40" s="32">
        <v>0</v>
      </c>
      <c r="HT40" s="32">
        <v>2852</v>
      </c>
      <c r="HU40" s="32">
        <v>144170</v>
      </c>
      <c r="HV40" s="32">
        <v>183034</v>
      </c>
      <c r="HW40" s="32">
        <v>177413</v>
      </c>
      <c r="HX40" s="35">
        <v>507469</v>
      </c>
      <c r="HY40" s="36">
        <v>507469</v>
      </c>
    </row>
    <row r="41" spans="2:233" x14ac:dyDescent="0.2">
      <c r="B41" s="71" t="s">
        <v>84</v>
      </c>
    </row>
  </sheetData>
  <mergeCells count="88">
    <mergeCell ref="G1:H1"/>
    <mergeCell ref="HD4:HN4"/>
    <mergeCell ref="DI3:HN3"/>
    <mergeCell ref="EP4:EZ4"/>
    <mergeCell ref="FL4:FV4"/>
    <mergeCell ref="CX4:DH4"/>
    <mergeCell ref="C3:DH3"/>
    <mergeCell ref="DI4:DS4"/>
    <mergeCell ref="DT4:ED4"/>
    <mergeCell ref="C4:M4"/>
    <mergeCell ref="N4:X4"/>
    <mergeCell ref="Y4:AI4"/>
    <mergeCell ref="AJ4:AT4"/>
    <mergeCell ref="BF4:BP4"/>
    <mergeCell ref="AU4:BE4"/>
    <mergeCell ref="HO3:HY4"/>
    <mergeCell ref="EE4:EO4"/>
    <mergeCell ref="FW4:GG4"/>
    <mergeCell ref="GH4:GR4"/>
    <mergeCell ref="GS4:HC4"/>
    <mergeCell ref="FA4:FK4"/>
    <mergeCell ref="C5:E5"/>
    <mergeCell ref="F5:L5"/>
    <mergeCell ref="M5:M6"/>
    <mergeCell ref="N5:P5"/>
    <mergeCell ref="Q5:W5"/>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s>
  <phoneticPr fontId="4"/>
  <pageMargins left="0.59055118110236227" right="0.39370078740157483" top="0.74803149606299213" bottom="0.74803149606299213" header="0.31496062992125984" footer="0.31496062992125984"/>
  <pageSetup paperSize="9" scale="40" orientation="landscape" r:id="rId1"/>
  <headerFooter>
    <oddFooter>&amp;L&amp;20&amp;A&amp;C&amp;P/&amp;N</oddFooter>
  </headerFooter>
  <colBreaks count="6" manualBreakCount="6">
    <brk id="35" max="1048575" man="1"/>
    <brk id="68" max="1048575" man="1"/>
    <brk id="102" max="1048575" man="1"/>
    <brk id="134" max="1048575" man="1"/>
    <brk id="167" max="1048575" man="1"/>
    <brk id="200"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93" width="9" style="70"/>
    <col min="94" max="94" width="8.44140625" style="70" customWidth="1"/>
    <col min="95" max="102" width="9" style="70"/>
    <col min="103" max="104" width="9" style="71"/>
    <col min="105" max="105" width="7.77734375" style="71" customWidth="1"/>
    <col min="106" max="115" width="9" style="71"/>
    <col min="116" max="116" width="7.77734375" style="71" customWidth="1"/>
    <col min="117" max="126" width="9" style="71"/>
    <col min="127" max="127" width="7.77734375" style="71" customWidth="1"/>
    <col min="128" max="137" width="9" style="71"/>
    <col min="138" max="138" width="8" style="71" customWidth="1"/>
    <col min="139" max="148" width="9" style="71"/>
    <col min="149" max="149" width="7.77734375" style="71" customWidth="1"/>
    <col min="150" max="159" width="9" style="71"/>
    <col min="160" max="160" width="7.44140625" style="71" customWidth="1"/>
    <col min="161" max="170" width="9" style="71"/>
    <col min="171" max="171" width="7.88671875" style="71" customWidth="1"/>
    <col min="172" max="181" width="9" style="71"/>
    <col min="182" max="182" width="7.21875" style="71" customWidth="1"/>
    <col min="183" max="192" width="9" style="71"/>
    <col min="193" max="193" width="8" style="71" customWidth="1"/>
    <col min="194" max="203" width="9" style="71"/>
    <col min="204" max="204" width="7.88671875" style="71" customWidth="1"/>
    <col min="205" max="214" width="9" style="71"/>
    <col min="215" max="215" width="7.88671875" style="71" customWidth="1"/>
    <col min="216" max="225" width="9" style="71"/>
    <col min="226" max="226" width="7.33203125" style="71" customWidth="1"/>
    <col min="227" max="236" width="9" style="71"/>
    <col min="237" max="237" width="7.6640625" style="71" customWidth="1"/>
    <col min="238" max="247" width="9" style="71"/>
    <col min="248" max="248" width="8" style="71" customWidth="1"/>
    <col min="249" max="258" width="9" style="71"/>
    <col min="259" max="259" width="8" style="71" customWidth="1"/>
    <col min="260" max="269" width="9" style="71"/>
    <col min="270" max="270" width="8" style="71" customWidth="1"/>
    <col min="271" max="280" width="9" style="71"/>
    <col min="281" max="281" width="8" style="71" customWidth="1"/>
    <col min="282" max="291" width="9" style="71"/>
    <col min="292" max="292" width="8.109375" style="71" customWidth="1"/>
    <col min="293" max="16384" width="9" style="71"/>
  </cols>
  <sheetData>
    <row r="1" spans="2:299" ht="24" customHeight="1" x14ac:dyDescent="0.2">
      <c r="B1" s="9" t="s">
        <v>119</v>
      </c>
      <c r="F1" s="441">
        <f>第１表!F2</f>
        <v>6</v>
      </c>
      <c r="G1" s="441"/>
      <c r="H1" s="18">
        <f>第１表!G2</f>
        <v>9</v>
      </c>
      <c r="I1" s="440">
        <f>H1</f>
        <v>9</v>
      </c>
      <c r="J1" s="440"/>
    </row>
    <row r="2" spans="2:299" ht="24" customHeight="1" thickBot="1" x14ac:dyDescent="0.25">
      <c r="B2" s="10" t="s">
        <v>129</v>
      </c>
    </row>
    <row r="3" spans="2:299" ht="21" customHeight="1" thickBot="1" x14ac:dyDescent="0.25">
      <c r="B3" s="427" t="s">
        <v>38</v>
      </c>
      <c r="C3" s="422" t="s">
        <v>96</v>
      </c>
      <c r="D3" s="422"/>
      <c r="E3" s="422"/>
      <c r="F3" s="422"/>
      <c r="G3" s="422"/>
      <c r="H3" s="422"/>
      <c r="I3" s="422"/>
      <c r="J3" s="422"/>
      <c r="K3" s="422"/>
      <c r="L3" s="422"/>
      <c r="M3" s="422"/>
      <c r="N3" s="422"/>
      <c r="O3" s="422"/>
      <c r="P3" s="422"/>
      <c r="Q3" s="422"/>
      <c r="R3" s="422"/>
      <c r="S3" s="422"/>
      <c r="T3" s="422"/>
      <c r="U3" s="422"/>
      <c r="V3" s="422"/>
      <c r="W3" s="422"/>
      <c r="X3" s="422"/>
      <c r="Y3" s="422"/>
      <c r="Z3" s="422"/>
      <c r="AA3" s="422"/>
      <c r="AB3" s="422"/>
      <c r="AC3" s="422"/>
      <c r="AD3" s="422"/>
      <c r="AE3" s="422"/>
      <c r="AF3" s="422"/>
      <c r="AG3" s="422"/>
      <c r="AH3" s="422"/>
      <c r="AI3" s="422"/>
      <c r="AJ3" s="422"/>
      <c r="AK3" s="422"/>
      <c r="AL3" s="422"/>
      <c r="AM3" s="422"/>
      <c r="AN3" s="422"/>
      <c r="AO3" s="422"/>
      <c r="AP3" s="422"/>
      <c r="AQ3" s="422"/>
      <c r="AR3" s="422"/>
      <c r="AS3" s="422"/>
      <c r="AT3" s="422"/>
      <c r="AU3" s="422"/>
      <c r="AV3" s="422"/>
      <c r="AW3" s="422"/>
      <c r="AX3" s="422"/>
      <c r="AY3" s="422"/>
      <c r="AZ3" s="422"/>
      <c r="BA3" s="422"/>
      <c r="BB3" s="422"/>
      <c r="BC3" s="422"/>
      <c r="BD3" s="422"/>
      <c r="BE3" s="422"/>
      <c r="BF3" s="422"/>
      <c r="BG3" s="422"/>
      <c r="BH3" s="422"/>
      <c r="BI3" s="422"/>
      <c r="BJ3" s="422"/>
      <c r="BK3" s="422"/>
      <c r="BL3" s="422"/>
      <c r="BM3" s="422"/>
      <c r="BN3" s="422"/>
      <c r="BO3" s="422"/>
      <c r="BP3" s="422"/>
      <c r="BQ3" s="422"/>
      <c r="BR3" s="422"/>
      <c r="BS3" s="422"/>
      <c r="BT3" s="422"/>
      <c r="BU3" s="422"/>
      <c r="BV3" s="422"/>
      <c r="BW3" s="422"/>
      <c r="BX3" s="422"/>
      <c r="BY3" s="422"/>
      <c r="BZ3" s="422"/>
      <c r="CA3" s="422"/>
      <c r="CB3" s="422"/>
      <c r="CC3" s="422"/>
      <c r="CD3" s="422"/>
      <c r="CE3" s="422"/>
      <c r="CF3" s="422"/>
      <c r="CG3" s="422"/>
      <c r="CH3" s="422"/>
      <c r="CI3" s="422"/>
      <c r="CJ3" s="422"/>
      <c r="CK3" s="422"/>
      <c r="CL3" s="422"/>
      <c r="CM3" s="422"/>
      <c r="CN3" s="422"/>
      <c r="CO3" s="422"/>
      <c r="CP3" s="422"/>
      <c r="CQ3" s="422"/>
      <c r="CR3" s="422"/>
      <c r="CS3" s="422"/>
      <c r="CT3" s="422"/>
      <c r="CU3" s="422"/>
      <c r="CV3" s="422"/>
      <c r="CW3" s="423"/>
      <c r="CX3" s="422" t="s">
        <v>102</v>
      </c>
      <c r="CY3" s="422"/>
      <c r="CZ3" s="422"/>
      <c r="DA3" s="422"/>
      <c r="DB3" s="422"/>
      <c r="DC3" s="422"/>
      <c r="DD3" s="422"/>
      <c r="DE3" s="422"/>
      <c r="DF3" s="422"/>
      <c r="DG3" s="422"/>
      <c r="DH3" s="422"/>
      <c r="DI3" s="422"/>
      <c r="DJ3" s="422"/>
      <c r="DK3" s="422"/>
      <c r="DL3" s="422"/>
      <c r="DM3" s="422"/>
      <c r="DN3" s="422"/>
      <c r="DO3" s="422"/>
      <c r="DP3" s="422"/>
      <c r="DQ3" s="422"/>
      <c r="DR3" s="422"/>
      <c r="DS3" s="422"/>
      <c r="DT3" s="422"/>
      <c r="DU3" s="422"/>
      <c r="DV3" s="422"/>
      <c r="DW3" s="422"/>
      <c r="DX3" s="422"/>
      <c r="DY3" s="422"/>
      <c r="DZ3" s="422"/>
      <c r="EA3" s="422"/>
      <c r="EB3" s="422"/>
      <c r="EC3" s="422"/>
      <c r="ED3" s="422"/>
      <c r="EE3" s="422"/>
      <c r="EF3" s="422"/>
      <c r="EG3" s="422"/>
      <c r="EH3" s="422"/>
      <c r="EI3" s="422"/>
      <c r="EJ3" s="422"/>
      <c r="EK3" s="422"/>
      <c r="EL3" s="422"/>
      <c r="EM3" s="422"/>
      <c r="EN3" s="422"/>
      <c r="EO3" s="422"/>
      <c r="EP3" s="422"/>
      <c r="EQ3" s="422"/>
      <c r="ER3" s="422"/>
      <c r="ES3" s="422"/>
      <c r="ET3" s="422"/>
      <c r="EU3" s="422"/>
      <c r="EV3" s="422"/>
      <c r="EW3" s="422"/>
      <c r="EX3" s="422"/>
      <c r="EY3" s="422"/>
      <c r="EZ3" s="422"/>
      <c r="FA3" s="422"/>
      <c r="FB3" s="422"/>
      <c r="FC3" s="422"/>
      <c r="FD3" s="422"/>
      <c r="FE3" s="422"/>
      <c r="FF3" s="422"/>
      <c r="FG3" s="422"/>
      <c r="FH3" s="422"/>
      <c r="FI3" s="422"/>
      <c r="FJ3" s="422"/>
      <c r="FK3" s="422"/>
      <c r="FL3" s="422"/>
      <c r="FM3" s="422"/>
      <c r="FN3" s="422"/>
      <c r="FO3" s="422"/>
      <c r="FP3" s="422"/>
      <c r="FQ3" s="422"/>
      <c r="FR3" s="422"/>
      <c r="FS3" s="422"/>
      <c r="FT3" s="422"/>
      <c r="FU3" s="422"/>
      <c r="FV3" s="422"/>
      <c r="FW3" s="422"/>
      <c r="FX3" s="422"/>
      <c r="FY3" s="422"/>
      <c r="FZ3" s="422"/>
      <c r="GA3" s="422"/>
      <c r="GB3" s="422"/>
      <c r="GC3" s="422"/>
      <c r="GD3" s="422"/>
      <c r="GE3" s="422"/>
      <c r="GF3" s="422"/>
      <c r="GG3" s="422"/>
      <c r="GH3" s="422"/>
      <c r="GI3" s="422"/>
      <c r="GJ3" s="422"/>
      <c r="GK3" s="422"/>
      <c r="GL3" s="422"/>
      <c r="GM3" s="422"/>
      <c r="GN3" s="422"/>
      <c r="GO3" s="422"/>
      <c r="GP3" s="422"/>
      <c r="GQ3" s="422"/>
      <c r="GR3" s="423"/>
      <c r="GS3" s="422" t="s">
        <v>103</v>
      </c>
      <c r="GT3" s="422"/>
      <c r="GU3" s="422"/>
      <c r="GV3" s="422"/>
      <c r="GW3" s="422"/>
      <c r="GX3" s="422"/>
      <c r="GY3" s="422"/>
      <c r="GZ3" s="422"/>
      <c r="HA3" s="422"/>
      <c r="HB3" s="422"/>
      <c r="HC3" s="422"/>
      <c r="HD3" s="422"/>
      <c r="HE3" s="422"/>
      <c r="HF3" s="422"/>
      <c r="HG3" s="422"/>
      <c r="HH3" s="422"/>
      <c r="HI3" s="422"/>
      <c r="HJ3" s="422"/>
      <c r="HK3" s="422"/>
      <c r="HL3" s="422"/>
      <c r="HM3" s="422"/>
      <c r="HN3" s="422"/>
      <c r="HO3" s="422"/>
      <c r="HP3" s="422"/>
      <c r="HQ3" s="422"/>
      <c r="HR3" s="422"/>
      <c r="HS3" s="422"/>
      <c r="HT3" s="422"/>
      <c r="HU3" s="422"/>
      <c r="HV3" s="422"/>
      <c r="HW3" s="422"/>
      <c r="HX3" s="422"/>
      <c r="HY3" s="422"/>
      <c r="HZ3" s="422"/>
      <c r="IA3" s="422"/>
      <c r="IB3" s="422"/>
      <c r="IC3" s="422"/>
      <c r="ID3" s="422"/>
      <c r="IE3" s="422"/>
      <c r="IF3" s="422"/>
      <c r="IG3" s="422"/>
      <c r="IH3" s="422"/>
      <c r="II3" s="422"/>
      <c r="IJ3" s="422"/>
      <c r="IK3" s="422"/>
      <c r="IL3" s="422"/>
      <c r="IM3" s="422"/>
      <c r="IN3" s="422"/>
      <c r="IO3" s="422"/>
      <c r="IP3" s="422"/>
      <c r="IQ3" s="422"/>
      <c r="IR3" s="422"/>
      <c r="IS3" s="422"/>
      <c r="IT3" s="422"/>
      <c r="IU3" s="422"/>
      <c r="IV3" s="422"/>
      <c r="IW3" s="422"/>
      <c r="IX3" s="422"/>
      <c r="IY3" s="422"/>
      <c r="IZ3" s="422"/>
      <c r="JA3" s="422"/>
      <c r="JB3" s="422"/>
      <c r="JC3" s="422"/>
      <c r="JD3" s="422"/>
      <c r="JE3" s="422"/>
      <c r="JF3" s="422"/>
      <c r="JG3" s="422"/>
      <c r="JH3" s="422"/>
      <c r="JI3" s="422"/>
      <c r="JJ3" s="422"/>
      <c r="JK3" s="422"/>
      <c r="JL3" s="422"/>
      <c r="JM3" s="422"/>
      <c r="JN3" s="422"/>
      <c r="JO3" s="422"/>
      <c r="JP3" s="422"/>
      <c r="JQ3" s="422"/>
      <c r="JR3" s="422"/>
      <c r="JS3" s="422"/>
      <c r="JT3" s="422"/>
      <c r="JU3" s="422"/>
      <c r="JV3" s="422"/>
      <c r="JW3" s="422"/>
      <c r="JX3" s="422"/>
      <c r="JY3" s="422"/>
      <c r="JZ3" s="422"/>
      <c r="KA3" s="422"/>
      <c r="KB3" s="422"/>
      <c r="KC3" s="422"/>
      <c r="KD3" s="422"/>
      <c r="KE3" s="422"/>
      <c r="KF3" s="422"/>
      <c r="KG3" s="422"/>
      <c r="KH3" s="422"/>
      <c r="KI3" s="422"/>
      <c r="KJ3" s="422"/>
      <c r="KK3" s="422"/>
      <c r="KL3" s="422"/>
      <c r="KM3" s="423"/>
    </row>
    <row r="4" spans="2:299" ht="21" customHeight="1" thickBot="1" x14ac:dyDescent="0.25">
      <c r="B4" s="439"/>
      <c r="C4" s="424" t="s">
        <v>39</v>
      </c>
      <c r="D4" s="425"/>
      <c r="E4" s="425"/>
      <c r="F4" s="425"/>
      <c r="G4" s="425"/>
      <c r="H4" s="425"/>
      <c r="I4" s="425"/>
      <c r="J4" s="425"/>
      <c r="K4" s="425"/>
      <c r="L4" s="425"/>
      <c r="M4" s="425"/>
      <c r="N4" s="425"/>
      <c r="O4" s="425"/>
      <c r="P4" s="425"/>
      <c r="Q4" s="425"/>
      <c r="R4" s="425"/>
      <c r="S4" s="425"/>
      <c r="T4" s="425"/>
      <c r="U4" s="425"/>
      <c r="V4" s="425"/>
      <c r="W4" s="425"/>
      <c r="X4" s="425"/>
      <c r="Y4" s="425"/>
      <c r="Z4" s="425"/>
      <c r="AA4" s="425"/>
      <c r="AB4" s="425"/>
      <c r="AC4" s="425"/>
      <c r="AD4" s="425"/>
      <c r="AE4" s="425"/>
      <c r="AF4" s="425"/>
      <c r="AG4" s="425"/>
      <c r="AH4" s="425"/>
      <c r="AI4" s="425"/>
      <c r="AJ4" s="425"/>
      <c r="AK4" s="425"/>
      <c r="AL4" s="425"/>
      <c r="AM4" s="425"/>
      <c r="AN4" s="425"/>
      <c r="AO4" s="425"/>
      <c r="AP4" s="425"/>
      <c r="AQ4" s="425"/>
      <c r="AR4" s="425"/>
      <c r="AS4" s="425"/>
      <c r="AT4" s="425"/>
      <c r="AU4" s="425"/>
      <c r="AV4" s="425"/>
      <c r="AW4" s="425"/>
      <c r="AX4" s="425"/>
      <c r="AY4" s="425"/>
      <c r="AZ4" s="425"/>
      <c r="BA4" s="425"/>
      <c r="BB4" s="425"/>
      <c r="BC4" s="425"/>
      <c r="BD4" s="425"/>
      <c r="BE4" s="425"/>
      <c r="BF4" s="425"/>
      <c r="BG4" s="425"/>
      <c r="BH4" s="425"/>
      <c r="BI4" s="425"/>
      <c r="BJ4" s="425"/>
      <c r="BK4" s="425"/>
      <c r="BL4" s="425"/>
      <c r="BM4" s="425"/>
      <c r="BN4" s="425"/>
      <c r="BO4" s="425"/>
      <c r="BP4" s="425"/>
      <c r="BQ4" s="425"/>
      <c r="BR4" s="425"/>
      <c r="BS4" s="425"/>
      <c r="BT4" s="425"/>
      <c r="BU4" s="425"/>
      <c r="BV4" s="425"/>
      <c r="BW4" s="425"/>
      <c r="BX4" s="425"/>
      <c r="BY4" s="425"/>
      <c r="BZ4" s="425"/>
      <c r="CA4" s="426"/>
      <c r="CB4" s="427" t="s">
        <v>40</v>
      </c>
      <c r="CC4" s="428"/>
      <c r="CD4" s="428"/>
      <c r="CE4" s="428"/>
      <c r="CF4" s="428"/>
      <c r="CG4" s="428"/>
      <c r="CH4" s="428"/>
      <c r="CI4" s="428"/>
      <c r="CJ4" s="428"/>
      <c r="CK4" s="428"/>
      <c r="CL4" s="429"/>
      <c r="CM4" s="427" t="s">
        <v>41</v>
      </c>
      <c r="CN4" s="428"/>
      <c r="CO4" s="428"/>
      <c r="CP4" s="428"/>
      <c r="CQ4" s="428"/>
      <c r="CR4" s="428"/>
      <c r="CS4" s="428"/>
      <c r="CT4" s="428"/>
      <c r="CU4" s="428"/>
      <c r="CV4" s="428"/>
      <c r="CW4" s="429"/>
      <c r="CX4" s="424" t="s">
        <v>39</v>
      </c>
      <c r="CY4" s="425"/>
      <c r="CZ4" s="425"/>
      <c r="DA4" s="425"/>
      <c r="DB4" s="425"/>
      <c r="DC4" s="425"/>
      <c r="DD4" s="425"/>
      <c r="DE4" s="425"/>
      <c r="DF4" s="425"/>
      <c r="DG4" s="425"/>
      <c r="DH4" s="425"/>
      <c r="DI4" s="425"/>
      <c r="DJ4" s="425"/>
      <c r="DK4" s="425"/>
      <c r="DL4" s="425"/>
      <c r="DM4" s="425"/>
      <c r="DN4" s="425"/>
      <c r="DO4" s="425"/>
      <c r="DP4" s="425"/>
      <c r="DQ4" s="425"/>
      <c r="DR4" s="425"/>
      <c r="DS4" s="425"/>
      <c r="DT4" s="425"/>
      <c r="DU4" s="425"/>
      <c r="DV4" s="425"/>
      <c r="DW4" s="425"/>
      <c r="DX4" s="425"/>
      <c r="DY4" s="425"/>
      <c r="DZ4" s="425"/>
      <c r="EA4" s="425"/>
      <c r="EB4" s="425"/>
      <c r="EC4" s="425"/>
      <c r="ED4" s="425"/>
      <c r="EE4" s="425"/>
      <c r="EF4" s="425"/>
      <c r="EG4" s="425"/>
      <c r="EH4" s="425"/>
      <c r="EI4" s="425"/>
      <c r="EJ4" s="425"/>
      <c r="EK4" s="425"/>
      <c r="EL4" s="425"/>
      <c r="EM4" s="425"/>
      <c r="EN4" s="425"/>
      <c r="EO4" s="425"/>
      <c r="EP4" s="425"/>
      <c r="EQ4" s="425"/>
      <c r="ER4" s="425"/>
      <c r="ES4" s="425"/>
      <c r="ET4" s="425"/>
      <c r="EU4" s="425"/>
      <c r="EV4" s="425"/>
      <c r="EW4" s="425"/>
      <c r="EX4" s="425"/>
      <c r="EY4" s="425"/>
      <c r="EZ4" s="425"/>
      <c r="FA4" s="425"/>
      <c r="FB4" s="425"/>
      <c r="FC4" s="425"/>
      <c r="FD4" s="425"/>
      <c r="FE4" s="425"/>
      <c r="FF4" s="425"/>
      <c r="FG4" s="425"/>
      <c r="FH4" s="425"/>
      <c r="FI4" s="425"/>
      <c r="FJ4" s="425"/>
      <c r="FK4" s="425"/>
      <c r="FL4" s="425"/>
      <c r="FM4" s="425"/>
      <c r="FN4" s="425"/>
      <c r="FO4" s="425"/>
      <c r="FP4" s="425"/>
      <c r="FQ4" s="425"/>
      <c r="FR4" s="425"/>
      <c r="FS4" s="425"/>
      <c r="FT4" s="425"/>
      <c r="FU4" s="425"/>
      <c r="FV4" s="426"/>
      <c r="FW4" s="427" t="s">
        <v>40</v>
      </c>
      <c r="FX4" s="428"/>
      <c r="FY4" s="428"/>
      <c r="FZ4" s="428"/>
      <c r="GA4" s="428"/>
      <c r="GB4" s="428"/>
      <c r="GC4" s="428"/>
      <c r="GD4" s="428"/>
      <c r="GE4" s="428"/>
      <c r="GF4" s="428"/>
      <c r="GG4" s="429"/>
      <c r="GH4" s="427" t="s">
        <v>41</v>
      </c>
      <c r="GI4" s="428"/>
      <c r="GJ4" s="428"/>
      <c r="GK4" s="428"/>
      <c r="GL4" s="428"/>
      <c r="GM4" s="428"/>
      <c r="GN4" s="428"/>
      <c r="GO4" s="428"/>
      <c r="GP4" s="428"/>
      <c r="GQ4" s="428"/>
      <c r="GR4" s="429"/>
      <c r="GS4" s="424" t="s">
        <v>39</v>
      </c>
      <c r="GT4" s="425"/>
      <c r="GU4" s="425"/>
      <c r="GV4" s="425"/>
      <c r="GW4" s="425"/>
      <c r="GX4" s="425"/>
      <c r="GY4" s="425"/>
      <c r="GZ4" s="425"/>
      <c r="HA4" s="425"/>
      <c r="HB4" s="425"/>
      <c r="HC4" s="425"/>
      <c r="HD4" s="425"/>
      <c r="HE4" s="425"/>
      <c r="HF4" s="425"/>
      <c r="HG4" s="425"/>
      <c r="HH4" s="425"/>
      <c r="HI4" s="425"/>
      <c r="HJ4" s="425"/>
      <c r="HK4" s="425"/>
      <c r="HL4" s="425"/>
      <c r="HM4" s="425"/>
      <c r="HN4" s="425"/>
      <c r="HO4" s="425"/>
      <c r="HP4" s="425"/>
      <c r="HQ4" s="425"/>
      <c r="HR4" s="425"/>
      <c r="HS4" s="425"/>
      <c r="HT4" s="425"/>
      <c r="HU4" s="425"/>
      <c r="HV4" s="425"/>
      <c r="HW4" s="425"/>
      <c r="HX4" s="425"/>
      <c r="HY4" s="425"/>
      <c r="HZ4" s="425"/>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6"/>
      <c r="JR4" s="427" t="s">
        <v>40</v>
      </c>
      <c r="JS4" s="428"/>
      <c r="JT4" s="428"/>
      <c r="JU4" s="428"/>
      <c r="JV4" s="428"/>
      <c r="JW4" s="428"/>
      <c r="JX4" s="428"/>
      <c r="JY4" s="428"/>
      <c r="JZ4" s="428"/>
      <c r="KA4" s="428"/>
      <c r="KB4" s="429"/>
      <c r="KC4" s="427" t="s">
        <v>41</v>
      </c>
      <c r="KD4" s="428"/>
      <c r="KE4" s="428"/>
      <c r="KF4" s="428"/>
      <c r="KG4" s="428"/>
      <c r="KH4" s="428"/>
      <c r="KI4" s="428"/>
      <c r="KJ4" s="428"/>
      <c r="KK4" s="428"/>
      <c r="KL4" s="428"/>
      <c r="KM4" s="429"/>
    </row>
    <row r="5" spans="2:299" ht="21" customHeight="1" thickBot="1" x14ac:dyDescent="0.25">
      <c r="B5" s="433"/>
      <c r="C5" s="433"/>
      <c r="D5" s="434"/>
      <c r="E5" s="434"/>
      <c r="F5" s="434"/>
      <c r="G5" s="434"/>
      <c r="H5" s="434"/>
      <c r="I5" s="434"/>
      <c r="J5" s="434"/>
      <c r="K5" s="434"/>
      <c r="L5" s="434"/>
      <c r="M5" s="435"/>
      <c r="N5" s="436" t="s">
        <v>97</v>
      </c>
      <c r="O5" s="437"/>
      <c r="P5" s="437"/>
      <c r="Q5" s="437"/>
      <c r="R5" s="437"/>
      <c r="S5" s="437"/>
      <c r="T5" s="437"/>
      <c r="U5" s="437"/>
      <c r="V5" s="437"/>
      <c r="W5" s="437"/>
      <c r="X5" s="438"/>
      <c r="Y5" s="436" t="s">
        <v>98</v>
      </c>
      <c r="Z5" s="437"/>
      <c r="AA5" s="437"/>
      <c r="AB5" s="437"/>
      <c r="AC5" s="437"/>
      <c r="AD5" s="437"/>
      <c r="AE5" s="437"/>
      <c r="AF5" s="437"/>
      <c r="AG5" s="437"/>
      <c r="AH5" s="437"/>
      <c r="AI5" s="438"/>
      <c r="AJ5" s="436" t="s">
        <v>99</v>
      </c>
      <c r="AK5" s="437"/>
      <c r="AL5" s="437"/>
      <c r="AM5" s="437"/>
      <c r="AN5" s="437"/>
      <c r="AO5" s="437"/>
      <c r="AP5" s="437"/>
      <c r="AQ5" s="437"/>
      <c r="AR5" s="437"/>
      <c r="AS5" s="437"/>
      <c r="AT5" s="438"/>
      <c r="AU5" s="436" t="s">
        <v>100</v>
      </c>
      <c r="AV5" s="437"/>
      <c r="AW5" s="437"/>
      <c r="AX5" s="437"/>
      <c r="AY5" s="437"/>
      <c r="AZ5" s="437"/>
      <c r="BA5" s="437"/>
      <c r="BB5" s="437"/>
      <c r="BC5" s="437"/>
      <c r="BD5" s="437"/>
      <c r="BE5" s="438"/>
      <c r="BF5" s="436" t="s">
        <v>162</v>
      </c>
      <c r="BG5" s="437"/>
      <c r="BH5" s="437"/>
      <c r="BI5" s="437"/>
      <c r="BJ5" s="437"/>
      <c r="BK5" s="437"/>
      <c r="BL5" s="437"/>
      <c r="BM5" s="437"/>
      <c r="BN5" s="437"/>
      <c r="BO5" s="437"/>
      <c r="BP5" s="438"/>
      <c r="BQ5" s="436" t="s">
        <v>101</v>
      </c>
      <c r="BR5" s="437"/>
      <c r="BS5" s="437"/>
      <c r="BT5" s="437"/>
      <c r="BU5" s="437"/>
      <c r="BV5" s="437"/>
      <c r="BW5" s="437"/>
      <c r="BX5" s="437"/>
      <c r="BY5" s="437"/>
      <c r="BZ5" s="437"/>
      <c r="CA5" s="438"/>
      <c r="CB5" s="430"/>
      <c r="CC5" s="431"/>
      <c r="CD5" s="431"/>
      <c r="CE5" s="431"/>
      <c r="CF5" s="431"/>
      <c r="CG5" s="431"/>
      <c r="CH5" s="431"/>
      <c r="CI5" s="431"/>
      <c r="CJ5" s="431"/>
      <c r="CK5" s="431"/>
      <c r="CL5" s="432"/>
      <c r="CM5" s="430"/>
      <c r="CN5" s="431"/>
      <c r="CO5" s="431"/>
      <c r="CP5" s="431"/>
      <c r="CQ5" s="431"/>
      <c r="CR5" s="431"/>
      <c r="CS5" s="431"/>
      <c r="CT5" s="431"/>
      <c r="CU5" s="431"/>
      <c r="CV5" s="431"/>
      <c r="CW5" s="432"/>
      <c r="CX5" s="433"/>
      <c r="CY5" s="434"/>
      <c r="CZ5" s="434"/>
      <c r="DA5" s="434"/>
      <c r="DB5" s="434"/>
      <c r="DC5" s="434"/>
      <c r="DD5" s="434"/>
      <c r="DE5" s="434"/>
      <c r="DF5" s="434"/>
      <c r="DG5" s="434"/>
      <c r="DH5" s="435"/>
      <c r="DI5" s="436" t="s">
        <v>97</v>
      </c>
      <c r="DJ5" s="437"/>
      <c r="DK5" s="437"/>
      <c r="DL5" s="437"/>
      <c r="DM5" s="437"/>
      <c r="DN5" s="437"/>
      <c r="DO5" s="437"/>
      <c r="DP5" s="437"/>
      <c r="DQ5" s="437"/>
      <c r="DR5" s="437"/>
      <c r="DS5" s="438"/>
      <c r="DT5" s="436" t="s">
        <v>98</v>
      </c>
      <c r="DU5" s="437"/>
      <c r="DV5" s="437"/>
      <c r="DW5" s="437"/>
      <c r="DX5" s="437"/>
      <c r="DY5" s="437"/>
      <c r="DZ5" s="437"/>
      <c r="EA5" s="437"/>
      <c r="EB5" s="437"/>
      <c r="EC5" s="437"/>
      <c r="ED5" s="438"/>
      <c r="EE5" s="436" t="s">
        <v>99</v>
      </c>
      <c r="EF5" s="437"/>
      <c r="EG5" s="437"/>
      <c r="EH5" s="437"/>
      <c r="EI5" s="437"/>
      <c r="EJ5" s="437"/>
      <c r="EK5" s="437"/>
      <c r="EL5" s="437"/>
      <c r="EM5" s="437"/>
      <c r="EN5" s="437"/>
      <c r="EO5" s="438"/>
      <c r="EP5" s="436" t="s">
        <v>100</v>
      </c>
      <c r="EQ5" s="437"/>
      <c r="ER5" s="437"/>
      <c r="ES5" s="437"/>
      <c r="ET5" s="437"/>
      <c r="EU5" s="437"/>
      <c r="EV5" s="437"/>
      <c r="EW5" s="437"/>
      <c r="EX5" s="437"/>
      <c r="EY5" s="437"/>
      <c r="EZ5" s="438"/>
      <c r="FA5" s="436" t="s">
        <v>162</v>
      </c>
      <c r="FB5" s="437"/>
      <c r="FC5" s="437"/>
      <c r="FD5" s="437"/>
      <c r="FE5" s="437"/>
      <c r="FF5" s="437"/>
      <c r="FG5" s="437"/>
      <c r="FH5" s="437"/>
      <c r="FI5" s="437"/>
      <c r="FJ5" s="437"/>
      <c r="FK5" s="438"/>
      <c r="FL5" s="436" t="s">
        <v>101</v>
      </c>
      <c r="FM5" s="437"/>
      <c r="FN5" s="437"/>
      <c r="FO5" s="437"/>
      <c r="FP5" s="437"/>
      <c r="FQ5" s="437"/>
      <c r="FR5" s="437"/>
      <c r="FS5" s="437"/>
      <c r="FT5" s="437"/>
      <c r="FU5" s="437"/>
      <c r="FV5" s="438"/>
      <c r="FW5" s="430"/>
      <c r="FX5" s="431"/>
      <c r="FY5" s="431"/>
      <c r="FZ5" s="431"/>
      <c r="GA5" s="431"/>
      <c r="GB5" s="431"/>
      <c r="GC5" s="431"/>
      <c r="GD5" s="431"/>
      <c r="GE5" s="431"/>
      <c r="GF5" s="431"/>
      <c r="GG5" s="432"/>
      <c r="GH5" s="430"/>
      <c r="GI5" s="431"/>
      <c r="GJ5" s="431"/>
      <c r="GK5" s="431"/>
      <c r="GL5" s="431"/>
      <c r="GM5" s="431"/>
      <c r="GN5" s="431"/>
      <c r="GO5" s="431"/>
      <c r="GP5" s="431"/>
      <c r="GQ5" s="431"/>
      <c r="GR5" s="432"/>
      <c r="GS5" s="433"/>
      <c r="GT5" s="434"/>
      <c r="GU5" s="434"/>
      <c r="GV5" s="434"/>
      <c r="GW5" s="434"/>
      <c r="GX5" s="434"/>
      <c r="GY5" s="434"/>
      <c r="GZ5" s="434"/>
      <c r="HA5" s="434"/>
      <c r="HB5" s="434"/>
      <c r="HC5" s="435"/>
      <c r="HD5" s="436" t="s">
        <v>97</v>
      </c>
      <c r="HE5" s="437"/>
      <c r="HF5" s="437"/>
      <c r="HG5" s="437"/>
      <c r="HH5" s="437"/>
      <c r="HI5" s="437"/>
      <c r="HJ5" s="437"/>
      <c r="HK5" s="437"/>
      <c r="HL5" s="437"/>
      <c r="HM5" s="437"/>
      <c r="HN5" s="438"/>
      <c r="HO5" s="436" t="s">
        <v>98</v>
      </c>
      <c r="HP5" s="437"/>
      <c r="HQ5" s="437"/>
      <c r="HR5" s="437"/>
      <c r="HS5" s="437"/>
      <c r="HT5" s="437"/>
      <c r="HU5" s="437"/>
      <c r="HV5" s="437"/>
      <c r="HW5" s="437"/>
      <c r="HX5" s="437"/>
      <c r="HY5" s="438"/>
      <c r="HZ5" s="436" t="s">
        <v>99</v>
      </c>
      <c r="IA5" s="437"/>
      <c r="IB5" s="437"/>
      <c r="IC5" s="437"/>
      <c r="ID5" s="437"/>
      <c r="IE5" s="437"/>
      <c r="IF5" s="437"/>
      <c r="IG5" s="437"/>
      <c r="IH5" s="437"/>
      <c r="II5" s="437"/>
      <c r="IJ5" s="438"/>
      <c r="IK5" s="436" t="s">
        <v>100</v>
      </c>
      <c r="IL5" s="437"/>
      <c r="IM5" s="437"/>
      <c r="IN5" s="437"/>
      <c r="IO5" s="437"/>
      <c r="IP5" s="437"/>
      <c r="IQ5" s="437"/>
      <c r="IR5" s="437"/>
      <c r="IS5" s="437"/>
      <c r="IT5" s="437"/>
      <c r="IU5" s="438"/>
      <c r="IV5" s="436" t="s">
        <v>162</v>
      </c>
      <c r="IW5" s="437"/>
      <c r="IX5" s="437"/>
      <c r="IY5" s="437"/>
      <c r="IZ5" s="437"/>
      <c r="JA5" s="437"/>
      <c r="JB5" s="437"/>
      <c r="JC5" s="437"/>
      <c r="JD5" s="437"/>
      <c r="JE5" s="437"/>
      <c r="JF5" s="438"/>
      <c r="JG5" s="436" t="s">
        <v>101</v>
      </c>
      <c r="JH5" s="437"/>
      <c r="JI5" s="437"/>
      <c r="JJ5" s="437"/>
      <c r="JK5" s="437"/>
      <c r="JL5" s="437"/>
      <c r="JM5" s="437"/>
      <c r="JN5" s="437"/>
      <c r="JO5" s="437"/>
      <c r="JP5" s="437"/>
      <c r="JQ5" s="438"/>
      <c r="JR5" s="430"/>
      <c r="JS5" s="431"/>
      <c r="JT5" s="431"/>
      <c r="JU5" s="431"/>
      <c r="JV5" s="431"/>
      <c r="JW5" s="431"/>
      <c r="JX5" s="431"/>
      <c r="JY5" s="431"/>
      <c r="JZ5" s="431"/>
      <c r="KA5" s="431"/>
      <c r="KB5" s="432"/>
      <c r="KC5" s="430"/>
      <c r="KD5" s="431"/>
      <c r="KE5" s="431"/>
      <c r="KF5" s="431"/>
      <c r="KG5" s="431"/>
      <c r="KH5" s="431"/>
      <c r="KI5" s="431"/>
      <c r="KJ5" s="431"/>
      <c r="KK5" s="431"/>
      <c r="KL5" s="431"/>
      <c r="KM5" s="432"/>
    </row>
    <row r="6" spans="2:299" ht="30" customHeight="1" thickBot="1" x14ac:dyDescent="0.25">
      <c r="B6" s="72" t="s">
        <v>42</v>
      </c>
      <c r="C6" s="73" t="s">
        <v>43</v>
      </c>
      <c r="D6" s="74" t="s">
        <v>44</v>
      </c>
      <c r="E6" s="75" t="s">
        <v>45</v>
      </c>
      <c r="F6" s="76" t="s">
        <v>46</v>
      </c>
      <c r="G6" s="74" t="s">
        <v>47</v>
      </c>
      <c r="H6" s="74" t="s">
        <v>48</v>
      </c>
      <c r="I6" s="74" t="s">
        <v>49</v>
      </c>
      <c r="J6" s="74" t="s">
        <v>50</v>
      </c>
      <c r="K6" s="74" t="s">
        <v>51</v>
      </c>
      <c r="L6" s="75" t="s">
        <v>45</v>
      </c>
      <c r="M6" s="77" t="s">
        <v>52</v>
      </c>
      <c r="N6" s="78" t="s">
        <v>43</v>
      </c>
      <c r="O6" s="79" t="s">
        <v>44</v>
      </c>
      <c r="P6" s="80" t="s">
        <v>45</v>
      </c>
      <c r="Q6" s="81" t="s">
        <v>46</v>
      </c>
      <c r="R6" s="79" t="s">
        <v>47</v>
      </c>
      <c r="S6" s="79" t="s">
        <v>48</v>
      </c>
      <c r="T6" s="79" t="s">
        <v>49</v>
      </c>
      <c r="U6" s="79" t="s">
        <v>50</v>
      </c>
      <c r="V6" s="79" t="s">
        <v>51</v>
      </c>
      <c r="W6" s="80" t="s">
        <v>45</v>
      </c>
      <c r="X6" s="82" t="s">
        <v>52</v>
      </c>
      <c r="Y6" s="78" t="s">
        <v>43</v>
      </c>
      <c r="Z6" s="79" t="s">
        <v>44</v>
      </c>
      <c r="AA6" s="80" t="s">
        <v>45</v>
      </c>
      <c r="AB6" s="81" t="s">
        <v>46</v>
      </c>
      <c r="AC6" s="79" t="s">
        <v>47</v>
      </c>
      <c r="AD6" s="79" t="s">
        <v>48</v>
      </c>
      <c r="AE6" s="79" t="s">
        <v>49</v>
      </c>
      <c r="AF6" s="79" t="s">
        <v>50</v>
      </c>
      <c r="AG6" s="79" t="s">
        <v>51</v>
      </c>
      <c r="AH6" s="80" t="s">
        <v>45</v>
      </c>
      <c r="AI6" s="83" t="s">
        <v>52</v>
      </c>
      <c r="AJ6" s="78" t="s">
        <v>43</v>
      </c>
      <c r="AK6" s="79" t="s">
        <v>44</v>
      </c>
      <c r="AL6" s="80" t="s">
        <v>45</v>
      </c>
      <c r="AM6" s="81" t="s">
        <v>46</v>
      </c>
      <c r="AN6" s="79" t="s">
        <v>47</v>
      </c>
      <c r="AO6" s="79" t="s">
        <v>48</v>
      </c>
      <c r="AP6" s="79" t="s">
        <v>49</v>
      </c>
      <c r="AQ6" s="79" t="s">
        <v>50</v>
      </c>
      <c r="AR6" s="79" t="s">
        <v>51</v>
      </c>
      <c r="AS6" s="80" t="s">
        <v>45</v>
      </c>
      <c r="AT6" s="83" t="s">
        <v>52</v>
      </c>
      <c r="AU6" s="78" t="s">
        <v>43</v>
      </c>
      <c r="AV6" s="79" t="s">
        <v>44</v>
      </c>
      <c r="AW6" s="80" t="s">
        <v>45</v>
      </c>
      <c r="AX6" s="81" t="s">
        <v>46</v>
      </c>
      <c r="AY6" s="79" t="s">
        <v>47</v>
      </c>
      <c r="AZ6" s="79" t="s">
        <v>48</v>
      </c>
      <c r="BA6" s="79" t="s">
        <v>49</v>
      </c>
      <c r="BB6" s="79" t="s">
        <v>50</v>
      </c>
      <c r="BC6" s="79" t="s">
        <v>51</v>
      </c>
      <c r="BD6" s="80" t="s">
        <v>45</v>
      </c>
      <c r="BE6" s="83" t="s">
        <v>52</v>
      </c>
      <c r="BF6" s="78" t="s">
        <v>43</v>
      </c>
      <c r="BG6" s="79" t="s">
        <v>44</v>
      </c>
      <c r="BH6" s="80" t="s">
        <v>45</v>
      </c>
      <c r="BI6" s="81" t="s">
        <v>46</v>
      </c>
      <c r="BJ6" s="79" t="s">
        <v>47</v>
      </c>
      <c r="BK6" s="79" t="s">
        <v>48</v>
      </c>
      <c r="BL6" s="79" t="s">
        <v>49</v>
      </c>
      <c r="BM6" s="79" t="s">
        <v>50</v>
      </c>
      <c r="BN6" s="79" t="s">
        <v>51</v>
      </c>
      <c r="BO6" s="80" t="s">
        <v>45</v>
      </c>
      <c r="BP6" s="83" t="s">
        <v>52</v>
      </c>
      <c r="BQ6" s="78" t="s">
        <v>43</v>
      </c>
      <c r="BR6" s="79" t="s">
        <v>44</v>
      </c>
      <c r="BS6" s="80" t="s">
        <v>45</v>
      </c>
      <c r="BT6" s="81" t="s">
        <v>46</v>
      </c>
      <c r="BU6" s="79" t="s">
        <v>47</v>
      </c>
      <c r="BV6" s="79" t="s">
        <v>48</v>
      </c>
      <c r="BW6" s="79" t="s">
        <v>49</v>
      </c>
      <c r="BX6" s="79" t="s">
        <v>50</v>
      </c>
      <c r="BY6" s="79" t="s">
        <v>51</v>
      </c>
      <c r="BZ6" s="80" t="s">
        <v>45</v>
      </c>
      <c r="CA6" s="83" t="s">
        <v>52</v>
      </c>
      <c r="CB6" s="78" t="s">
        <v>43</v>
      </c>
      <c r="CC6" s="79" t="s">
        <v>44</v>
      </c>
      <c r="CD6" s="80" t="s">
        <v>45</v>
      </c>
      <c r="CE6" s="81" t="s">
        <v>46</v>
      </c>
      <c r="CF6" s="79" t="s">
        <v>47</v>
      </c>
      <c r="CG6" s="79" t="s">
        <v>48</v>
      </c>
      <c r="CH6" s="79" t="s">
        <v>49</v>
      </c>
      <c r="CI6" s="79" t="s">
        <v>50</v>
      </c>
      <c r="CJ6" s="79" t="s">
        <v>51</v>
      </c>
      <c r="CK6" s="80" t="s">
        <v>45</v>
      </c>
      <c r="CL6" s="83" t="s">
        <v>52</v>
      </c>
      <c r="CM6" s="78" t="s">
        <v>43</v>
      </c>
      <c r="CN6" s="79" t="s">
        <v>44</v>
      </c>
      <c r="CO6" s="80" t="s">
        <v>45</v>
      </c>
      <c r="CP6" s="81" t="s">
        <v>46</v>
      </c>
      <c r="CQ6" s="79" t="s">
        <v>47</v>
      </c>
      <c r="CR6" s="79" t="s">
        <v>48</v>
      </c>
      <c r="CS6" s="79" t="s">
        <v>49</v>
      </c>
      <c r="CT6" s="79" t="s">
        <v>50</v>
      </c>
      <c r="CU6" s="79" t="s">
        <v>51</v>
      </c>
      <c r="CV6" s="80" t="s">
        <v>45</v>
      </c>
      <c r="CW6" s="83" t="s">
        <v>52</v>
      </c>
      <c r="CX6" s="73" t="s">
        <v>43</v>
      </c>
      <c r="CY6" s="74" t="s">
        <v>44</v>
      </c>
      <c r="CZ6" s="75" t="s">
        <v>45</v>
      </c>
      <c r="DA6" s="76" t="s">
        <v>46</v>
      </c>
      <c r="DB6" s="74" t="s">
        <v>47</v>
      </c>
      <c r="DC6" s="74" t="s">
        <v>48</v>
      </c>
      <c r="DD6" s="74" t="s">
        <v>49</v>
      </c>
      <c r="DE6" s="74" t="s">
        <v>50</v>
      </c>
      <c r="DF6" s="74" t="s">
        <v>51</v>
      </c>
      <c r="DG6" s="75" t="s">
        <v>45</v>
      </c>
      <c r="DH6" s="77" t="s">
        <v>52</v>
      </c>
      <c r="DI6" s="78" t="s">
        <v>43</v>
      </c>
      <c r="DJ6" s="79" t="s">
        <v>44</v>
      </c>
      <c r="DK6" s="80" t="s">
        <v>45</v>
      </c>
      <c r="DL6" s="81" t="s">
        <v>46</v>
      </c>
      <c r="DM6" s="79" t="s">
        <v>47</v>
      </c>
      <c r="DN6" s="79" t="s">
        <v>48</v>
      </c>
      <c r="DO6" s="79" t="s">
        <v>49</v>
      </c>
      <c r="DP6" s="79" t="s">
        <v>50</v>
      </c>
      <c r="DQ6" s="79" t="s">
        <v>51</v>
      </c>
      <c r="DR6" s="80" t="s">
        <v>45</v>
      </c>
      <c r="DS6" s="83" t="s">
        <v>52</v>
      </c>
      <c r="DT6" s="78" t="s">
        <v>43</v>
      </c>
      <c r="DU6" s="79" t="s">
        <v>44</v>
      </c>
      <c r="DV6" s="80" t="s">
        <v>45</v>
      </c>
      <c r="DW6" s="81" t="s">
        <v>46</v>
      </c>
      <c r="DX6" s="79" t="s">
        <v>47</v>
      </c>
      <c r="DY6" s="79" t="s">
        <v>48</v>
      </c>
      <c r="DZ6" s="79" t="s">
        <v>49</v>
      </c>
      <c r="EA6" s="79" t="s">
        <v>50</v>
      </c>
      <c r="EB6" s="79" t="s">
        <v>51</v>
      </c>
      <c r="EC6" s="80" t="s">
        <v>45</v>
      </c>
      <c r="ED6" s="83" t="s">
        <v>52</v>
      </c>
      <c r="EE6" s="78" t="s">
        <v>43</v>
      </c>
      <c r="EF6" s="79" t="s">
        <v>44</v>
      </c>
      <c r="EG6" s="80" t="s">
        <v>45</v>
      </c>
      <c r="EH6" s="81" t="s">
        <v>46</v>
      </c>
      <c r="EI6" s="79" t="s">
        <v>47</v>
      </c>
      <c r="EJ6" s="79" t="s">
        <v>48</v>
      </c>
      <c r="EK6" s="79" t="s">
        <v>49</v>
      </c>
      <c r="EL6" s="79" t="s">
        <v>50</v>
      </c>
      <c r="EM6" s="79" t="s">
        <v>51</v>
      </c>
      <c r="EN6" s="80" t="s">
        <v>45</v>
      </c>
      <c r="EO6" s="83" t="s">
        <v>52</v>
      </c>
      <c r="EP6" s="78" t="s">
        <v>43</v>
      </c>
      <c r="EQ6" s="79" t="s">
        <v>44</v>
      </c>
      <c r="ER6" s="80" t="s">
        <v>45</v>
      </c>
      <c r="ES6" s="81" t="s">
        <v>46</v>
      </c>
      <c r="ET6" s="79" t="s">
        <v>47</v>
      </c>
      <c r="EU6" s="79" t="s">
        <v>48</v>
      </c>
      <c r="EV6" s="79" t="s">
        <v>49</v>
      </c>
      <c r="EW6" s="79" t="s">
        <v>50</v>
      </c>
      <c r="EX6" s="79" t="s">
        <v>51</v>
      </c>
      <c r="EY6" s="80" t="s">
        <v>45</v>
      </c>
      <c r="EZ6" s="83" t="s">
        <v>52</v>
      </c>
      <c r="FA6" s="78" t="s">
        <v>43</v>
      </c>
      <c r="FB6" s="79" t="s">
        <v>44</v>
      </c>
      <c r="FC6" s="80" t="s">
        <v>45</v>
      </c>
      <c r="FD6" s="81" t="s">
        <v>46</v>
      </c>
      <c r="FE6" s="79" t="s">
        <v>47</v>
      </c>
      <c r="FF6" s="79" t="s">
        <v>48</v>
      </c>
      <c r="FG6" s="79" t="s">
        <v>49</v>
      </c>
      <c r="FH6" s="79" t="s">
        <v>50</v>
      </c>
      <c r="FI6" s="79" t="s">
        <v>51</v>
      </c>
      <c r="FJ6" s="80" t="s">
        <v>45</v>
      </c>
      <c r="FK6" s="83" t="s">
        <v>52</v>
      </c>
      <c r="FL6" s="78" t="s">
        <v>43</v>
      </c>
      <c r="FM6" s="79" t="s">
        <v>44</v>
      </c>
      <c r="FN6" s="80" t="s">
        <v>45</v>
      </c>
      <c r="FO6" s="81" t="s">
        <v>46</v>
      </c>
      <c r="FP6" s="79" t="s">
        <v>47</v>
      </c>
      <c r="FQ6" s="79" t="s">
        <v>48</v>
      </c>
      <c r="FR6" s="79" t="s">
        <v>49</v>
      </c>
      <c r="FS6" s="79" t="s">
        <v>50</v>
      </c>
      <c r="FT6" s="79" t="s">
        <v>51</v>
      </c>
      <c r="FU6" s="80" t="s">
        <v>45</v>
      </c>
      <c r="FV6" s="83" t="s">
        <v>52</v>
      </c>
      <c r="FW6" s="78" t="s">
        <v>43</v>
      </c>
      <c r="FX6" s="79" t="s">
        <v>44</v>
      </c>
      <c r="FY6" s="80" t="s">
        <v>45</v>
      </c>
      <c r="FZ6" s="81" t="s">
        <v>46</v>
      </c>
      <c r="GA6" s="79" t="s">
        <v>47</v>
      </c>
      <c r="GB6" s="79" t="s">
        <v>48</v>
      </c>
      <c r="GC6" s="79" t="s">
        <v>49</v>
      </c>
      <c r="GD6" s="79" t="s">
        <v>50</v>
      </c>
      <c r="GE6" s="79" t="s">
        <v>51</v>
      </c>
      <c r="GF6" s="80" t="s">
        <v>45</v>
      </c>
      <c r="GG6" s="83" t="s">
        <v>52</v>
      </c>
      <c r="GH6" s="78" t="s">
        <v>43</v>
      </c>
      <c r="GI6" s="79" t="s">
        <v>44</v>
      </c>
      <c r="GJ6" s="80" t="s">
        <v>45</v>
      </c>
      <c r="GK6" s="81" t="s">
        <v>46</v>
      </c>
      <c r="GL6" s="79" t="s">
        <v>47</v>
      </c>
      <c r="GM6" s="79" t="s">
        <v>48</v>
      </c>
      <c r="GN6" s="79" t="s">
        <v>49</v>
      </c>
      <c r="GO6" s="79" t="s">
        <v>50</v>
      </c>
      <c r="GP6" s="79" t="s">
        <v>51</v>
      </c>
      <c r="GQ6" s="80" t="s">
        <v>45</v>
      </c>
      <c r="GR6" s="83" t="s">
        <v>52</v>
      </c>
      <c r="GS6" s="73" t="s">
        <v>43</v>
      </c>
      <c r="GT6" s="74" t="s">
        <v>44</v>
      </c>
      <c r="GU6" s="75" t="s">
        <v>45</v>
      </c>
      <c r="GV6" s="76" t="s">
        <v>46</v>
      </c>
      <c r="GW6" s="74" t="s">
        <v>47</v>
      </c>
      <c r="GX6" s="74" t="s">
        <v>48</v>
      </c>
      <c r="GY6" s="74" t="s">
        <v>49</v>
      </c>
      <c r="GZ6" s="74" t="s">
        <v>50</v>
      </c>
      <c r="HA6" s="74" t="s">
        <v>51</v>
      </c>
      <c r="HB6" s="75" t="s">
        <v>45</v>
      </c>
      <c r="HC6" s="77" t="s">
        <v>52</v>
      </c>
      <c r="HD6" s="78" t="s">
        <v>43</v>
      </c>
      <c r="HE6" s="79" t="s">
        <v>44</v>
      </c>
      <c r="HF6" s="80" t="s">
        <v>45</v>
      </c>
      <c r="HG6" s="81" t="s">
        <v>46</v>
      </c>
      <c r="HH6" s="79" t="s">
        <v>47</v>
      </c>
      <c r="HI6" s="79" t="s">
        <v>48</v>
      </c>
      <c r="HJ6" s="79" t="s">
        <v>49</v>
      </c>
      <c r="HK6" s="79" t="s">
        <v>50</v>
      </c>
      <c r="HL6" s="79" t="s">
        <v>51</v>
      </c>
      <c r="HM6" s="80" t="s">
        <v>45</v>
      </c>
      <c r="HN6" s="83" t="s">
        <v>52</v>
      </c>
      <c r="HO6" s="78" t="s">
        <v>43</v>
      </c>
      <c r="HP6" s="79" t="s">
        <v>44</v>
      </c>
      <c r="HQ6" s="80" t="s">
        <v>45</v>
      </c>
      <c r="HR6" s="81" t="s">
        <v>46</v>
      </c>
      <c r="HS6" s="79" t="s">
        <v>47</v>
      </c>
      <c r="HT6" s="79" t="s">
        <v>48</v>
      </c>
      <c r="HU6" s="79" t="s">
        <v>49</v>
      </c>
      <c r="HV6" s="79" t="s">
        <v>50</v>
      </c>
      <c r="HW6" s="79" t="s">
        <v>51</v>
      </c>
      <c r="HX6" s="80" t="s">
        <v>45</v>
      </c>
      <c r="HY6" s="83" t="s">
        <v>52</v>
      </c>
      <c r="HZ6" s="78" t="s">
        <v>43</v>
      </c>
      <c r="IA6" s="79" t="s">
        <v>44</v>
      </c>
      <c r="IB6" s="80" t="s">
        <v>45</v>
      </c>
      <c r="IC6" s="81" t="s">
        <v>46</v>
      </c>
      <c r="ID6" s="79" t="s">
        <v>47</v>
      </c>
      <c r="IE6" s="79" t="s">
        <v>48</v>
      </c>
      <c r="IF6" s="79" t="s">
        <v>49</v>
      </c>
      <c r="IG6" s="79" t="s">
        <v>50</v>
      </c>
      <c r="IH6" s="79" t="s">
        <v>51</v>
      </c>
      <c r="II6" s="80" t="s">
        <v>45</v>
      </c>
      <c r="IJ6" s="83" t="s">
        <v>52</v>
      </c>
      <c r="IK6" s="78" t="s">
        <v>43</v>
      </c>
      <c r="IL6" s="79" t="s">
        <v>44</v>
      </c>
      <c r="IM6" s="80" t="s">
        <v>45</v>
      </c>
      <c r="IN6" s="81" t="s">
        <v>46</v>
      </c>
      <c r="IO6" s="79" t="s">
        <v>47</v>
      </c>
      <c r="IP6" s="79" t="s">
        <v>48</v>
      </c>
      <c r="IQ6" s="79" t="s">
        <v>49</v>
      </c>
      <c r="IR6" s="79" t="s">
        <v>50</v>
      </c>
      <c r="IS6" s="79" t="s">
        <v>51</v>
      </c>
      <c r="IT6" s="80" t="s">
        <v>45</v>
      </c>
      <c r="IU6" s="83" t="s">
        <v>52</v>
      </c>
      <c r="IV6" s="78" t="s">
        <v>43</v>
      </c>
      <c r="IW6" s="79" t="s">
        <v>44</v>
      </c>
      <c r="IX6" s="80" t="s">
        <v>45</v>
      </c>
      <c r="IY6" s="81" t="s">
        <v>46</v>
      </c>
      <c r="IZ6" s="79" t="s">
        <v>47</v>
      </c>
      <c r="JA6" s="79" t="s">
        <v>48</v>
      </c>
      <c r="JB6" s="79" t="s">
        <v>49</v>
      </c>
      <c r="JC6" s="79" t="s">
        <v>50</v>
      </c>
      <c r="JD6" s="79" t="s">
        <v>51</v>
      </c>
      <c r="JE6" s="80" t="s">
        <v>45</v>
      </c>
      <c r="JF6" s="83" t="s">
        <v>52</v>
      </c>
      <c r="JG6" s="78" t="s">
        <v>43</v>
      </c>
      <c r="JH6" s="79" t="s">
        <v>44</v>
      </c>
      <c r="JI6" s="80" t="s">
        <v>45</v>
      </c>
      <c r="JJ6" s="81" t="s">
        <v>46</v>
      </c>
      <c r="JK6" s="79" t="s">
        <v>47</v>
      </c>
      <c r="JL6" s="79" t="s">
        <v>48</v>
      </c>
      <c r="JM6" s="79" t="s">
        <v>49</v>
      </c>
      <c r="JN6" s="79" t="s">
        <v>50</v>
      </c>
      <c r="JO6" s="79" t="s">
        <v>51</v>
      </c>
      <c r="JP6" s="80" t="s">
        <v>45</v>
      </c>
      <c r="JQ6" s="83" t="s">
        <v>52</v>
      </c>
      <c r="JR6" s="78" t="s">
        <v>43</v>
      </c>
      <c r="JS6" s="79" t="s">
        <v>44</v>
      </c>
      <c r="JT6" s="80" t="s">
        <v>45</v>
      </c>
      <c r="JU6" s="81" t="s">
        <v>46</v>
      </c>
      <c r="JV6" s="79" t="s">
        <v>47</v>
      </c>
      <c r="JW6" s="79" t="s">
        <v>48</v>
      </c>
      <c r="JX6" s="79" t="s">
        <v>49</v>
      </c>
      <c r="JY6" s="79" t="s">
        <v>50</v>
      </c>
      <c r="JZ6" s="79" t="s">
        <v>51</v>
      </c>
      <c r="KA6" s="80" t="s">
        <v>45</v>
      </c>
      <c r="KB6" s="83" t="s">
        <v>52</v>
      </c>
      <c r="KC6" s="78" t="s">
        <v>43</v>
      </c>
      <c r="KD6" s="79" t="s">
        <v>44</v>
      </c>
      <c r="KE6" s="80" t="s">
        <v>45</v>
      </c>
      <c r="KF6" s="81" t="s">
        <v>46</v>
      </c>
      <c r="KG6" s="79" t="s">
        <v>47</v>
      </c>
      <c r="KH6" s="79" t="s">
        <v>48</v>
      </c>
      <c r="KI6" s="79" t="s">
        <v>49</v>
      </c>
      <c r="KJ6" s="79" t="s">
        <v>50</v>
      </c>
      <c r="KK6" s="79" t="s">
        <v>51</v>
      </c>
      <c r="KL6" s="80" t="s">
        <v>45</v>
      </c>
      <c r="KM6" s="83" t="s">
        <v>52</v>
      </c>
    </row>
    <row r="7" spans="2:299" s="70" customFormat="1" ht="21" customHeight="1" x14ac:dyDescent="0.2">
      <c r="B7" s="84" t="s">
        <v>4</v>
      </c>
      <c r="C7" s="85">
        <v>4370</v>
      </c>
      <c r="D7" s="86">
        <v>4251</v>
      </c>
      <c r="E7" s="87">
        <v>8621</v>
      </c>
      <c r="F7" s="412">
        <v>0</v>
      </c>
      <c r="G7" s="86">
        <v>5967</v>
      </c>
      <c r="H7" s="86">
        <v>5507</v>
      </c>
      <c r="I7" s="86">
        <v>3454</v>
      </c>
      <c r="J7" s="86">
        <v>2836</v>
      </c>
      <c r="K7" s="86">
        <v>1594</v>
      </c>
      <c r="L7" s="88">
        <v>19358</v>
      </c>
      <c r="M7" s="89">
        <v>27979</v>
      </c>
      <c r="N7" s="90">
        <v>64</v>
      </c>
      <c r="O7" s="91">
        <v>61</v>
      </c>
      <c r="P7" s="92">
        <v>125</v>
      </c>
      <c r="Q7" s="412">
        <v>0</v>
      </c>
      <c r="R7" s="91">
        <v>75</v>
      </c>
      <c r="S7" s="91">
        <v>91</v>
      </c>
      <c r="T7" s="91">
        <v>57</v>
      </c>
      <c r="U7" s="91">
        <v>59</v>
      </c>
      <c r="V7" s="91">
        <v>36</v>
      </c>
      <c r="W7" s="92">
        <v>318</v>
      </c>
      <c r="X7" s="93">
        <v>443</v>
      </c>
      <c r="Y7" s="90">
        <v>140</v>
      </c>
      <c r="Z7" s="91">
        <v>156</v>
      </c>
      <c r="AA7" s="92">
        <v>296</v>
      </c>
      <c r="AB7" s="412">
        <v>0</v>
      </c>
      <c r="AC7" s="91">
        <v>185</v>
      </c>
      <c r="AD7" s="91">
        <v>235</v>
      </c>
      <c r="AE7" s="91">
        <v>123</v>
      </c>
      <c r="AF7" s="91">
        <v>114</v>
      </c>
      <c r="AG7" s="91">
        <v>105</v>
      </c>
      <c r="AH7" s="92">
        <v>762</v>
      </c>
      <c r="AI7" s="93">
        <v>1058</v>
      </c>
      <c r="AJ7" s="90">
        <v>346</v>
      </c>
      <c r="AK7" s="91">
        <v>359</v>
      </c>
      <c r="AL7" s="92">
        <v>705</v>
      </c>
      <c r="AM7" s="412">
        <v>0</v>
      </c>
      <c r="AN7" s="91">
        <v>442</v>
      </c>
      <c r="AO7" s="91">
        <v>427</v>
      </c>
      <c r="AP7" s="91">
        <v>256</v>
      </c>
      <c r="AQ7" s="91">
        <v>214</v>
      </c>
      <c r="AR7" s="91">
        <v>146</v>
      </c>
      <c r="AS7" s="92">
        <v>1485</v>
      </c>
      <c r="AT7" s="93">
        <v>2190</v>
      </c>
      <c r="AU7" s="90">
        <v>914</v>
      </c>
      <c r="AV7" s="91">
        <v>847</v>
      </c>
      <c r="AW7" s="92">
        <v>1761</v>
      </c>
      <c r="AX7" s="412">
        <v>0</v>
      </c>
      <c r="AY7" s="91">
        <v>1152</v>
      </c>
      <c r="AZ7" s="91">
        <v>1002</v>
      </c>
      <c r="BA7" s="91">
        <v>587</v>
      </c>
      <c r="BB7" s="91">
        <v>447</v>
      </c>
      <c r="BC7" s="91">
        <v>288</v>
      </c>
      <c r="BD7" s="92">
        <v>3476</v>
      </c>
      <c r="BE7" s="93">
        <v>5237</v>
      </c>
      <c r="BF7" s="90">
        <v>1503</v>
      </c>
      <c r="BG7" s="91">
        <v>1389</v>
      </c>
      <c r="BH7" s="92">
        <v>2892</v>
      </c>
      <c r="BI7" s="412">
        <v>0</v>
      </c>
      <c r="BJ7" s="91">
        <v>1997</v>
      </c>
      <c r="BK7" s="91">
        <v>1615</v>
      </c>
      <c r="BL7" s="91">
        <v>998</v>
      </c>
      <c r="BM7" s="91">
        <v>785</v>
      </c>
      <c r="BN7" s="91">
        <v>439</v>
      </c>
      <c r="BO7" s="92">
        <v>5834</v>
      </c>
      <c r="BP7" s="93">
        <v>8726</v>
      </c>
      <c r="BQ7" s="90">
        <v>1403</v>
      </c>
      <c r="BR7" s="91">
        <v>1439</v>
      </c>
      <c r="BS7" s="92">
        <v>2842</v>
      </c>
      <c r="BT7" s="412">
        <v>0</v>
      </c>
      <c r="BU7" s="91">
        <v>2116</v>
      </c>
      <c r="BV7" s="91">
        <v>2137</v>
      </c>
      <c r="BW7" s="91">
        <v>1433</v>
      </c>
      <c r="BX7" s="91">
        <v>1217</v>
      </c>
      <c r="BY7" s="91">
        <v>580</v>
      </c>
      <c r="BZ7" s="92">
        <v>7483</v>
      </c>
      <c r="CA7" s="93">
        <v>10325</v>
      </c>
      <c r="CB7" s="90">
        <v>0</v>
      </c>
      <c r="CC7" s="91">
        <v>0</v>
      </c>
      <c r="CD7" s="92">
        <v>0</v>
      </c>
      <c r="CE7" s="412">
        <v>0</v>
      </c>
      <c r="CF7" s="91">
        <v>0</v>
      </c>
      <c r="CG7" s="91">
        <v>0</v>
      </c>
      <c r="CH7" s="91">
        <v>0</v>
      </c>
      <c r="CI7" s="91">
        <v>0</v>
      </c>
      <c r="CJ7" s="91">
        <v>0</v>
      </c>
      <c r="CK7" s="92">
        <v>0</v>
      </c>
      <c r="CL7" s="93">
        <v>0</v>
      </c>
      <c r="CM7" s="90">
        <v>4370</v>
      </c>
      <c r="CN7" s="91">
        <v>4251</v>
      </c>
      <c r="CO7" s="92">
        <v>8621</v>
      </c>
      <c r="CP7" s="412">
        <v>0</v>
      </c>
      <c r="CQ7" s="91">
        <v>5967</v>
      </c>
      <c r="CR7" s="91">
        <v>5507</v>
      </c>
      <c r="CS7" s="91">
        <v>3454</v>
      </c>
      <c r="CT7" s="91">
        <v>2836</v>
      </c>
      <c r="CU7" s="91">
        <v>1594</v>
      </c>
      <c r="CV7" s="92">
        <v>19358</v>
      </c>
      <c r="CW7" s="93">
        <v>27979</v>
      </c>
      <c r="CX7" s="94">
        <v>670</v>
      </c>
      <c r="CY7" s="86">
        <v>740</v>
      </c>
      <c r="CZ7" s="87">
        <v>1410</v>
      </c>
      <c r="DA7" s="412">
        <v>0</v>
      </c>
      <c r="DB7" s="86">
        <v>886</v>
      </c>
      <c r="DC7" s="86">
        <v>800</v>
      </c>
      <c r="DD7" s="86">
        <v>569</v>
      </c>
      <c r="DE7" s="86">
        <v>555</v>
      </c>
      <c r="DF7" s="86">
        <v>355</v>
      </c>
      <c r="DG7" s="88">
        <v>3165</v>
      </c>
      <c r="DH7" s="89">
        <v>4575</v>
      </c>
      <c r="DI7" s="90">
        <v>16</v>
      </c>
      <c r="DJ7" s="91">
        <v>22</v>
      </c>
      <c r="DK7" s="92">
        <v>38</v>
      </c>
      <c r="DL7" s="412">
        <v>0</v>
      </c>
      <c r="DM7" s="91">
        <v>16</v>
      </c>
      <c r="DN7" s="91">
        <v>13</v>
      </c>
      <c r="DO7" s="91">
        <v>11</v>
      </c>
      <c r="DP7" s="91">
        <v>4</v>
      </c>
      <c r="DQ7" s="91">
        <v>7</v>
      </c>
      <c r="DR7" s="92">
        <v>51</v>
      </c>
      <c r="DS7" s="93">
        <v>89</v>
      </c>
      <c r="DT7" s="90">
        <v>55</v>
      </c>
      <c r="DU7" s="91">
        <v>46</v>
      </c>
      <c r="DV7" s="92">
        <v>101</v>
      </c>
      <c r="DW7" s="412">
        <v>0</v>
      </c>
      <c r="DX7" s="91">
        <v>26</v>
      </c>
      <c r="DY7" s="91">
        <v>25</v>
      </c>
      <c r="DZ7" s="91">
        <v>18</v>
      </c>
      <c r="EA7" s="91">
        <v>15</v>
      </c>
      <c r="EB7" s="91">
        <v>9</v>
      </c>
      <c r="EC7" s="92">
        <v>93</v>
      </c>
      <c r="ED7" s="93">
        <v>194</v>
      </c>
      <c r="EE7" s="90">
        <v>86</v>
      </c>
      <c r="EF7" s="91">
        <v>90</v>
      </c>
      <c r="EG7" s="92">
        <v>176</v>
      </c>
      <c r="EH7" s="412">
        <v>0</v>
      </c>
      <c r="EI7" s="91">
        <v>67</v>
      </c>
      <c r="EJ7" s="91">
        <v>63</v>
      </c>
      <c r="EK7" s="91">
        <v>34</v>
      </c>
      <c r="EL7" s="91">
        <v>23</v>
      </c>
      <c r="EM7" s="91">
        <v>26</v>
      </c>
      <c r="EN7" s="92">
        <v>213</v>
      </c>
      <c r="EO7" s="93">
        <v>389</v>
      </c>
      <c r="EP7" s="90">
        <v>186</v>
      </c>
      <c r="EQ7" s="91">
        <v>183</v>
      </c>
      <c r="ER7" s="92">
        <v>369</v>
      </c>
      <c r="ES7" s="412">
        <v>0</v>
      </c>
      <c r="ET7" s="91">
        <v>199</v>
      </c>
      <c r="EU7" s="91">
        <v>132</v>
      </c>
      <c r="EV7" s="91">
        <v>80</v>
      </c>
      <c r="EW7" s="91">
        <v>64</v>
      </c>
      <c r="EX7" s="91">
        <v>35</v>
      </c>
      <c r="EY7" s="92">
        <v>510</v>
      </c>
      <c r="EZ7" s="93">
        <v>879</v>
      </c>
      <c r="FA7" s="90">
        <v>194</v>
      </c>
      <c r="FB7" s="91">
        <v>224</v>
      </c>
      <c r="FC7" s="92">
        <v>418</v>
      </c>
      <c r="FD7" s="412">
        <v>0</v>
      </c>
      <c r="FE7" s="91">
        <v>246</v>
      </c>
      <c r="FF7" s="91">
        <v>227</v>
      </c>
      <c r="FG7" s="91">
        <v>134</v>
      </c>
      <c r="FH7" s="91">
        <v>129</v>
      </c>
      <c r="FI7" s="91">
        <v>97</v>
      </c>
      <c r="FJ7" s="92">
        <v>833</v>
      </c>
      <c r="FK7" s="93">
        <v>1251</v>
      </c>
      <c r="FL7" s="90">
        <v>133</v>
      </c>
      <c r="FM7" s="91">
        <v>175</v>
      </c>
      <c r="FN7" s="92">
        <v>308</v>
      </c>
      <c r="FO7" s="412">
        <v>0</v>
      </c>
      <c r="FP7" s="91">
        <v>332</v>
      </c>
      <c r="FQ7" s="91">
        <v>340</v>
      </c>
      <c r="FR7" s="91">
        <v>292</v>
      </c>
      <c r="FS7" s="91">
        <v>320</v>
      </c>
      <c r="FT7" s="91">
        <v>181</v>
      </c>
      <c r="FU7" s="92">
        <v>1465</v>
      </c>
      <c r="FV7" s="93">
        <v>1773</v>
      </c>
      <c r="FW7" s="90">
        <v>0</v>
      </c>
      <c r="FX7" s="91">
        <v>0</v>
      </c>
      <c r="FY7" s="92">
        <v>0</v>
      </c>
      <c r="FZ7" s="412">
        <v>0</v>
      </c>
      <c r="GA7" s="91">
        <v>0</v>
      </c>
      <c r="GB7" s="91">
        <v>0</v>
      </c>
      <c r="GC7" s="91">
        <v>0</v>
      </c>
      <c r="GD7" s="91">
        <v>0</v>
      </c>
      <c r="GE7" s="91">
        <v>0</v>
      </c>
      <c r="GF7" s="92">
        <v>0</v>
      </c>
      <c r="GG7" s="93">
        <v>0</v>
      </c>
      <c r="GH7" s="90">
        <v>670</v>
      </c>
      <c r="GI7" s="91">
        <v>740</v>
      </c>
      <c r="GJ7" s="92">
        <v>1410</v>
      </c>
      <c r="GK7" s="412">
        <v>0</v>
      </c>
      <c r="GL7" s="91">
        <v>886</v>
      </c>
      <c r="GM7" s="91">
        <v>800</v>
      </c>
      <c r="GN7" s="91">
        <v>569</v>
      </c>
      <c r="GO7" s="91">
        <v>555</v>
      </c>
      <c r="GP7" s="91">
        <v>355</v>
      </c>
      <c r="GQ7" s="92">
        <v>3165</v>
      </c>
      <c r="GR7" s="93">
        <v>4575</v>
      </c>
      <c r="GS7" s="94">
        <v>5040</v>
      </c>
      <c r="GT7" s="86">
        <v>4991</v>
      </c>
      <c r="GU7" s="87">
        <v>10031</v>
      </c>
      <c r="GV7" s="412">
        <v>0</v>
      </c>
      <c r="GW7" s="86">
        <v>6853</v>
      </c>
      <c r="GX7" s="86">
        <v>6307</v>
      </c>
      <c r="GY7" s="86">
        <v>4023</v>
      </c>
      <c r="GZ7" s="86">
        <v>3391</v>
      </c>
      <c r="HA7" s="86">
        <v>1949</v>
      </c>
      <c r="HB7" s="88">
        <v>22523</v>
      </c>
      <c r="HC7" s="89">
        <v>32554</v>
      </c>
      <c r="HD7" s="90">
        <v>80</v>
      </c>
      <c r="HE7" s="91">
        <v>83</v>
      </c>
      <c r="HF7" s="92">
        <v>163</v>
      </c>
      <c r="HG7" s="412">
        <v>0</v>
      </c>
      <c r="HH7" s="91">
        <v>91</v>
      </c>
      <c r="HI7" s="91">
        <v>104</v>
      </c>
      <c r="HJ7" s="91">
        <v>68</v>
      </c>
      <c r="HK7" s="91">
        <v>63</v>
      </c>
      <c r="HL7" s="91">
        <v>43</v>
      </c>
      <c r="HM7" s="92">
        <v>369</v>
      </c>
      <c r="HN7" s="93">
        <v>532</v>
      </c>
      <c r="HO7" s="90">
        <v>195</v>
      </c>
      <c r="HP7" s="91">
        <v>202</v>
      </c>
      <c r="HQ7" s="92">
        <v>397</v>
      </c>
      <c r="HR7" s="412">
        <v>0</v>
      </c>
      <c r="HS7" s="91">
        <v>211</v>
      </c>
      <c r="HT7" s="91">
        <v>260</v>
      </c>
      <c r="HU7" s="91">
        <v>141</v>
      </c>
      <c r="HV7" s="91">
        <v>129</v>
      </c>
      <c r="HW7" s="91">
        <v>114</v>
      </c>
      <c r="HX7" s="92">
        <v>855</v>
      </c>
      <c r="HY7" s="93">
        <v>1252</v>
      </c>
      <c r="HZ7" s="90">
        <v>432</v>
      </c>
      <c r="IA7" s="91">
        <v>449</v>
      </c>
      <c r="IB7" s="92">
        <v>881</v>
      </c>
      <c r="IC7" s="412">
        <v>0</v>
      </c>
      <c r="ID7" s="91">
        <v>509</v>
      </c>
      <c r="IE7" s="91">
        <v>490</v>
      </c>
      <c r="IF7" s="91">
        <v>290</v>
      </c>
      <c r="IG7" s="91">
        <v>237</v>
      </c>
      <c r="IH7" s="91">
        <v>172</v>
      </c>
      <c r="II7" s="92">
        <v>1698</v>
      </c>
      <c r="IJ7" s="93">
        <v>2579</v>
      </c>
      <c r="IK7" s="90">
        <v>1100</v>
      </c>
      <c r="IL7" s="91">
        <v>1030</v>
      </c>
      <c r="IM7" s="92">
        <v>2130</v>
      </c>
      <c r="IN7" s="412">
        <v>0</v>
      </c>
      <c r="IO7" s="91">
        <v>1351</v>
      </c>
      <c r="IP7" s="91">
        <v>1134</v>
      </c>
      <c r="IQ7" s="91">
        <v>667</v>
      </c>
      <c r="IR7" s="91">
        <v>511</v>
      </c>
      <c r="IS7" s="91">
        <v>323</v>
      </c>
      <c r="IT7" s="92">
        <v>3986</v>
      </c>
      <c r="IU7" s="93">
        <v>6116</v>
      </c>
      <c r="IV7" s="90">
        <v>1697</v>
      </c>
      <c r="IW7" s="91">
        <v>1613</v>
      </c>
      <c r="IX7" s="92">
        <v>3310</v>
      </c>
      <c r="IY7" s="412">
        <v>0</v>
      </c>
      <c r="IZ7" s="91">
        <v>2243</v>
      </c>
      <c r="JA7" s="91">
        <v>1842</v>
      </c>
      <c r="JB7" s="91">
        <v>1132</v>
      </c>
      <c r="JC7" s="91">
        <v>914</v>
      </c>
      <c r="JD7" s="91">
        <v>536</v>
      </c>
      <c r="JE7" s="92">
        <v>6667</v>
      </c>
      <c r="JF7" s="93">
        <v>9977</v>
      </c>
      <c r="JG7" s="90">
        <v>1536</v>
      </c>
      <c r="JH7" s="91">
        <v>1614</v>
      </c>
      <c r="JI7" s="92">
        <v>3150</v>
      </c>
      <c r="JJ7" s="412">
        <v>0</v>
      </c>
      <c r="JK7" s="91">
        <v>2448</v>
      </c>
      <c r="JL7" s="91">
        <v>2477</v>
      </c>
      <c r="JM7" s="91">
        <v>1725</v>
      </c>
      <c r="JN7" s="91">
        <v>1537</v>
      </c>
      <c r="JO7" s="91">
        <v>761</v>
      </c>
      <c r="JP7" s="92">
        <v>8948</v>
      </c>
      <c r="JQ7" s="93">
        <v>12098</v>
      </c>
      <c r="JR7" s="90">
        <v>0</v>
      </c>
      <c r="JS7" s="91">
        <v>0</v>
      </c>
      <c r="JT7" s="92">
        <v>0</v>
      </c>
      <c r="JU7" s="412">
        <v>0</v>
      </c>
      <c r="JV7" s="91">
        <v>0</v>
      </c>
      <c r="JW7" s="91">
        <v>0</v>
      </c>
      <c r="JX7" s="91">
        <v>0</v>
      </c>
      <c r="JY7" s="91">
        <v>0</v>
      </c>
      <c r="JZ7" s="91">
        <v>0</v>
      </c>
      <c r="KA7" s="92">
        <v>0</v>
      </c>
      <c r="KB7" s="93">
        <v>0</v>
      </c>
      <c r="KC7" s="90">
        <v>5040</v>
      </c>
      <c r="KD7" s="91">
        <v>4991</v>
      </c>
      <c r="KE7" s="92">
        <v>10031</v>
      </c>
      <c r="KF7" s="412">
        <v>0</v>
      </c>
      <c r="KG7" s="91">
        <v>6853</v>
      </c>
      <c r="KH7" s="91">
        <v>6307</v>
      </c>
      <c r="KI7" s="91">
        <v>4023</v>
      </c>
      <c r="KJ7" s="91">
        <v>3391</v>
      </c>
      <c r="KK7" s="91">
        <v>1949</v>
      </c>
      <c r="KL7" s="92">
        <v>22523</v>
      </c>
      <c r="KM7" s="93">
        <v>32554</v>
      </c>
    </row>
    <row r="8" spans="2:299" s="70" customFormat="1" ht="21" customHeight="1" x14ac:dyDescent="0.2">
      <c r="B8" s="95" t="s">
        <v>5</v>
      </c>
      <c r="C8" s="96">
        <v>1813</v>
      </c>
      <c r="D8" s="97">
        <v>2152</v>
      </c>
      <c r="E8" s="98">
        <v>3965</v>
      </c>
      <c r="F8" s="413">
        <v>0</v>
      </c>
      <c r="G8" s="97">
        <v>2181</v>
      </c>
      <c r="H8" s="97">
        <v>2609</v>
      </c>
      <c r="I8" s="97">
        <v>1568</v>
      </c>
      <c r="J8" s="97">
        <v>1290</v>
      </c>
      <c r="K8" s="97">
        <v>686</v>
      </c>
      <c r="L8" s="99">
        <v>8334</v>
      </c>
      <c r="M8" s="100">
        <v>12299</v>
      </c>
      <c r="N8" s="101">
        <v>21</v>
      </c>
      <c r="O8" s="102">
        <v>32</v>
      </c>
      <c r="P8" s="103">
        <v>53</v>
      </c>
      <c r="Q8" s="413">
        <v>0</v>
      </c>
      <c r="R8" s="102">
        <v>29</v>
      </c>
      <c r="S8" s="102">
        <v>41</v>
      </c>
      <c r="T8" s="102">
        <v>25</v>
      </c>
      <c r="U8" s="102">
        <v>26</v>
      </c>
      <c r="V8" s="102">
        <v>13</v>
      </c>
      <c r="W8" s="103">
        <v>134</v>
      </c>
      <c r="X8" s="104">
        <v>187</v>
      </c>
      <c r="Y8" s="101">
        <v>43</v>
      </c>
      <c r="Z8" s="102">
        <v>73</v>
      </c>
      <c r="AA8" s="103">
        <v>116</v>
      </c>
      <c r="AB8" s="413">
        <v>0</v>
      </c>
      <c r="AC8" s="102">
        <v>53</v>
      </c>
      <c r="AD8" s="102">
        <v>113</v>
      </c>
      <c r="AE8" s="102">
        <v>58</v>
      </c>
      <c r="AF8" s="102">
        <v>47</v>
      </c>
      <c r="AG8" s="102">
        <v>46</v>
      </c>
      <c r="AH8" s="103">
        <v>317</v>
      </c>
      <c r="AI8" s="104">
        <v>433</v>
      </c>
      <c r="AJ8" s="101">
        <v>142</v>
      </c>
      <c r="AK8" s="102">
        <v>172</v>
      </c>
      <c r="AL8" s="103">
        <v>314</v>
      </c>
      <c r="AM8" s="413">
        <v>0</v>
      </c>
      <c r="AN8" s="102">
        <v>145</v>
      </c>
      <c r="AO8" s="102">
        <v>188</v>
      </c>
      <c r="AP8" s="102">
        <v>122</v>
      </c>
      <c r="AQ8" s="102">
        <v>90</v>
      </c>
      <c r="AR8" s="102">
        <v>67</v>
      </c>
      <c r="AS8" s="103">
        <v>612</v>
      </c>
      <c r="AT8" s="104">
        <v>926</v>
      </c>
      <c r="AU8" s="101">
        <v>364</v>
      </c>
      <c r="AV8" s="102">
        <v>419</v>
      </c>
      <c r="AW8" s="103">
        <v>783</v>
      </c>
      <c r="AX8" s="413">
        <v>0</v>
      </c>
      <c r="AY8" s="102">
        <v>394</v>
      </c>
      <c r="AZ8" s="102">
        <v>437</v>
      </c>
      <c r="BA8" s="102">
        <v>253</v>
      </c>
      <c r="BB8" s="102">
        <v>191</v>
      </c>
      <c r="BC8" s="102">
        <v>117</v>
      </c>
      <c r="BD8" s="103">
        <v>1392</v>
      </c>
      <c r="BE8" s="104">
        <v>2175</v>
      </c>
      <c r="BF8" s="101">
        <v>599</v>
      </c>
      <c r="BG8" s="102">
        <v>697</v>
      </c>
      <c r="BH8" s="103">
        <v>1296</v>
      </c>
      <c r="BI8" s="413">
        <v>0</v>
      </c>
      <c r="BJ8" s="102">
        <v>747</v>
      </c>
      <c r="BK8" s="102">
        <v>778</v>
      </c>
      <c r="BL8" s="102">
        <v>437</v>
      </c>
      <c r="BM8" s="102">
        <v>351</v>
      </c>
      <c r="BN8" s="102">
        <v>197</v>
      </c>
      <c r="BO8" s="103">
        <v>2510</v>
      </c>
      <c r="BP8" s="104">
        <v>3806</v>
      </c>
      <c r="BQ8" s="101">
        <v>644</v>
      </c>
      <c r="BR8" s="102">
        <v>759</v>
      </c>
      <c r="BS8" s="103">
        <v>1403</v>
      </c>
      <c r="BT8" s="413">
        <v>0</v>
      </c>
      <c r="BU8" s="102">
        <v>813</v>
      </c>
      <c r="BV8" s="102">
        <v>1052</v>
      </c>
      <c r="BW8" s="102">
        <v>673</v>
      </c>
      <c r="BX8" s="102">
        <v>585</v>
      </c>
      <c r="BY8" s="102">
        <v>246</v>
      </c>
      <c r="BZ8" s="103">
        <v>3369</v>
      </c>
      <c r="CA8" s="104">
        <v>4772</v>
      </c>
      <c r="CB8" s="101">
        <v>0</v>
      </c>
      <c r="CC8" s="102">
        <v>0</v>
      </c>
      <c r="CD8" s="103">
        <v>0</v>
      </c>
      <c r="CE8" s="413">
        <v>0</v>
      </c>
      <c r="CF8" s="102">
        <v>0</v>
      </c>
      <c r="CG8" s="102">
        <v>0</v>
      </c>
      <c r="CH8" s="102">
        <v>0</v>
      </c>
      <c r="CI8" s="102">
        <v>0</v>
      </c>
      <c r="CJ8" s="102">
        <v>0</v>
      </c>
      <c r="CK8" s="103">
        <v>0</v>
      </c>
      <c r="CL8" s="104">
        <v>0</v>
      </c>
      <c r="CM8" s="101">
        <v>1813</v>
      </c>
      <c r="CN8" s="102">
        <v>2152</v>
      </c>
      <c r="CO8" s="103">
        <v>3965</v>
      </c>
      <c r="CP8" s="413">
        <v>0</v>
      </c>
      <c r="CQ8" s="102">
        <v>2181</v>
      </c>
      <c r="CR8" s="102">
        <v>2609</v>
      </c>
      <c r="CS8" s="102">
        <v>1568</v>
      </c>
      <c r="CT8" s="102">
        <v>1290</v>
      </c>
      <c r="CU8" s="102">
        <v>686</v>
      </c>
      <c r="CV8" s="103">
        <v>8334</v>
      </c>
      <c r="CW8" s="104">
        <v>12299</v>
      </c>
      <c r="CX8" s="105">
        <v>288</v>
      </c>
      <c r="CY8" s="97">
        <v>362</v>
      </c>
      <c r="CZ8" s="98">
        <v>650</v>
      </c>
      <c r="DA8" s="413">
        <v>0</v>
      </c>
      <c r="DB8" s="97">
        <v>328</v>
      </c>
      <c r="DC8" s="97">
        <v>380</v>
      </c>
      <c r="DD8" s="97">
        <v>266</v>
      </c>
      <c r="DE8" s="97">
        <v>250</v>
      </c>
      <c r="DF8" s="97">
        <v>169</v>
      </c>
      <c r="DG8" s="99">
        <v>1393</v>
      </c>
      <c r="DH8" s="100">
        <v>2043</v>
      </c>
      <c r="DI8" s="101">
        <v>8</v>
      </c>
      <c r="DJ8" s="102">
        <v>12</v>
      </c>
      <c r="DK8" s="103">
        <v>20</v>
      </c>
      <c r="DL8" s="413">
        <v>0</v>
      </c>
      <c r="DM8" s="102">
        <v>5</v>
      </c>
      <c r="DN8" s="102">
        <v>5</v>
      </c>
      <c r="DO8" s="102">
        <v>4</v>
      </c>
      <c r="DP8" s="102">
        <v>1</v>
      </c>
      <c r="DQ8" s="102">
        <v>3</v>
      </c>
      <c r="DR8" s="103">
        <v>18</v>
      </c>
      <c r="DS8" s="104">
        <v>38</v>
      </c>
      <c r="DT8" s="101">
        <v>19</v>
      </c>
      <c r="DU8" s="102">
        <v>23</v>
      </c>
      <c r="DV8" s="103">
        <v>42</v>
      </c>
      <c r="DW8" s="413">
        <v>0</v>
      </c>
      <c r="DX8" s="102">
        <v>8</v>
      </c>
      <c r="DY8" s="102">
        <v>11</v>
      </c>
      <c r="DZ8" s="102">
        <v>11</v>
      </c>
      <c r="EA8" s="102">
        <v>7</v>
      </c>
      <c r="EB8" s="102">
        <v>5</v>
      </c>
      <c r="EC8" s="103">
        <v>42</v>
      </c>
      <c r="ED8" s="104">
        <v>84</v>
      </c>
      <c r="EE8" s="101">
        <v>30</v>
      </c>
      <c r="EF8" s="102">
        <v>49</v>
      </c>
      <c r="EG8" s="103">
        <v>79</v>
      </c>
      <c r="EH8" s="413">
        <v>0</v>
      </c>
      <c r="EI8" s="102">
        <v>28</v>
      </c>
      <c r="EJ8" s="102">
        <v>37</v>
      </c>
      <c r="EK8" s="102">
        <v>13</v>
      </c>
      <c r="EL8" s="102">
        <v>12</v>
      </c>
      <c r="EM8" s="102">
        <v>11</v>
      </c>
      <c r="EN8" s="103">
        <v>101</v>
      </c>
      <c r="EO8" s="104">
        <v>180</v>
      </c>
      <c r="EP8" s="101">
        <v>80</v>
      </c>
      <c r="EQ8" s="102">
        <v>93</v>
      </c>
      <c r="ER8" s="103">
        <v>173</v>
      </c>
      <c r="ES8" s="413">
        <v>0</v>
      </c>
      <c r="ET8" s="102">
        <v>82</v>
      </c>
      <c r="EU8" s="102">
        <v>53</v>
      </c>
      <c r="EV8" s="102">
        <v>38</v>
      </c>
      <c r="EW8" s="102">
        <v>39</v>
      </c>
      <c r="EX8" s="102">
        <v>24</v>
      </c>
      <c r="EY8" s="103">
        <v>236</v>
      </c>
      <c r="EZ8" s="104">
        <v>409</v>
      </c>
      <c r="FA8" s="101">
        <v>94</v>
      </c>
      <c r="FB8" s="102">
        <v>100</v>
      </c>
      <c r="FC8" s="103">
        <v>194</v>
      </c>
      <c r="FD8" s="413">
        <v>0</v>
      </c>
      <c r="FE8" s="102">
        <v>85</v>
      </c>
      <c r="FF8" s="102">
        <v>110</v>
      </c>
      <c r="FG8" s="102">
        <v>65</v>
      </c>
      <c r="FH8" s="102">
        <v>56</v>
      </c>
      <c r="FI8" s="102">
        <v>38</v>
      </c>
      <c r="FJ8" s="103">
        <v>354</v>
      </c>
      <c r="FK8" s="104">
        <v>548</v>
      </c>
      <c r="FL8" s="101">
        <v>57</v>
      </c>
      <c r="FM8" s="102">
        <v>85</v>
      </c>
      <c r="FN8" s="103">
        <v>142</v>
      </c>
      <c r="FO8" s="413">
        <v>0</v>
      </c>
      <c r="FP8" s="102">
        <v>120</v>
      </c>
      <c r="FQ8" s="102">
        <v>164</v>
      </c>
      <c r="FR8" s="102">
        <v>135</v>
      </c>
      <c r="FS8" s="102">
        <v>135</v>
      </c>
      <c r="FT8" s="102">
        <v>88</v>
      </c>
      <c r="FU8" s="103">
        <v>642</v>
      </c>
      <c r="FV8" s="104">
        <v>784</v>
      </c>
      <c r="FW8" s="101">
        <v>0</v>
      </c>
      <c r="FX8" s="102">
        <v>0</v>
      </c>
      <c r="FY8" s="103">
        <v>0</v>
      </c>
      <c r="FZ8" s="413">
        <v>0</v>
      </c>
      <c r="GA8" s="102">
        <v>0</v>
      </c>
      <c r="GB8" s="102">
        <v>0</v>
      </c>
      <c r="GC8" s="102">
        <v>0</v>
      </c>
      <c r="GD8" s="102">
        <v>0</v>
      </c>
      <c r="GE8" s="102">
        <v>0</v>
      </c>
      <c r="GF8" s="103">
        <v>0</v>
      </c>
      <c r="GG8" s="104">
        <v>0</v>
      </c>
      <c r="GH8" s="101">
        <v>288</v>
      </c>
      <c r="GI8" s="102">
        <v>362</v>
      </c>
      <c r="GJ8" s="103">
        <v>650</v>
      </c>
      <c r="GK8" s="413">
        <v>0</v>
      </c>
      <c r="GL8" s="102">
        <v>328</v>
      </c>
      <c r="GM8" s="102">
        <v>380</v>
      </c>
      <c r="GN8" s="102">
        <v>266</v>
      </c>
      <c r="GO8" s="102">
        <v>250</v>
      </c>
      <c r="GP8" s="102">
        <v>169</v>
      </c>
      <c r="GQ8" s="103">
        <v>1393</v>
      </c>
      <c r="GR8" s="104">
        <v>2043</v>
      </c>
      <c r="GS8" s="105">
        <v>2101</v>
      </c>
      <c r="GT8" s="97">
        <v>2514</v>
      </c>
      <c r="GU8" s="98">
        <v>4615</v>
      </c>
      <c r="GV8" s="413">
        <v>0</v>
      </c>
      <c r="GW8" s="97">
        <v>2509</v>
      </c>
      <c r="GX8" s="97">
        <v>2989</v>
      </c>
      <c r="GY8" s="97">
        <v>1834</v>
      </c>
      <c r="GZ8" s="97">
        <v>1540</v>
      </c>
      <c r="HA8" s="97">
        <v>855</v>
      </c>
      <c r="HB8" s="99">
        <v>9727</v>
      </c>
      <c r="HC8" s="100">
        <v>14342</v>
      </c>
      <c r="HD8" s="101">
        <v>29</v>
      </c>
      <c r="HE8" s="102">
        <v>44</v>
      </c>
      <c r="HF8" s="103">
        <v>73</v>
      </c>
      <c r="HG8" s="413">
        <v>0</v>
      </c>
      <c r="HH8" s="102">
        <v>34</v>
      </c>
      <c r="HI8" s="102">
        <v>46</v>
      </c>
      <c r="HJ8" s="102">
        <v>29</v>
      </c>
      <c r="HK8" s="102">
        <v>27</v>
      </c>
      <c r="HL8" s="102">
        <v>16</v>
      </c>
      <c r="HM8" s="103">
        <v>152</v>
      </c>
      <c r="HN8" s="104">
        <v>225</v>
      </c>
      <c r="HO8" s="101">
        <v>62</v>
      </c>
      <c r="HP8" s="102">
        <v>96</v>
      </c>
      <c r="HQ8" s="103">
        <v>158</v>
      </c>
      <c r="HR8" s="413">
        <v>0</v>
      </c>
      <c r="HS8" s="102">
        <v>61</v>
      </c>
      <c r="HT8" s="102">
        <v>124</v>
      </c>
      <c r="HU8" s="102">
        <v>69</v>
      </c>
      <c r="HV8" s="102">
        <v>54</v>
      </c>
      <c r="HW8" s="102">
        <v>51</v>
      </c>
      <c r="HX8" s="103">
        <v>359</v>
      </c>
      <c r="HY8" s="104">
        <v>517</v>
      </c>
      <c r="HZ8" s="101">
        <v>172</v>
      </c>
      <c r="IA8" s="102">
        <v>221</v>
      </c>
      <c r="IB8" s="103">
        <v>393</v>
      </c>
      <c r="IC8" s="413">
        <v>0</v>
      </c>
      <c r="ID8" s="102">
        <v>173</v>
      </c>
      <c r="IE8" s="102">
        <v>225</v>
      </c>
      <c r="IF8" s="102">
        <v>135</v>
      </c>
      <c r="IG8" s="102">
        <v>102</v>
      </c>
      <c r="IH8" s="102">
        <v>78</v>
      </c>
      <c r="II8" s="103">
        <v>713</v>
      </c>
      <c r="IJ8" s="104">
        <v>1106</v>
      </c>
      <c r="IK8" s="101">
        <v>444</v>
      </c>
      <c r="IL8" s="102">
        <v>512</v>
      </c>
      <c r="IM8" s="103">
        <v>956</v>
      </c>
      <c r="IN8" s="413">
        <v>0</v>
      </c>
      <c r="IO8" s="102">
        <v>476</v>
      </c>
      <c r="IP8" s="102">
        <v>490</v>
      </c>
      <c r="IQ8" s="102">
        <v>291</v>
      </c>
      <c r="IR8" s="102">
        <v>230</v>
      </c>
      <c r="IS8" s="102">
        <v>141</v>
      </c>
      <c r="IT8" s="103">
        <v>1628</v>
      </c>
      <c r="IU8" s="104">
        <v>2584</v>
      </c>
      <c r="IV8" s="101">
        <v>693</v>
      </c>
      <c r="IW8" s="102">
        <v>797</v>
      </c>
      <c r="IX8" s="103">
        <v>1490</v>
      </c>
      <c r="IY8" s="413">
        <v>0</v>
      </c>
      <c r="IZ8" s="102">
        <v>832</v>
      </c>
      <c r="JA8" s="102">
        <v>888</v>
      </c>
      <c r="JB8" s="102">
        <v>502</v>
      </c>
      <c r="JC8" s="102">
        <v>407</v>
      </c>
      <c r="JD8" s="102">
        <v>235</v>
      </c>
      <c r="JE8" s="103">
        <v>2864</v>
      </c>
      <c r="JF8" s="104">
        <v>4354</v>
      </c>
      <c r="JG8" s="101">
        <v>701</v>
      </c>
      <c r="JH8" s="102">
        <v>844</v>
      </c>
      <c r="JI8" s="103">
        <v>1545</v>
      </c>
      <c r="JJ8" s="413">
        <v>0</v>
      </c>
      <c r="JK8" s="102">
        <v>933</v>
      </c>
      <c r="JL8" s="102">
        <v>1216</v>
      </c>
      <c r="JM8" s="102">
        <v>808</v>
      </c>
      <c r="JN8" s="102">
        <v>720</v>
      </c>
      <c r="JO8" s="102">
        <v>334</v>
      </c>
      <c r="JP8" s="103">
        <v>4011</v>
      </c>
      <c r="JQ8" s="104">
        <v>5556</v>
      </c>
      <c r="JR8" s="101">
        <v>0</v>
      </c>
      <c r="JS8" s="102">
        <v>0</v>
      </c>
      <c r="JT8" s="103">
        <v>0</v>
      </c>
      <c r="JU8" s="413">
        <v>0</v>
      </c>
      <c r="JV8" s="102">
        <v>0</v>
      </c>
      <c r="JW8" s="102">
        <v>0</v>
      </c>
      <c r="JX8" s="102">
        <v>0</v>
      </c>
      <c r="JY8" s="102">
        <v>0</v>
      </c>
      <c r="JZ8" s="102">
        <v>0</v>
      </c>
      <c r="KA8" s="103">
        <v>0</v>
      </c>
      <c r="KB8" s="104">
        <v>0</v>
      </c>
      <c r="KC8" s="101">
        <v>2101</v>
      </c>
      <c r="KD8" s="102">
        <v>2514</v>
      </c>
      <c r="KE8" s="103">
        <v>4615</v>
      </c>
      <c r="KF8" s="413">
        <v>0</v>
      </c>
      <c r="KG8" s="102">
        <v>2509</v>
      </c>
      <c r="KH8" s="102">
        <v>2989</v>
      </c>
      <c r="KI8" s="102">
        <v>1834</v>
      </c>
      <c r="KJ8" s="102">
        <v>1540</v>
      </c>
      <c r="KK8" s="102">
        <v>855</v>
      </c>
      <c r="KL8" s="103">
        <v>9727</v>
      </c>
      <c r="KM8" s="104">
        <v>14342</v>
      </c>
    </row>
    <row r="9" spans="2:299" s="70" customFormat="1" ht="21" customHeight="1" x14ac:dyDescent="0.2">
      <c r="B9" s="106" t="s">
        <v>6</v>
      </c>
      <c r="C9" s="96">
        <v>497</v>
      </c>
      <c r="D9" s="97">
        <v>379</v>
      </c>
      <c r="E9" s="98">
        <v>876</v>
      </c>
      <c r="F9" s="413">
        <v>0</v>
      </c>
      <c r="G9" s="97">
        <v>800</v>
      </c>
      <c r="H9" s="97">
        <v>642</v>
      </c>
      <c r="I9" s="97">
        <v>385</v>
      </c>
      <c r="J9" s="97">
        <v>328</v>
      </c>
      <c r="K9" s="97">
        <v>204</v>
      </c>
      <c r="L9" s="99">
        <v>2359</v>
      </c>
      <c r="M9" s="100">
        <v>3235</v>
      </c>
      <c r="N9" s="101">
        <v>12</v>
      </c>
      <c r="O9" s="102">
        <v>7</v>
      </c>
      <c r="P9" s="103">
        <v>19</v>
      </c>
      <c r="Q9" s="413">
        <v>0</v>
      </c>
      <c r="R9" s="102">
        <v>9</v>
      </c>
      <c r="S9" s="102">
        <v>13</v>
      </c>
      <c r="T9" s="102">
        <v>9</v>
      </c>
      <c r="U9" s="102">
        <v>4</v>
      </c>
      <c r="V9" s="102">
        <v>7</v>
      </c>
      <c r="W9" s="103">
        <v>42</v>
      </c>
      <c r="X9" s="104">
        <v>61</v>
      </c>
      <c r="Y9" s="101">
        <v>25</v>
      </c>
      <c r="Z9" s="102">
        <v>15</v>
      </c>
      <c r="AA9" s="103">
        <v>40</v>
      </c>
      <c r="AB9" s="413">
        <v>0</v>
      </c>
      <c r="AC9" s="102">
        <v>29</v>
      </c>
      <c r="AD9" s="102">
        <v>22</v>
      </c>
      <c r="AE9" s="102">
        <v>11</v>
      </c>
      <c r="AF9" s="102">
        <v>21</v>
      </c>
      <c r="AG9" s="102">
        <v>14</v>
      </c>
      <c r="AH9" s="103">
        <v>97</v>
      </c>
      <c r="AI9" s="104">
        <v>137</v>
      </c>
      <c r="AJ9" s="101">
        <v>49</v>
      </c>
      <c r="AK9" s="102">
        <v>33</v>
      </c>
      <c r="AL9" s="103">
        <v>82</v>
      </c>
      <c r="AM9" s="413">
        <v>0</v>
      </c>
      <c r="AN9" s="102">
        <v>60</v>
      </c>
      <c r="AO9" s="102">
        <v>51</v>
      </c>
      <c r="AP9" s="102">
        <v>23</v>
      </c>
      <c r="AQ9" s="102">
        <v>30</v>
      </c>
      <c r="AR9" s="102">
        <v>18</v>
      </c>
      <c r="AS9" s="103">
        <v>182</v>
      </c>
      <c r="AT9" s="104">
        <v>264</v>
      </c>
      <c r="AU9" s="101">
        <v>95</v>
      </c>
      <c r="AV9" s="102">
        <v>66</v>
      </c>
      <c r="AW9" s="103">
        <v>161</v>
      </c>
      <c r="AX9" s="413">
        <v>0</v>
      </c>
      <c r="AY9" s="102">
        <v>152</v>
      </c>
      <c r="AZ9" s="102">
        <v>122</v>
      </c>
      <c r="BA9" s="102">
        <v>74</v>
      </c>
      <c r="BB9" s="102">
        <v>39</v>
      </c>
      <c r="BC9" s="102">
        <v>35</v>
      </c>
      <c r="BD9" s="103">
        <v>422</v>
      </c>
      <c r="BE9" s="104">
        <v>583</v>
      </c>
      <c r="BF9" s="101">
        <v>172</v>
      </c>
      <c r="BG9" s="102">
        <v>133</v>
      </c>
      <c r="BH9" s="103">
        <v>305</v>
      </c>
      <c r="BI9" s="413">
        <v>0</v>
      </c>
      <c r="BJ9" s="102">
        <v>229</v>
      </c>
      <c r="BK9" s="102">
        <v>183</v>
      </c>
      <c r="BL9" s="102">
        <v>103</v>
      </c>
      <c r="BM9" s="102">
        <v>93</v>
      </c>
      <c r="BN9" s="102">
        <v>66</v>
      </c>
      <c r="BO9" s="103">
        <v>674</v>
      </c>
      <c r="BP9" s="104">
        <v>979</v>
      </c>
      <c r="BQ9" s="101">
        <v>144</v>
      </c>
      <c r="BR9" s="102">
        <v>125</v>
      </c>
      <c r="BS9" s="103">
        <v>269</v>
      </c>
      <c r="BT9" s="413">
        <v>0</v>
      </c>
      <c r="BU9" s="102">
        <v>321</v>
      </c>
      <c r="BV9" s="102">
        <v>251</v>
      </c>
      <c r="BW9" s="102">
        <v>165</v>
      </c>
      <c r="BX9" s="102">
        <v>141</v>
      </c>
      <c r="BY9" s="102">
        <v>64</v>
      </c>
      <c r="BZ9" s="103">
        <v>942</v>
      </c>
      <c r="CA9" s="104">
        <v>1211</v>
      </c>
      <c r="CB9" s="101">
        <v>0</v>
      </c>
      <c r="CC9" s="102">
        <v>0</v>
      </c>
      <c r="CD9" s="103">
        <v>0</v>
      </c>
      <c r="CE9" s="413">
        <v>0</v>
      </c>
      <c r="CF9" s="102">
        <v>0</v>
      </c>
      <c r="CG9" s="102">
        <v>0</v>
      </c>
      <c r="CH9" s="102">
        <v>0</v>
      </c>
      <c r="CI9" s="102">
        <v>0</v>
      </c>
      <c r="CJ9" s="102">
        <v>0</v>
      </c>
      <c r="CK9" s="103">
        <v>0</v>
      </c>
      <c r="CL9" s="104">
        <v>0</v>
      </c>
      <c r="CM9" s="101">
        <v>497</v>
      </c>
      <c r="CN9" s="102">
        <v>379</v>
      </c>
      <c r="CO9" s="103">
        <v>876</v>
      </c>
      <c r="CP9" s="413">
        <v>0</v>
      </c>
      <c r="CQ9" s="102">
        <v>800</v>
      </c>
      <c r="CR9" s="102">
        <v>642</v>
      </c>
      <c r="CS9" s="102">
        <v>385</v>
      </c>
      <c r="CT9" s="102">
        <v>328</v>
      </c>
      <c r="CU9" s="102">
        <v>204</v>
      </c>
      <c r="CV9" s="103">
        <v>2359</v>
      </c>
      <c r="CW9" s="104">
        <v>3235</v>
      </c>
      <c r="CX9" s="105">
        <v>104</v>
      </c>
      <c r="CY9" s="97">
        <v>104</v>
      </c>
      <c r="CZ9" s="98">
        <v>208</v>
      </c>
      <c r="DA9" s="413">
        <v>0</v>
      </c>
      <c r="DB9" s="97">
        <v>129</v>
      </c>
      <c r="DC9" s="97">
        <v>108</v>
      </c>
      <c r="DD9" s="97">
        <v>82</v>
      </c>
      <c r="DE9" s="97">
        <v>86</v>
      </c>
      <c r="DF9" s="97">
        <v>56</v>
      </c>
      <c r="DG9" s="99">
        <v>461</v>
      </c>
      <c r="DH9" s="100">
        <v>669</v>
      </c>
      <c r="DI9" s="101">
        <v>1</v>
      </c>
      <c r="DJ9" s="102">
        <v>1</v>
      </c>
      <c r="DK9" s="103">
        <v>2</v>
      </c>
      <c r="DL9" s="413">
        <v>0</v>
      </c>
      <c r="DM9" s="102">
        <v>1</v>
      </c>
      <c r="DN9" s="102">
        <v>2</v>
      </c>
      <c r="DO9" s="102">
        <v>1</v>
      </c>
      <c r="DP9" s="102">
        <v>2</v>
      </c>
      <c r="DQ9" s="102">
        <v>0</v>
      </c>
      <c r="DR9" s="103">
        <v>6</v>
      </c>
      <c r="DS9" s="104">
        <v>8</v>
      </c>
      <c r="DT9" s="101">
        <v>5</v>
      </c>
      <c r="DU9" s="102">
        <v>6</v>
      </c>
      <c r="DV9" s="103">
        <v>11</v>
      </c>
      <c r="DW9" s="413">
        <v>0</v>
      </c>
      <c r="DX9" s="102">
        <v>6</v>
      </c>
      <c r="DY9" s="102">
        <v>2</v>
      </c>
      <c r="DZ9" s="102">
        <v>2</v>
      </c>
      <c r="EA9" s="102">
        <v>4</v>
      </c>
      <c r="EB9" s="102">
        <v>1</v>
      </c>
      <c r="EC9" s="103">
        <v>15</v>
      </c>
      <c r="ED9" s="104">
        <v>26</v>
      </c>
      <c r="EE9" s="101">
        <v>15</v>
      </c>
      <c r="EF9" s="102">
        <v>9</v>
      </c>
      <c r="EG9" s="103">
        <v>24</v>
      </c>
      <c r="EH9" s="413">
        <v>0</v>
      </c>
      <c r="EI9" s="102">
        <v>10</v>
      </c>
      <c r="EJ9" s="102">
        <v>4</v>
      </c>
      <c r="EK9" s="102">
        <v>6</v>
      </c>
      <c r="EL9" s="102">
        <v>2</v>
      </c>
      <c r="EM9" s="102">
        <v>2</v>
      </c>
      <c r="EN9" s="103">
        <v>24</v>
      </c>
      <c r="EO9" s="104">
        <v>48</v>
      </c>
      <c r="EP9" s="101">
        <v>33</v>
      </c>
      <c r="EQ9" s="102">
        <v>28</v>
      </c>
      <c r="ER9" s="103">
        <v>61</v>
      </c>
      <c r="ES9" s="413">
        <v>0</v>
      </c>
      <c r="ET9" s="102">
        <v>26</v>
      </c>
      <c r="EU9" s="102">
        <v>18</v>
      </c>
      <c r="EV9" s="102">
        <v>10</v>
      </c>
      <c r="EW9" s="102">
        <v>8</v>
      </c>
      <c r="EX9" s="102">
        <v>4</v>
      </c>
      <c r="EY9" s="103">
        <v>66</v>
      </c>
      <c r="EZ9" s="104">
        <v>127</v>
      </c>
      <c r="FA9" s="101">
        <v>30</v>
      </c>
      <c r="FB9" s="102">
        <v>34</v>
      </c>
      <c r="FC9" s="103">
        <v>64</v>
      </c>
      <c r="FD9" s="413">
        <v>0</v>
      </c>
      <c r="FE9" s="102">
        <v>40</v>
      </c>
      <c r="FF9" s="102">
        <v>28</v>
      </c>
      <c r="FG9" s="102">
        <v>27</v>
      </c>
      <c r="FH9" s="102">
        <v>23</v>
      </c>
      <c r="FI9" s="102">
        <v>19</v>
      </c>
      <c r="FJ9" s="103">
        <v>137</v>
      </c>
      <c r="FK9" s="104">
        <v>201</v>
      </c>
      <c r="FL9" s="101">
        <v>20</v>
      </c>
      <c r="FM9" s="102">
        <v>26</v>
      </c>
      <c r="FN9" s="103">
        <v>46</v>
      </c>
      <c r="FO9" s="413">
        <v>0</v>
      </c>
      <c r="FP9" s="102">
        <v>46</v>
      </c>
      <c r="FQ9" s="102">
        <v>54</v>
      </c>
      <c r="FR9" s="102">
        <v>36</v>
      </c>
      <c r="FS9" s="102">
        <v>47</v>
      </c>
      <c r="FT9" s="102">
        <v>30</v>
      </c>
      <c r="FU9" s="103">
        <v>213</v>
      </c>
      <c r="FV9" s="104">
        <v>259</v>
      </c>
      <c r="FW9" s="101">
        <v>0</v>
      </c>
      <c r="FX9" s="102">
        <v>0</v>
      </c>
      <c r="FY9" s="103">
        <v>0</v>
      </c>
      <c r="FZ9" s="413">
        <v>0</v>
      </c>
      <c r="GA9" s="102">
        <v>0</v>
      </c>
      <c r="GB9" s="102">
        <v>0</v>
      </c>
      <c r="GC9" s="102">
        <v>0</v>
      </c>
      <c r="GD9" s="102">
        <v>0</v>
      </c>
      <c r="GE9" s="102">
        <v>0</v>
      </c>
      <c r="GF9" s="103">
        <v>0</v>
      </c>
      <c r="GG9" s="104">
        <v>0</v>
      </c>
      <c r="GH9" s="101">
        <v>104</v>
      </c>
      <c r="GI9" s="102">
        <v>104</v>
      </c>
      <c r="GJ9" s="103">
        <v>208</v>
      </c>
      <c r="GK9" s="413">
        <v>0</v>
      </c>
      <c r="GL9" s="102">
        <v>129</v>
      </c>
      <c r="GM9" s="102">
        <v>108</v>
      </c>
      <c r="GN9" s="102">
        <v>82</v>
      </c>
      <c r="GO9" s="102">
        <v>86</v>
      </c>
      <c r="GP9" s="102">
        <v>56</v>
      </c>
      <c r="GQ9" s="103">
        <v>461</v>
      </c>
      <c r="GR9" s="104">
        <v>669</v>
      </c>
      <c r="GS9" s="105">
        <v>601</v>
      </c>
      <c r="GT9" s="97">
        <v>483</v>
      </c>
      <c r="GU9" s="98">
        <v>1084</v>
      </c>
      <c r="GV9" s="413">
        <v>0</v>
      </c>
      <c r="GW9" s="97">
        <v>929</v>
      </c>
      <c r="GX9" s="97">
        <v>750</v>
      </c>
      <c r="GY9" s="97">
        <v>467</v>
      </c>
      <c r="GZ9" s="97">
        <v>414</v>
      </c>
      <c r="HA9" s="97">
        <v>260</v>
      </c>
      <c r="HB9" s="99">
        <v>2820</v>
      </c>
      <c r="HC9" s="100">
        <v>3904</v>
      </c>
      <c r="HD9" s="101">
        <v>13</v>
      </c>
      <c r="HE9" s="102">
        <v>8</v>
      </c>
      <c r="HF9" s="103">
        <v>21</v>
      </c>
      <c r="HG9" s="413">
        <v>0</v>
      </c>
      <c r="HH9" s="102">
        <v>10</v>
      </c>
      <c r="HI9" s="102">
        <v>15</v>
      </c>
      <c r="HJ9" s="102">
        <v>10</v>
      </c>
      <c r="HK9" s="102">
        <v>6</v>
      </c>
      <c r="HL9" s="102">
        <v>7</v>
      </c>
      <c r="HM9" s="103">
        <v>48</v>
      </c>
      <c r="HN9" s="104">
        <v>69</v>
      </c>
      <c r="HO9" s="101">
        <v>30</v>
      </c>
      <c r="HP9" s="102">
        <v>21</v>
      </c>
      <c r="HQ9" s="103">
        <v>51</v>
      </c>
      <c r="HR9" s="413">
        <v>0</v>
      </c>
      <c r="HS9" s="102">
        <v>35</v>
      </c>
      <c r="HT9" s="102">
        <v>24</v>
      </c>
      <c r="HU9" s="102">
        <v>13</v>
      </c>
      <c r="HV9" s="102">
        <v>25</v>
      </c>
      <c r="HW9" s="102">
        <v>15</v>
      </c>
      <c r="HX9" s="103">
        <v>112</v>
      </c>
      <c r="HY9" s="104">
        <v>163</v>
      </c>
      <c r="HZ9" s="101">
        <v>64</v>
      </c>
      <c r="IA9" s="102">
        <v>42</v>
      </c>
      <c r="IB9" s="103">
        <v>106</v>
      </c>
      <c r="IC9" s="413">
        <v>0</v>
      </c>
      <c r="ID9" s="102">
        <v>70</v>
      </c>
      <c r="IE9" s="102">
        <v>55</v>
      </c>
      <c r="IF9" s="102">
        <v>29</v>
      </c>
      <c r="IG9" s="102">
        <v>32</v>
      </c>
      <c r="IH9" s="102">
        <v>20</v>
      </c>
      <c r="II9" s="103">
        <v>206</v>
      </c>
      <c r="IJ9" s="104">
        <v>312</v>
      </c>
      <c r="IK9" s="101">
        <v>128</v>
      </c>
      <c r="IL9" s="102">
        <v>94</v>
      </c>
      <c r="IM9" s="103">
        <v>222</v>
      </c>
      <c r="IN9" s="413">
        <v>0</v>
      </c>
      <c r="IO9" s="102">
        <v>178</v>
      </c>
      <c r="IP9" s="102">
        <v>140</v>
      </c>
      <c r="IQ9" s="102">
        <v>84</v>
      </c>
      <c r="IR9" s="102">
        <v>47</v>
      </c>
      <c r="IS9" s="102">
        <v>39</v>
      </c>
      <c r="IT9" s="103">
        <v>488</v>
      </c>
      <c r="IU9" s="104">
        <v>710</v>
      </c>
      <c r="IV9" s="101">
        <v>202</v>
      </c>
      <c r="IW9" s="102">
        <v>167</v>
      </c>
      <c r="IX9" s="103">
        <v>369</v>
      </c>
      <c r="IY9" s="413">
        <v>0</v>
      </c>
      <c r="IZ9" s="102">
        <v>269</v>
      </c>
      <c r="JA9" s="102">
        <v>211</v>
      </c>
      <c r="JB9" s="102">
        <v>130</v>
      </c>
      <c r="JC9" s="102">
        <v>116</v>
      </c>
      <c r="JD9" s="102">
        <v>85</v>
      </c>
      <c r="JE9" s="103">
        <v>811</v>
      </c>
      <c r="JF9" s="104">
        <v>1180</v>
      </c>
      <c r="JG9" s="101">
        <v>164</v>
      </c>
      <c r="JH9" s="102">
        <v>151</v>
      </c>
      <c r="JI9" s="103">
        <v>315</v>
      </c>
      <c r="JJ9" s="413">
        <v>0</v>
      </c>
      <c r="JK9" s="102">
        <v>367</v>
      </c>
      <c r="JL9" s="102">
        <v>305</v>
      </c>
      <c r="JM9" s="102">
        <v>201</v>
      </c>
      <c r="JN9" s="102">
        <v>188</v>
      </c>
      <c r="JO9" s="102">
        <v>94</v>
      </c>
      <c r="JP9" s="103">
        <v>1155</v>
      </c>
      <c r="JQ9" s="104">
        <v>1470</v>
      </c>
      <c r="JR9" s="101">
        <v>0</v>
      </c>
      <c r="JS9" s="102">
        <v>0</v>
      </c>
      <c r="JT9" s="103">
        <v>0</v>
      </c>
      <c r="JU9" s="413">
        <v>0</v>
      </c>
      <c r="JV9" s="102">
        <v>0</v>
      </c>
      <c r="JW9" s="102">
        <v>0</v>
      </c>
      <c r="JX9" s="102">
        <v>0</v>
      </c>
      <c r="JY9" s="102">
        <v>0</v>
      </c>
      <c r="JZ9" s="102">
        <v>0</v>
      </c>
      <c r="KA9" s="103">
        <v>0</v>
      </c>
      <c r="KB9" s="104">
        <v>0</v>
      </c>
      <c r="KC9" s="101">
        <v>601</v>
      </c>
      <c r="KD9" s="102">
        <v>483</v>
      </c>
      <c r="KE9" s="103">
        <v>1084</v>
      </c>
      <c r="KF9" s="413">
        <v>0</v>
      </c>
      <c r="KG9" s="102">
        <v>929</v>
      </c>
      <c r="KH9" s="102">
        <v>750</v>
      </c>
      <c r="KI9" s="102">
        <v>467</v>
      </c>
      <c r="KJ9" s="102">
        <v>414</v>
      </c>
      <c r="KK9" s="102">
        <v>260</v>
      </c>
      <c r="KL9" s="103">
        <v>2820</v>
      </c>
      <c r="KM9" s="104">
        <v>3904</v>
      </c>
    </row>
    <row r="10" spans="2:299" s="70" customFormat="1" ht="21" customHeight="1" x14ac:dyDescent="0.2">
      <c r="B10" s="106" t="s">
        <v>14</v>
      </c>
      <c r="C10" s="96">
        <v>289</v>
      </c>
      <c r="D10" s="97">
        <v>353</v>
      </c>
      <c r="E10" s="98">
        <v>642</v>
      </c>
      <c r="F10" s="413">
        <v>0</v>
      </c>
      <c r="G10" s="97">
        <v>401</v>
      </c>
      <c r="H10" s="97">
        <v>415</v>
      </c>
      <c r="I10" s="97">
        <v>293</v>
      </c>
      <c r="J10" s="97">
        <v>220</v>
      </c>
      <c r="K10" s="97">
        <v>139</v>
      </c>
      <c r="L10" s="99">
        <v>1468</v>
      </c>
      <c r="M10" s="100">
        <v>2110</v>
      </c>
      <c r="N10" s="101">
        <v>4</v>
      </c>
      <c r="O10" s="102">
        <v>9</v>
      </c>
      <c r="P10" s="103">
        <v>13</v>
      </c>
      <c r="Q10" s="413">
        <v>0</v>
      </c>
      <c r="R10" s="102">
        <v>6</v>
      </c>
      <c r="S10" s="102">
        <v>6</v>
      </c>
      <c r="T10" s="102">
        <v>6</v>
      </c>
      <c r="U10" s="102">
        <v>7</v>
      </c>
      <c r="V10" s="102">
        <v>4</v>
      </c>
      <c r="W10" s="103">
        <v>29</v>
      </c>
      <c r="X10" s="104">
        <v>42</v>
      </c>
      <c r="Y10" s="101">
        <v>13</v>
      </c>
      <c r="Z10" s="102">
        <v>22</v>
      </c>
      <c r="AA10" s="103">
        <v>35</v>
      </c>
      <c r="AB10" s="413">
        <v>0</v>
      </c>
      <c r="AC10" s="102">
        <v>17</v>
      </c>
      <c r="AD10" s="102">
        <v>21</v>
      </c>
      <c r="AE10" s="102">
        <v>9</v>
      </c>
      <c r="AF10" s="102">
        <v>9</v>
      </c>
      <c r="AG10" s="102">
        <v>9</v>
      </c>
      <c r="AH10" s="103">
        <v>65</v>
      </c>
      <c r="AI10" s="104">
        <v>100</v>
      </c>
      <c r="AJ10" s="101">
        <v>22</v>
      </c>
      <c r="AK10" s="102">
        <v>32</v>
      </c>
      <c r="AL10" s="103">
        <v>54</v>
      </c>
      <c r="AM10" s="413">
        <v>0</v>
      </c>
      <c r="AN10" s="102">
        <v>38</v>
      </c>
      <c r="AO10" s="102">
        <v>34</v>
      </c>
      <c r="AP10" s="102">
        <v>14</v>
      </c>
      <c r="AQ10" s="102">
        <v>19</v>
      </c>
      <c r="AR10" s="102">
        <v>15</v>
      </c>
      <c r="AS10" s="103">
        <v>120</v>
      </c>
      <c r="AT10" s="104">
        <v>174</v>
      </c>
      <c r="AU10" s="101">
        <v>72</v>
      </c>
      <c r="AV10" s="102">
        <v>89</v>
      </c>
      <c r="AW10" s="103">
        <v>161</v>
      </c>
      <c r="AX10" s="413">
        <v>0</v>
      </c>
      <c r="AY10" s="102">
        <v>89</v>
      </c>
      <c r="AZ10" s="102">
        <v>91</v>
      </c>
      <c r="BA10" s="102">
        <v>64</v>
      </c>
      <c r="BB10" s="102">
        <v>45</v>
      </c>
      <c r="BC10" s="102">
        <v>22</v>
      </c>
      <c r="BD10" s="103">
        <v>311</v>
      </c>
      <c r="BE10" s="104">
        <v>472</v>
      </c>
      <c r="BF10" s="101">
        <v>91</v>
      </c>
      <c r="BG10" s="102">
        <v>109</v>
      </c>
      <c r="BH10" s="103">
        <v>200</v>
      </c>
      <c r="BI10" s="413">
        <v>0</v>
      </c>
      <c r="BJ10" s="102">
        <v>119</v>
      </c>
      <c r="BK10" s="102">
        <v>133</v>
      </c>
      <c r="BL10" s="102">
        <v>81</v>
      </c>
      <c r="BM10" s="102">
        <v>70</v>
      </c>
      <c r="BN10" s="102">
        <v>38</v>
      </c>
      <c r="BO10" s="103">
        <v>441</v>
      </c>
      <c r="BP10" s="104">
        <v>641</v>
      </c>
      <c r="BQ10" s="101">
        <v>87</v>
      </c>
      <c r="BR10" s="102">
        <v>92</v>
      </c>
      <c r="BS10" s="103">
        <v>179</v>
      </c>
      <c r="BT10" s="413">
        <v>0</v>
      </c>
      <c r="BU10" s="102">
        <v>132</v>
      </c>
      <c r="BV10" s="102">
        <v>130</v>
      </c>
      <c r="BW10" s="102">
        <v>119</v>
      </c>
      <c r="BX10" s="102">
        <v>70</v>
      </c>
      <c r="BY10" s="102">
        <v>51</v>
      </c>
      <c r="BZ10" s="103">
        <v>502</v>
      </c>
      <c r="CA10" s="104">
        <v>681</v>
      </c>
      <c r="CB10" s="101">
        <v>0</v>
      </c>
      <c r="CC10" s="102">
        <v>0</v>
      </c>
      <c r="CD10" s="103">
        <v>0</v>
      </c>
      <c r="CE10" s="413">
        <v>0</v>
      </c>
      <c r="CF10" s="102">
        <v>0</v>
      </c>
      <c r="CG10" s="102">
        <v>0</v>
      </c>
      <c r="CH10" s="102">
        <v>0</v>
      </c>
      <c r="CI10" s="102">
        <v>0</v>
      </c>
      <c r="CJ10" s="102">
        <v>0</v>
      </c>
      <c r="CK10" s="103">
        <v>0</v>
      </c>
      <c r="CL10" s="104">
        <v>0</v>
      </c>
      <c r="CM10" s="101">
        <v>289</v>
      </c>
      <c r="CN10" s="102">
        <v>353</v>
      </c>
      <c r="CO10" s="103">
        <v>642</v>
      </c>
      <c r="CP10" s="413">
        <v>0</v>
      </c>
      <c r="CQ10" s="102">
        <v>401</v>
      </c>
      <c r="CR10" s="102">
        <v>415</v>
      </c>
      <c r="CS10" s="102">
        <v>293</v>
      </c>
      <c r="CT10" s="102">
        <v>220</v>
      </c>
      <c r="CU10" s="102">
        <v>139</v>
      </c>
      <c r="CV10" s="103">
        <v>1468</v>
      </c>
      <c r="CW10" s="104">
        <v>2110</v>
      </c>
      <c r="CX10" s="105">
        <v>38</v>
      </c>
      <c r="CY10" s="97">
        <v>47</v>
      </c>
      <c r="CZ10" s="98">
        <v>85</v>
      </c>
      <c r="DA10" s="413">
        <v>0</v>
      </c>
      <c r="DB10" s="97">
        <v>41</v>
      </c>
      <c r="DC10" s="97">
        <v>58</v>
      </c>
      <c r="DD10" s="97">
        <v>37</v>
      </c>
      <c r="DE10" s="97">
        <v>34</v>
      </c>
      <c r="DF10" s="97">
        <v>17</v>
      </c>
      <c r="DG10" s="99">
        <v>187</v>
      </c>
      <c r="DH10" s="100">
        <v>272</v>
      </c>
      <c r="DI10" s="101">
        <v>0</v>
      </c>
      <c r="DJ10" s="102">
        <v>3</v>
      </c>
      <c r="DK10" s="103">
        <v>3</v>
      </c>
      <c r="DL10" s="413">
        <v>0</v>
      </c>
      <c r="DM10" s="102">
        <v>0</v>
      </c>
      <c r="DN10" s="102">
        <v>3</v>
      </c>
      <c r="DO10" s="102">
        <v>2</v>
      </c>
      <c r="DP10" s="102">
        <v>0</v>
      </c>
      <c r="DQ10" s="102">
        <v>1</v>
      </c>
      <c r="DR10" s="103">
        <v>6</v>
      </c>
      <c r="DS10" s="104">
        <v>9</v>
      </c>
      <c r="DT10" s="101">
        <v>5</v>
      </c>
      <c r="DU10" s="102">
        <v>1</v>
      </c>
      <c r="DV10" s="103">
        <v>6</v>
      </c>
      <c r="DW10" s="413">
        <v>0</v>
      </c>
      <c r="DX10" s="102">
        <v>1</v>
      </c>
      <c r="DY10" s="102">
        <v>5</v>
      </c>
      <c r="DZ10" s="102">
        <v>1</v>
      </c>
      <c r="EA10" s="102">
        <v>0</v>
      </c>
      <c r="EB10" s="102">
        <v>1</v>
      </c>
      <c r="EC10" s="103">
        <v>8</v>
      </c>
      <c r="ED10" s="104">
        <v>14</v>
      </c>
      <c r="EE10" s="101">
        <v>6</v>
      </c>
      <c r="EF10" s="102">
        <v>6</v>
      </c>
      <c r="EG10" s="103">
        <v>12</v>
      </c>
      <c r="EH10" s="413">
        <v>0</v>
      </c>
      <c r="EI10" s="102">
        <v>4</v>
      </c>
      <c r="EJ10" s="102">
        <v>6</v>
      </c>
      <c r="EK10" s="102">
        <v>4</v>
      </c>
      <c r="EL10" s="102">
        <v>2</v>
      </c>
      <c r="EM10" s="102">
        <v>2</v>
      </c>
      <c r="EN10" s="103">
        <v>18</v>
      </c>
      <c r="EO10" s="104">
        <v>30</v>
      </c>
      <c r="EP10" s="101">
        <v>11</v>
      </c>
      <c r="EQ10" s="102">
        <v>12</v>
      </c>
      <c r="ER10" s="103">
        <v>23</v>
      </c>
      <c r="ES10" s="413">
        <v>0</v>
      </c>
      <c r="ET10" s="102">
        <v>9</v>
      </c>
      <c r="EU10" s="102">
        <v>14</v>
      </c>
      <c r="EV10" s="102">
        <v>5</v>
      </c>
      <c r="EW10" s="102">
        <v>3</v>
      </c>
      <c r="EX10" s="102">
        <v>1</v>
      </c>
      <c r="EY10" s="103">
        <v>32</v>
      </c>
      <c r="EZ10" s="104">
        <v>55</v>
      </c>
      <c r="FA10" s="101">
        <v>7</v>
      </c>
      <c r="FB10" s="102">
        <v>14</v>
      </c>
      <c r="FC10" s="103">
        <v>21</v>
      </c>
      <c r="FD10" s="413">
        <v>0</v>
      </c>
      <c r="FE10" s="102">
        <v>14</v>
      </c>
      <c r="FF10" s="102">
        <v>15</v>
      </c>
      <c r="FG10" s="102">
        <v>9</v>
      </c>
      <c r="FH10" s="102">
        <v>9</v>
      </c>
      <c r="FI10" s="102">
        <v>7</v>
      </c>
      <c r="FJ10" s="103">
        <v>54</v>
      </c>
      <c r="FK10" s="104">
        <v>75</v>
      </c>
      <c r="FL10" s="101">
        <v>9</v>
      </c>
      <c r="FM10" s="102">
        <v>11</v>
      </c>
      <c r="FN10" s="103">
        <v>20</v>
      </c>
      <c r="FO10" s="413">
        <v>0</v>
      </c>
      <c r="FP10" s="102">
        <v>13</v>
      </c>
      <c r="FQ10" s="102">
        <v>15</v>
      </c>
      <c r="FR10" s="102">
        <v>16</v>
      </c>
      <c r="FS10" s="102">
        <v>20</v>
      </c>
      <c r="FT10" s="102">
        <v>5</v>
      </c>
      <c r="FU10" s="103">
        <v>69</v>
      </c>
      <c r="FV10" s="104">
        <v>89</v>
      </c>
      <c r="FW10" s="101">
        <v>0</v>
      </c>
      <c r="FX10" s="102">
        <v>0</v>
      </c>
      <c r="FY10" s="103">
        <v>0</v>
      </c>
      <c r="FZ10" s="413">
        <v>0</v>
      </c>
      <c r="GA10" s="102">
        <v>0</v>
      </c>
      <c r="GB10" s="102">
        <v>0</v>
      </c>
      <c r="GC10" s="102">
        <v>0</v>
      </c>
      <c r="GD10" s="102">
        <v>0</v>
      </c>
      <c r="GE10" s="102">
        <v>0</v>
      </c>
      <c r="GF10" s="103">
        <v>0</v>
      </c>
      <c r="GG10" s="104">
        <v>0</v>
      </c>
      <c r="GH10" s="101">
        <v>38</v>
      </c>
      <c r="GI10" s="102">
        <v>47</v>
      </c>
      <c r="GJ10" s="103">
        <v>85</v>
      </c>
      <c r="GK10" s="413">
        <v>0</v>
      </c>
      <c r="GL10" s="102">
        <v>41</v>
      </c>
      <c r="GM10" s="102">
        <v>58</v>
      </c>
      <c r="GN10" s="102">
        <v>37</v>
      </c>
      <c r="GO10" s="102">
        <v>34</v>
      </c>
      <c r="GP10" s="102">
        <v>17</v>
      </c>
      <c r="GQ10" s="103">
        <v>187</v>
      </c>
      <c r="GR10" s="104">
        <v>272</v>
      </c>
      <c r="GS10" s="105">
        <v>327</v>
      </c>
      <c r="GT10" s="97">
        <v>400</v>
      </c>
      <c r="GU10" s="98">
        <v>727</v>
      </c>
      <c r="GV10" s="413">
        <v>0</v>
      </c>
      <c r="GW10" s="97">
        <v>442</v>
      </c>
      <c r="GX10" s="97">
        <v>473</v>
      </c>
      <c r="GY10" s="97">
        <v>330</v>
      </c>
      <c r="GZ10" s="97">
        <v>254</v>
      </c>
      <c r="HA10" s="97">
        <v>156</v>
      </c>
      <c r="HB10" s="99">
        <v>1655</v>
      </c>
      <c r="HC10" s="100">
        <v>2382</v>
      </c>
      <c r="HD10" s="101">
        <v>4</v>
      </c>
      <c r="HE10" s="102">
        <v>12</v>
      </c>
      <c r="HF10" s="103">
        <v>16</v>
      </c>
      <c r="HG10" s="413">
        <v>0</v>
      </c>
      <c r="HH10" s="102">
        <v>6</v>
      </c>
      <c r="HI10" s="102">
        <v>9</v>
      </c>
      <c r="HJ10" s="102">
        <v>8</v>
      </c>
      <c r="HK10" s="102">
        <v>7</v>
      </c>
      <c r="HL10" s="102">
        <v>5</v>
      </c>
      <c r="HM10" s="103">
        <v>35</v>
      </c>
      <c r="HN10" s="104">
        <v>51</v>
      </c>
      <c r="HO10" s="101">
        <v>18</v>
      </c>
      <c r="HP10" s="102">
        <v>23</v>
      </c>
      <c r="HQ10" s="103">
        <v>41</v>
      </c>
      <c r="HR10" s="413">
        <v>0</v>
      </c>
      <c r="HS10" s="102">
        <v>18</v>
      </c>
      <c r="HT10" s="102">
        <v>26</v>
      </c>
      <c r="HU10" s="102">
        <v>10</v>
      </c>
      <c r="HV10" s="102">
        <v>9</v>
      </c>
      <c r="HW10" s="102">
        <v>10</v>
      </c>
      <c r="HX10" s="103">
        <v>73</v>
      </c>
      <c r="HY10" s="104">
        <v>114</v>
      </c>
      <c r="HZ10" s="101">
        <v>28</v>
      </c>
      <c r="IA10" s="102">
        <v>38</v>
      </c>
      <c r="IB10" s="103">
        <v>66</v>
      </c>
      <c r="IC10" s="413">
        <v>0</v>
      </c>
      <c r="ID10" s="102">
        <v>42</v>
      </c>
      <c r="IE10" s="102">
        <v>40</v>
      </c>
      <c r="IF10" s="102">
        <v>18</v>
      </c>
      <c r="IG10" s="102">
        <v>21</v>
      </c>
      <c r="IH10" s="102">
        <v>17</v>
      </c>
      <c r="II10" s="103">
        <v>138</v>
      </c>
      <c r="IJ10" s="104">
        <v>204</v>
      </c>
      <c r="IK10" s="101">
        <v>83</v>
      </c>
      <c r="IL10" s="102">
        <v>101</v>
      </c>
      <c r="IM10" s="103">
        <v>184</v>
      </c>
      <c r="IN10" s="413">
        <v>0</v>
      </c>
      <c r="IO10" s="102">
        <v>98</v>
      </c>
      <c r="IP10" s="102">
        <v>105</v>
      </c>
      <c r="IQ10" s="102">
        <v>69</v>
      </c>
      <c r="IR10" s="102">
        <v>48</v>
      </c>
      <c r="IS10" s="102">
        <v>23</v>
      </c>
      <c r="IT10" s="103">
        <v>343</v>
      </c>
      <c r="IU10" s="104">
        <v>527</v>
      </c>
      <c r="IV10" s="101">
        <v>98</v>
      </c>
      <c r="IW10" s="102">
        <v>123</v>
      </c>
      <c r="IX10" s="103">
        <v>221</v>
      </c>
      <c r="IY10" s="413">
        <v>0</v>
      </c>
      <c r="IZ10" s="102">
        <v>133</v>
      </c>
      <c r="JA10" s="102">
        <v>148</v>
      </c>
      <c r="JB10" s="102">
        <v>90</v>
      </c>
      <c r="JC10" s="102">
        <v>79</v>
      </c>
      <c r="JD10" s="102">
        <v>45</v>
      </c>
      <c r="JE10" s="103">
        <v>495</v>
      </c>
      <c r="JF10" s="104">
        <v>716</v>
      </c>
      <c r="JG10" s="101">
        <v>96</v>
      </c>
      <c r="JH10" s="102">
        <v>103</v>
      </c>
      <c r="JI10" s="103">
        <v>199</v>
      </c>
      <c r="JJ10" s="413">
        <v>0</v>
      </c>
      <c r="JK10" s="102">
        <v>145</v>
      </c>
      <c r="JL10" s="102">
        <v>145</v>
      </c>
      <c r="JM10" s="102">
        <v>135</v>
      </c>
      <c r="JN10" s="102">
        <v>90</v>
      </c>
      <c r="JO10" s="102">
        <v>56</v>
      </c>
      <c r="JP10" s="103">
        <v>571</v>
      </c>
      <c r="JQ10" s="104">
        <v>770</v>
      </c>
      <c r="JR10" s="101">
        <v>0</v>
      </c>
      <c r="JS10" s="102">
        <v>0</v>
      </c>
      <c r="JT10" s="103">
        <v>0</v>
      </c>
      <c r="JU10" s="413">
        <v>0</v>
      </c>
      <c r="JV10" s="102">
        <v>0</v>
      </c>
      <c r="JW10" s="102">
        <v>0</v>
      </c>
      <c r="JX10" s="102">
        <v>0</v>
      </c>
      <c r="JY10" s="102">
        <v>0</v>
      </c>
      <c r="JZ10" s="102">
        <v>0</v>
      </c>
      <c r="KA10" s="103">
        <v>0</v>
      </c>
      <c r="KB10" s="104">
        <v>0</v>
      </c>
      <c r="KC10" s="101">
        <v>327</v>
      </c>
      <c r="KD10" s="102">
        <v>400</v>
      </c>
      <c r="KE10" s="103">
        <v>727</v>
      </c>
      <c r="KF10" s="413">
        <v>0</v>
      </c>
      <c r="KG10" s="102">
        <v>442</v>
      </c>
      <c r="KH10" s="102">
        <v>473</v>
      </c>
      <c r="KI10" s="102">
        <v>330</v>
      </c>
      <c r="KJ10" s="102">
        <v>254</v>
      </c>
      <c r="KK10" s="102">
        <v>156</v>
      </c>
      <c r="KL10" s="103">
        <v>1655</v>
      </c>
      <c r="KM10" s="104">
        <v>2382</v>
      </c>
    </row>
    <row r="11" spans="2:299" s="70" customFormat="1" ht="21" customHeight="1" x14ac:dyDescent="0.2">
      <c r="B11" s="106" t="s">
        <v>7</v>
      </c>
      <c r="C11" s="96">
        <v>248</v>
      </c>
      <c r="D11" s="97">
        <v>193</v>
      </c>
      <c r="E11" s="98">
        <v>441</v>
      </c>
      <c r="F11" s="413">
        <v>0</v>
      </c>
      <c r="G11" s="97">
        <v>512</v>
      </c>
      <c r="H11" s="97">
        <v>323</v>
      </c>
      <c r="I11" s="97">
        <v>186</v>
      </c>
      <c r="J11" s="97">
        <v>179</v>
      </c>
      <c r="K11" s="97">
        <v>87</v>
      </c>
      <c r="L11" s="99">
        <v>1287</v>
      </c>
      <c r="M11" s="100">
        <v>1728</v>
      </c>
      <c r="N11" s="101">
        <v>4</v>
      </c>
      <c r="O11" s="102">
        <v>1</v>
      </c>
      <c r="P11" s="103">
        <v>5</v>
      </c>
      <c r="Q11" s="413">
        <v>0</v>
      </c>
      <c r="R11" s="102">
        <v>6</v>
      </c>
      <c r="S11" s="102">
        <v>4</v>
      </c>
      <c r="T11" s="102">
        <v>2</v>
      </c>
      <c r="U11" s="102">
        <v>7</v>
      </c>
      <c r="V11" s="102">
        <v>1</v>
      </c>
      <c r="W11" s="103">
        <v>20</v>
      </c>
      <c r="X11" s="104">
        <v>25</v>
      </c>
      <c r="Y11" s="101">
        <v>6</v>
      </c>
      <c r="Z11" s="102">
        <v>6</v>
      </c>
      <c r="AA11" s="103">
        <v>12</v>
      </c>
      <c r="AB11" s="413">
        <v>0</v>
      </c>
      <c r="AC11" s="102">
        <v>14</v>
      </c>
      <c r="AD11" s="102">
        <v>8</v>
      </c>
      <c r="AE11" s="102">
        <v>6</v>
      </c>
      <c r="AF11" s="102">
        <v>6</v>
      </c>
      <c r="AG11" s="102">
        <v>6</v>
      </c>
      <c r="AH11" s="103">
        <v>40</v>
      </c>
      <c r="AI11" s="104">
        <v>52</v>
      </c>
      <c r="AJ11" s="101">
        <v>18</v>
      </c>
      <c r="AK11" s="102">
        <v>11</v>
      </c>
      <c r="AL11" s="103">
        <v>29</v>
      </c>
      <c r="AM11" s="413">
        <v>0</v>
      </c>
      <c r="AN11" s="102">
        <v>37</v>
      </c>
      <c r="AO11" s="102">
        <v>23</v>
      </c>
      <c r="AP11" s="102">
        <v>10</v>
      </c>
      <c r="AQ11" s="102">
        <v>15</v>
      </c>
      <c r="AR11" s="102">
        <v>7</v>
      </c>
      <c r="AS11" s="103">
        <v>92</v>
      </c>
      <c r="AT11" s="104">
        <v>121</v>
      </c>
      <c r="AU11" s="101">
        <v>55</v>
      </c>
      <c r="AV11" s="102">
        <v>42</v>
      </c>
      <c r="AW11" s="103">
        <v>97</v>
      </c>
      <c r="AX11" s="413">
        <v>0</v>
      </c>
      <c r="AY11" s="102">
        <v>101</v>
      </c>
      <c r="AZ11" s="102">
        <v>58</v>
      </c>
      <c r="BA11" s="102">
        <v>26</v>
      </c>
      <c r="BB11" s="102">
        <v>33</v>
      </c>
      <c r="BC11" s="102">
        <v>18</v>
      </c>
      <c r="BD11" s="103">
        <v>236</v>
      </c>
      <c r="BE11" s="104">
        <v>333</v>
      </c>
      <c r="BF11" s="101">
        <v>87</v>
      </c>
      <c r="BG11" s="102">
        <v>64</v>
      </c>
      <c r="BH11" s="103">
        <v>151</v>
      </c>
      <c r="BI11" s="413">
        <v>0</v>
      </c>
      <c r="BJ11" s="102">
        <v>180</v>
      </c>
      <c r="BK11" s="102">
        <v>102</v>
      </c>
      <c r="BL11" s="102">
        <v>68</v>
      </c>
      <c r="BM11" s="102">
        <v>49</v>
      </c>
      <c r="BN11" s="102">
        <v>25</v>
      </c>
      <c r="BO11" s="103">
        <v>424</v>
      </c>
      <c r="BP11" s="104">
        <v>575</v>
      </c>
      <c r="BQ11" s="101">
        <v>78</v>
      </c>
      <c r="BR11" s="102">
        <v>69</v>
      </c>
      <c r="BS11" s="103">
        <v>147</v>
      </c>
      <c r="BT11" s="413">
        <v>0</v>
      </c>
      <c r="BU11" s="102">
        <v>174</v>
      </c>
      <c r="BV11" s="102">
        <v>128</v>
      </c>
      <c r="BW11" s="102">
        <v>74</v>
      </c>
      <c r="BX11" s="102">
        <v>69</v>
      </c>
      <c r="BY11" s="102">
        <v>30</v>
      </c>
      <c r="BZ11" s="103">
        <v>475</v>
      </c>
      <c r="CA11" s="104">
        <v>622</v>
      </c>
      <c r="CB11" s="101">
        <v>0</v>
      </c>
      <c r="CC11" s="102">
        <v>0</v>
      </c>
      <c r="CD11" s="103">
        <v>0</v>
      </c>
      <c r="CE11" s="413">
        <v>0</v>
      </c>
      <c r="CF11" s="102">
        <v>0</v>
      </c>
      <c r="CG11" s="102">
        <v>0</v>
      </c>
      <c r="CH11" s="102">
        <v>0</v>
      </c>
      <c r="CI11" s="102">
        <v>0</v>
      </c>
      <c r="CJ11" s="102">
        <v>0</v>
      </c>
      <c r="CK11" s="103">
        <v>0</v>
      </c>
      <c r="CL11" s="104">
        <v>0</v>
      </c>
      <c r="CM11" s="101">
        <v>248</v>
      </c>
      <c r="CN11" s="102">
        <v>193</v>
      </c>
      <c r="CO11" s="103">
        <v>441</v>
      </c>
      <c r="CP11" s="413">
        <v>0</v>
      </c>
      <c r="CQ11" s="102">
        <v>512</v>
      </c>
      <c r="CR11" s="102">
        <v>323</v>
      </c>
      <c r="CS11" s="102">
        <v>186</v>
      </c>
      <c r="CT11" s="102">
        <v>179</v>
      </c>
      <c r="CU11" s="102">
        <v>87</v>
      </c>
      <c r="CV11" s="103">
        <v>1287</v>
      </c>
      <c r="CW11" s="104">
        <v>1728</v>
      </c>
      <c r="CX11" s="105">
        <v>38</v>
      </c>
      <c r="CY11" s="97">
        <v>35</v>
      </c>
      <c r="CZ11" s="98">
        <v>73</v>
      </c>
      <c r="DA11" s="413">
        <v>0</v>
      </c>
      <c r="DB11" s="97">
        <v>79</v>
      </c>
      <c r="DC11" s="97">
        <v>37</v>
      </c>
      <c r="DD11" s="97">
        <v>33</v>
      </c>
      <c r="DE11" s="97">
        <v>19</v>
      </c>
      <c r="DF11" s="97">
        <v>14</v>
      </c>
      <c r="DG11" s="99">
        <v>182</v>
      </c>
      <c r="DH11" s="100">
        <v>255</v>
      </c>
      <c r="DI11" s="101">
        <v>1</v>
      </c>
      <c r="DJ11" s="102">
        <v>1</v>
      </c>
      <c r="DK11" s="103">
        <v>2</v>
      </c>
      <c r="DL11" s="413">
        <v>0</v>
      </c>
      <c r="DM11" s="102">
        <v>2</v>
      </c>
      <c r="DN11" s="102">
        <v>0</v>
      </c>
      <c r="DO11" s="102">
        <v>0</v>
      </c>
      <c r="DP11" s="102">
        <v>0</v>
      </c>
      <c r="DQ11" s="102">
        <v>0</v>
      </c>
      <c r="DR11" s="103">
        <v>2</v>
      </c>
      <c r="DS11" s="104">
        <v>4</v>
      </c>
      <c r="DT11" s="101">
        <v>4</v>
      </c>
      <c r="DU11" s="102">
        <v>1</v>
      </c>
      <c r="DV11" s="103">
        <v>5</v>
      </c>
      <c r="DW11" s="413">
        <v>0</v>
      </c>
      <c r="DX11" s="102">
        <v>1</v>
      </c>
      <c r="DY11" s="102">
        <v>0</v>
      </c>
      <c r="DZ11" s="102">
        <v>0</v>
      </c>
      <c r="EA11" s="102">
        <v>1</v>
      </c>
      <c r="EB11" s="102">
        <v>0</v>
      </c>
      <c r="EC11" s="103">
        <v>2</v>
      </c>
      <c r="ED11" s="104">
        <v>7</v>
      </c>
      <c r="EE11" s="101">
        <v>5</v>
      </c>
      <c r="EF11" s="102">
        <v>4</v>
      </c>
      <c r="EG11" s="103">
        <v>9</v>
      </c>
      <c r="EH11" s="413">
        <v>0</v>
      </c>
      <c r="EI11" s="102">
        <v>5</v>
      </c>
      <c r="EJ11" s="102">
        <v>1</v>
      </c>
      <c r="EK11" s="102">
        <v>3</v>
      </c>
      <c r="EL11" s="102">
        <v>0</v>
      </c>
      <c r="EM11" s="102">
        <v>2</v>
      </c>
      <c r="EN11" s="103">
        <v>11</v>
      </c>
      <c r="EO11" s="104">
        <v>20</v>
      </c>
      <c r="EP11" s="101">
        <v>10</v>
      </c>
      <c r="EQ11" s="102">
        <v>8</v>
      </c>
      <c r="ER11" s="103">
        <v>18</v>
      </c>
      <c r="ES11" s="413">
        <v>0</v>
      </c>
      <c r="ET11" s="102">
        <v>14</v>
      </c>
      <c r="EU11" s="102">
        <v>9</v>
      </c>
      <c r="EV11" s="102">
        <v>5</v>
      </c>
      <c r="EW11" s="102">
        <v>1</v>
      </c>
      <c r="EX11" s="102">
        <v>1</v>
      </c>
      <c r="EY11" s="103">
        <v>30</v>
      </c>
      <c r="EZ11" s="104">
        <v>48</v>
      </c>
      <c r="FA11" s="101">
        <v>9</v>
      </c>
      <c r="FB11" s="102">
        <v>13</v>
      </c>
      <c r="FC11" s="103">
        <v>22</v>
      </c>
      <c r="FD11" s="413">
        <v>0</v>
      </c>
      <c r="FE11" s="102">
        <v>24</v>
      </c>
      <c r="FF11" s="102">
        <v>6</v>
      </c>
      <c r="FG11" s="102">
        <v>7</v>
      </c>
      <c r="FH11" s="102">
        <v>4</v>
      </c>
      <c r="FI11" s="102">
        <v>7</v>
      </c>
      <c r="FJ11" s="103">
        <v>48</v>
      </c>
      <c r="FK11" s="104">
        <v>70</v>
      </c>
      <c r="FL11" s="101">
        <v>9</v>
      </c>
      <c r="FM11" s="102">
        <v>8</v>
      </c>
      <c r="FN11" s="103">
        <v>17</v>
      </c>
      <c r="FO11" s="413">
        <v>0</v>
      </c>
      <c r="FP11" s="102">
        <v>33</v>
      </c>
      <c r="FQ11" s="102">
        <v>21</v>
      </c>
      <c r="FR11" s="102">
        <v>18</v>
      </c>
      <c r="FS11" s="102">
        <v>13</v>
      </c>
      <c r="FT11" s="102">
        <v>4</v>
      </c>
      <c r="FU11" s="103">
        <v>89</v>
      </c>
      <c r="FV11" s="104">
        <v>106</v>
      </c>
      <c r="FW11" s="101">
        <v>0</v>
      </c>
      <c r="FX11" s="102">
        <v>0</v>
      </c>
      <c r="FY11" s="103">
        <v>0</v>
      </c>
      <c r="FZ11" s="413">
        <v>0</v>
      </c>
      <c r="GA11" s="102">
        <v>0</v>
      </c>
      <c r="GB11" s="102">
        <v>0</v>
      </c>
      <c r="GC11" s="102">
        <v>0</v>
      </c>
      <c r="GD11" s="102">
        <v>0</v>
      </c>
      <c r="GE11" s="102">
        <v>0</v>
      </c>
      <c r="GF11" s="103">
        <v>0</v>
      </c>
      <c r="GG11" s="104">
        <v>0</v>
      </c>
      <c r="GH11" s="101">
        <v>38</v>
      </c>
      <c r="GI11" s="102">
        <v>35</v>
      </c>
      <c r="GJ11" s="103">
        <v>73</v>
      </c>
      <c r="GK11" s="413">
        <v>0</v>
      </c>
      <c r="GL11" s="102">
        <v>79</v>
      </c>
      <c r="GM11" s="102">
        <v>37</v>
      </c>
      <c r="GN11" s="102">
        <v>33</v>
      </c>
      <c r="GO11" s="102">
        <v>19</v>
      </c>
      <c r="GP11" s="102">
        <v>14</v>
      </c>
      <c r="GQ11" s="103">
        <v>182</v>
      </c>
      <c r="GR11" s="104">
        <v>255</v>
      </c>
      <c r="GS11" s="105">
        <v>286</v>
      </c>
      <c r="GT11" s="97">
        <v>228</v>
      </c>
      <c r="GU11" s="98">
        <v>514</v>
      </c>
      <c r="GV11" s="413">
        <v>0</v>
      </c>
      <c r="GW11" s="97">
        <v>591</v>
      </c>
      <c r="GX11" s="97">
        <v>360</v>
      </c>
      <c r="GY11" s="97">
        <v>219</v>
      </c>
      <c r="GZ11" s="97">
        <v>198</v>
      </c>
      <c r="HA11" s="97">
        <v>101</v>
      </c>
      <c r="HB11" s="99">
        <v>1469</v>
      </c>
      <c r="HC11" s="100">
        <v>1983</v>
      </c>
      <c r="HD11" s="101">
        <v>5</v>
      </c>
      <c r="HE11" s="102">
        <v>2</v>
      </c>
      <c r="HF11" s="103">
        <v>7</v>
      </c>
      <c r="HG11" s="413">
        <v>0</v>
      </c>
      <c r="HH11" s="102">
        <v>8</v>
      </c>
      <c r="HI11" s="102">
        <v>4</v>
      </c>
      <c r="HJ11" s="102">
        <v>2</v>
      </c>
      <c r="HK11" s="102">
        <v>7</v>
      </c>
      <c r="HL11" s="102">
        <v>1</v>
      </c>
      <c r="HM11" s="103">
        <v>22</v>
      </c>
      <c r="HN11" s="104">
        <v>29</v>
      </c>
      <c r="HO11" s="101">
        <v>10</v>
      </c>
      <c r="HP11" s="102">
        <v>7</v>
      </c>
      <c r="HQ11" s="103">
        <v>17</v>
      </c>
      <c r="HR11" s="413">
        <v>0</v>
      </c>
      <c r="HS11" s="102">
        <v>15</v>
      </c>
      <c r="HT11" s="102">
        <v>8</v>
      </c>
      <c r="HU11" s="102">
        <v>6</v>
      </c>
      <c r="HV11" s="102">
        <v>7</v>
      </c>
      <c r="HW11" s="102">
        <v>6</v>
      </c>
      <c r="HX11" s="103">
        <v>42</v>
      </c>
      <c r="HY11" s="104">
        <v>59</v>
      </c>
      <c r="HZ11" s="101">
        <v>23</v>
      </c>
      <c r="IA11" s="102">
        <v>15</v>
      </c>
      <c r="IB11" s="103">
        <v>38</v>
      </c>
      <c r="IC11" s="413">
        <v>0</v>
      </c>
      <c r="ID11" s="102">
        <v>42</v>
      </c>
      <c r="IE11" s="102">
        <v>24</v>
      </c>
      <c r="IF11" s="102">
        <v>13</v>
      </c>
      <c r="IG11" s="102">
        <v>15</v>
      </c>
      <c r="IH11" s="102">
        <v>9</v>
      </c>
      <c r="II11" s="103">
        <v>103</v>
      </c>
      <c r="IJ11" s="104">
        <v>141</v>
      </c>
      <c r="IK11" s="101">
        <v>65</v>
      </c>
      <c r="IL11" s="102">
        <v>50</v>
      </c>
      <c r="IM11" s="103">
        <v>115</v>
      </c>
      <c r="IN11" s="413">
        <v>0</v>
      </c>
      <c r="IO11" s="102">
        <v>115</v>
      </c>
      <c r="IP11" s="102">
        <v>67</v>
      </c>
      <c r="IQ11" s="102">
        <v>31</v>
      </c>
      <c r="IR11" s="102">
        <v>34</v>
      </c>
      <c r="IS11" s="102">
        <v>19</v>
      </c>
      <c r="IT11" s="103">
        <v>266</v>
      </c>
      <c r="IU11" s="104">
        <v>381</v>
      </c>
      <c r="IV11" s="101">
        <v>96</v>
      </c>
      <c r="IW11" s="102">
        <v>77</v>
      </c>
      <c r="IX11" s="103">
        <v>173</v>
      </c>
      <c r="IY11" s="413">
        <v>0</v>
      </c>
      <c r="IZ11" s="102">
        <v>204</v>
      </c>
      <c r="JA11" s="102">
        <v>108</v>
      </c>
      <c r="JB11" s="102">
        <v>75</v>
      </c>
      <c r="JC11" s="102">
        <v>53</v>
      </c>
      <c r="JD11" s="102">
        <v>32</v>
      </c>
      <c r="JE11" s="103">
        <v>472</v>
      </c>
      <c r="JF11" s="104">
        <v>645</v>
      </c>
      <c r="JG11" s="101">
        <v>87</v>
      </c>
      <c r="JH11" s="102">
        <v>77</v>
      </c>
      <c r="JI11" s="103">
        <v>164</v>
      </c>
      <c r="JJ11" s="413">
        <v>0</v>
      </c>
      <c r="JK11" s="102">
        <v>207</v>
      </c>
      <c r="JL11" s="102">
        <v>149</v>
      </c>
      <c r="JM11" s="102">
        <v>92</v>
      </c>
      <c r="JN11" s="102">
        <v>82</v>
      </c>
      <c r="JO11" s="102">
        <v>34</v>
      </c>
      <c r="JP11" s="103">
        <v>564</v>
      </c>
      <c r="JQ11" s="104">
        <v>728</v>
      </c>
      <c r="JR11" s="101">
        <v>0</v>
      </c>
      <c r="JS11" s="102">
        <v>0</v>
      </c>
      <c r="JT11" s="103">
        <v>0</v>
      </c>
      <c r="JU11" s="413">
        <v>0</v>
      </c>
      <c r="JV11" s="102">
        <v>0</v>
      </c>
      <c r="JW11" s="102">
        <v>0</v>
      </c>
      <c r="JX11" s="102">
        <v>0</v>
      </c>
      <c r="JY11" s="102">
        <v>0</v>
      </c>
      <c r="JZ11" s="102">
        <v>0</v>
      </c>
      <c r="KA11" s="103">
        <v>0</v>
      </c>
      <c r="KB11" s="104">
        <v>0</v>
      </c>
      <c r="KC11" s="101">
        <v>286</v>
      </c>
      <c r="KD11" s="102">
        <v>228</v>
      </c>
      <c r="KE11" s="103">
        <v>514</v>
      </c>
      <c r="KF11" s="413">
        <v>0</v>
      </c>
      <c r="KG11" s="102">
        <v>591</v>
      </c>
      <c r="KH11" s="102">
        <v>360</v>
      </c>
      <c r="KI11" s="102">
        <v>219</v>
      </c>
      <c r="KJ11" s="102">
        <v>198</v>
      </c>
      <c r="KK11" s="102">
        <v>101</v>
      </c>
      <c r="KL11" s="103">
        <v>1469</v>
      </c>
      <c r="KM11" s="104">
        <v>1983</v>
      </c>
    </row>
    <row r="12" spans="2:299" s="70" customFormat="1" ht="21" customHeight="1" x14ac:dyDescent="0.2">
      <c r="B12" s="106" t="s">
        <v>8</v>
      </c>
      <c r="C12" s="96">
        <v>99</v>
      </c>
      <c r="D12" s="97">
        <v>65</v>
      </c>
      <c r="E12" s="98">
        <v>164</v>
      </c>
      <c r="F12" s="413">
        <v>0</v>
      </c>
      <c r="G12" s="97">
        <v>154</v>
      </c>
      <c r="H12" s="97">
        <v>122</v>
      </c>
      <c r="I12" s="97">
        <v>88</v>
      </c>
      <c r="J12" s="97">
        <v>62</v>
      </c>
      <c r="K12" s="97">
        <v>40</v>
      </c>
      <c r="L12" s="99">
        <v>466</v>
      </c>
      <c r="M12" s="100">
        <v>630</v>
      </c>
      <c r="N12" s="101">
        <v>2</v>
      </c>
      <c r="O12" s="102">
        <v>1</v>
      </c>
      <c r="P12" s="103">
        <v>3</v>
      </c>
      <c r="Q12" s="413">
        <v>0</v>
      </c>
      <c r="R12" s="102">
        <v>0</v>
      </c>
      <c r="S12" s="102">
        <v>2</v>
      </c>
      <c r="T12" s="102">
        <v>2</v>
      </c>
      <c r="U12" s="102">
        <v>1</v>
      </c>
      <c r="V12" s="102">
        <v>0</v>
      </c>
      <c r="W12" s="103">
        <v>5</v>
      </c>
      <c r="X12" s="104">
        <v>8</v>
      </c>
      <c r="Y12" s="101">
        <v>2</v>
      </c>
      <c r="Z12" s="102">
        <v>2</v>
      </c>
      <c r="AA12" s="103">
        <v>4</v>
      </c>
      <c r="AB12" s="413">
        <v>0</v>
      </c>
      <c r="AC12" s="102">
        <v>6</v>
      </c>
      <c r="AD12" s="102">
        <v>9</v>
      </c>
      <c r="AE12" s="102">
        <v>4</v>
      </c>
      <c r="AF12" s="102">
        <v>5</v>
      </c>
      <c r="AG12" s="102">
        <v>5</v>
      </c>
      <c r="AH12" s="103">
        <v>29</v>
      </c>
      <c r="AI12" s="104">
        <v>33</v>
      </c>
      <c r="AJ12" s="101">
        <v>5</v>
      </c>
      <c r="AK12" s="102">
        <v>6</v>
      </c>
      <c r="AL12" s="103">
        <v>11</v>
      </c>
      <c r="AM12" s="413">
        <v>0</v>
      </c>
      <c r="AN12" s="102">
        <v>15</v>
      </c>
      <c r="AO12" s="102">
        <v>16</v>
      </c>
      <c r="AP12" s="102">
        <v>3</v>
      </c>
      <c r="AQ12" s="102">
        <v>9</v>
      </c>
      <c r="AR12" s="102">
        <v>2</v>
      </c>
      <c r="AS12" s="103">
        <v>45</v>
      </c>
      <c r="AT12" s="104">
        <v>56</v>
      </c>
      <c r="AU12" s="101">
        <v>20</v>
      </c>
      <c r="AV12" s="102">
        <v>8</v>
      </c>
      <c r="AW12" s="103">
        <v>28</v>
      </c>
      <c r="AX12" s="413">
        <v>0</v>
      </c>
      <c r="AY12" s="102">
        <v>38</v>
      </c>
      <c r="AZ12" s="102">
        <v>23</v>
      </c>
      <c r="BA12" s="102">
        <v>12</v>
      </c>
      <c r="BB12" s="102">
        <v>11</v>
      </c>
      <c r="BC12" s="102">
        <v>5</v>
      </c>
      <c r="BD12" s="103">
        <v>89</v>
      </c>
      <c r="BE12" s="104">
        <v>117</v>
      </c>
      <c r="BF12" s="101">
        <v>40</v>
      </c>
      <c r="BG12" s="102">
        <v>20</v>
      </c>
      <c r="BH12" s="103">
        <v>60</v>
      </c>
      <c r="BI12" s="413">
        <v>0</v>
      </c>
      <c r="BJ12" s="102">
        <v>43</v>
      </c>
      <c r="BK12" s="102">
        <v>25</v>
      </c>
      <c r="BL12" s="102">
        <v>29</v>
      </c>
      <c r="BM12" s="102">
        <v>13</v>
      </c>
      <c r="BN12" s="102">
        <v>12</v>
      </c>
      <c r="BO12" s="103">
        <v>122</v>
      </c>
      <c r="BP12" s="104">
        <v>182</v>
      </c>
      <c r="BQ12" s="101">
        <v>30</v>
      </c>
      <c r="BR12" s="102">
        <v>28</v>
      </c>
      <c r="BS12" s="103">
        <v>58</v>
      </c>
      <c r="BT12" s="413">
        <v>0</v>
      </c>
      <c r="BU12" s="102">
        <v>52</v>
      </c>
      <c r="BV12" s="102">
        <v>47</v>
      </c>
      <c r="BW12" s="102">
        <v>38</v>
      </c>
      <c r="BX12" s="102">
        <v>23</v>
      </c>
      <c r="BY12" s="102">
        <v>16</v>
      </c>
      <c r="BZ12" s="103">
        <v>176</v>
      </c>
      <c r="CA12" s="104">
        <v>234</v>
      </c>
      <c r="CB12" s="101">
        <v>0</v>
      </c>
      <c r="CC12" s="102">
        <v>0</v>
      </c>
      <c r="CD12" s="103">
        <v>0</v>
      </c>
      <c r="CE12" s="413">
        <v>0</v>
      </c>
      <c r="CF12" s="102">
        <v>0</v>
      </c>
      <c r="CG12" s="102">
        <v>0</v>
      </c>
      <c r="CH12" s="102">
        <v>0</v>
      </c>
      <c r="CI12" s="102">
        <v>0</v>
      </c>
      <c r="CJ12" s="102">
        <v>0</v>
      </c>
      <c r="CK12" s="103">
        <v>0</v>
      </c>
      <c r="CL12" s="104">
        <v>0</v>
      </c>
      <c r="CM12" s="101">
        <v>99</v>
      </c>
      <c r="CN12" s="102">
        <v>65</v>
      </c>
      <c r="CO12" s="103">
        <v>164</v>
      </c>
      <c r="CP12" s="413">
        <v>0</v>
      </c>
      <c r="CQ12" s="102">
        <v>154</v>
      </c>
      <c r="CR12" s="102">
        <v>122</v>
      </c>
      <c r="CS12" s="102">
        <v>88</v>
      </c>
      <c r="CT12" s="102">
        <v>62</v>
      </c>
      <c r="CU12" s="102">
        <v>40</v>
      </c>
      <c r="CV12" s="103">
        <v>466</v>
      </c>
      <c r="CW12" s="104">
        <v>630</v>
      </c>
      <c r="CX12" s="105">
        <v>10</v>
      </c>
      <c r="CY12" s="97">
        <v>8</v>
      </c>
      <c r="CZ12" s="98">
        <v>18</v>
      </c>
      <c r="DA12" s="413">
        <v>0</v>
      </c>
      <c r="DB12" s="97">
        <v>26</v>
      </c>
      <c r="DC12" s="97">
        <v>25</v>
      </c>
      <c r="DD12" s="97">
        <v>14</v>
      </c>
      <c r="DE12" s="97">
        <v>13</v>
      </c>
      <c r="DF12" s="97">
        <v>6</v>
      </c>
      <c r="DG12" s="99">
        <v>84</v>
      </c>
      <c r="DH12" s="100">
        <v>102</v>
      </c>
      <c r="DI12" s="101">
        <v>0</v>
      </c>
      <c r="DJ12" s="102">
        <v>0</v>
      </c>
      <c r="DK12" s="103">
        <v>0</v>
      </c>
      <c r="DL12" s="413">
        <v>0</v>
      </c>
      <c r="DM12" s="102">
        <v>0</v>
      </c>
      <c r="DN12" s="102">
        <v>1</v>
      </c>
      <c r="DO12" s="102">
        <v>0</v>
      </c>
      <c r="DP12" s="102">
        <v>0</v>
      </c>
      <c r="DQ12" s="102">
        <v>0</v>
      </c>
      <c r="DR12" s="103">
        <v>1</v>
      </c>
      <c r="DS12" s="104">
        <v>1</v>
      </c>
      <c r="DT12" s="101">
        <v>3</v>
      </c>
      <c r="DU12" s="102">
        <v>0</v>
      </c>
      <c r="DV12" s="103">
        <v>3</v>
      </c>
      <c r="DW12" s="413">
        <v>0</v>
      </c>
      <c r="DX12" s="102">
        <v>0</v>
      </c>
      <c r="DY12" s="102">
        <v>1</v>
      </c>
      <c r="DZ12" s="102">
        <v>1</v>
      </c>
      <c r="EA12" s="102">
        <v>0</v>
      </c>
      <c r="EB12" s="102">
        <v>0</v>
      </c>
      <c r="EC12" s="103">
        <v>2</v>
      </c>
      <c r="ED12" s="104">
        <v>5</v>
      </c>
      <c r="EE12" s="101">
        <v>0</v>
      </c>
      <c r="EF12" s="102">
        <v>0</v>
      </c>
      <c r="EG12" s="103">
        <v>0</v>
      </c>
      <c r="EH12" s="413">
        <v>0</v>
      </c>
      <c r="EI12" s="102">
        <v>0</v>
      </c>
      <c r="EJ12" s="102">
        <v>1</v>
      </c>
      <c r="EK12" s="102">
        <v>0</v>
      </c>
      <c r="EL12" s="102">
        <v>2</v>
      </c>
      <c r="EM12" s="102">
        <v>0</v>
      </c>
      <c r="EN12" s="103">
        <v>3</v>
      </c>
      <c r="EO12" s="104">
        <v>3</v>
      </c>
      <c r="EP12" s="101">
        <v>3</v>
      </c>
      <c r="EQ12" s="102">
        <v>0</v>
      </c>
      <c r="ER12" s="103">
        <v>3</v>
      </c>
      <c r="ES12" s="413">
        <v>0</v>
      </c>
      <c r="ET12" s="102">
        <v>4</v>
      </c>
      <c r="EU12" s="102">
        <v>2</v>
      </c>
      <c r="EV12" s="102">
        <v>3</v>
      </c>
      <c r="EW12" s="102">
        <v>1</v>
      </c>
      <c r="EX12" s="102">
        <v>1</v>
      </c>
      <c r="EY12" s="103">
        <v>11</v>
      </c>
      <c r="EZ12" s="104">
        <v>14</v>
      </c>
      <c r="FA12" s="101">
        <v>1</v>
      </c>
      <c r="FB12" s="102">
        <v>5</v>
      </c>
      <c r="FC12" s="103">
        <v>6</v>
      </c>
      <c r="FD12" s="413">
        <v>0</v>
      </c>
      <c r="FE12" s="102">
        <v>9</v>
      </c>
      <c r="FF12" s="102">
        <v>9</v>
      </c>
      <c r="FG12" s="102">
        <v>1</v>
      </c>
      <c r="FH12" s="102">
        <v>2</v>
      </c>
      <c r="FI12" s="102">
        <v>2</v>
      </c>
      <c r="FJ12" s="103">
        <v>23</v>
      </c>
      <c r="FK12" s="104">
        <v>29</v>
      </c>
      <c r="FL12" s="101">
        <v>3</v>
      </c>
      <c r="FM12" s="102">
        <v>3</v>
      </c>
      <c r="FN12" s="103">
        <v>6</v>
      </c>
      <c r="FO12" s="413">
        <v>0</v>
      </c>
      <c r="FP12" s="102">
        <v>13</v>
      </c>
      <c r="FQ12" s="102">
        <v>11</v>
      </c>
      <c r="FR12" s="102">
        <v>9</v>
      </c>
      <c r="FS12" s="102">
        <v>8</v>
      </c>
      <c r="FT12" s="102">
        <v>3</v>
      </c>
      <c r="FU12" s="103">
        <v>44</v>
      </c>
      <c r="FV12" s="104">
        <v>50</v>
      </c>
      <c r="FW12" s="101">
        <v>0</v>
      </c>
      <c r="FX12" s="102">
        <v>0</v>
      </c>
      <c r="FY12" s="103">
        <v>0</v>
      </c>
      <c r="FZ12" s="413">
        <v>0</v>
      </c>
      <c r="GA12" s="102">
        <v>0</v>
      </c>
      <c r="GB12" s="102">
        <v>0</v>
      </c>
      <c r="GC12" s="102">
        <v>0</v>
      </c>
      <c r="GD12" s="102">
        <v>0</v>
      </c>
      <c r="GE12" s="102">
        <v>0</v>
      </c>
      <c r="GF12" s="103">
        <v>0</v>
      </c>
      <c r="GG12" s="104">
        <v>0</v>
      </c>
      <c r="GH12" s="101">
        <v>10</v>
      </c>
      <c r="GI12" s="102">
        <v>8</v>
      </c>
      <c r="GJ12" s="103">
        <v>18</v>
      </c>
      <c r="GK12" s="413">
        <v>0</v>
      </c>
      <c r="GL12" s="102">
        <v>26</v>
      </c>
      <c r="GM12" s="102">
        <v>25</v>
      </c>
      <c r="GN12" s="102">
        <v>14</v>
      </c>
      <c r="GO12" s="102">
        <v>13</v>
      </c>
      <c r="GP12" s="102">
        <v>6</v>
      </c>
      <c r="GQ12" s="103">
        <v>84</v>
      </c>
      <c r="GR12" s="104">
        <v>102</v>
      </c>
      <c r="GS12" s="105">
        <v>109</v>
      </c>
      <c r="GT12" s="97">
        <v>73</v>
      </c>
      <c r="GU12" s="98">
        <v>182</v>
      </c>
      <c r="GV12" s="413">
        <v>0</v>
      </c>
      <c r="GW12" s="97">
        <v>180</v>
      </c>
      <c r="GX12" s="97">
        <v>147</v>
      </c>
      <c r="GY12" s="97">
        <v>102</v>
      </c>
      <c r="GZ12" s="97">
        <v>75</v>
      </c>
      <c r="HA12" s="97">
        <v>46</v>
      </c>
      <c r="HB12" s="99">
        <v>550</v>
      </c>
      <c r="HC12" s="100">
        <v>732</v>
      </c>
      <c r="HD12" s="101">
        <v>2</v>
      </c>
      <c r="HE12" s="102">
        <v>1</v>
      </c>
      <c r="HF12" s="103">
        <v>3</v>
      </c>
      <c r="HG12" s="413">
        <v>0</v>
      </c>
      <c r="HH12" s="102">
        <v>0</v>
      </c>
      <c r="HI12" s="102">
        <v>3</v>
      </c>
      <c r="HJ12" s="102">
        <v>2</v>
      </c>
      <c r="HK12" s="102">
        <v>1</v>
      </c>
      <c r="HL12" s="102">
        <v>0</v>
      </c>
      <c r="HM12" s="103">
        <v>6</v>
      </c>
      <c r="HN12" s="104">
        <v>9</v>
      </c>
      <c r="HO12" s="101">
        <v>5</v>
      </c>
      <c r="HP12" s="102">
        <v>2</v>
      </c>
      <c r="HQ12" s="103">
        <v>7</v>
      </c>
      <c r="HR12" s="413">
        <v>0</v>
      </c>
      <c r="HS12" s="102">
        <v>6</v>
      </c>
      <c r="HT12" s="102">
        <v>10</v>
      </c>
      <c r="HU12" s="102">
        <v>5</v>
      </c>
      <c r="HV12" s="102">
        <v>5</v>
      </c>
      <c r="HW12" s="102">
        <v>5</v>
      </c>
      <c r="HX12" s="103">
        <v>31</v>
      </c>
      <c r="HY12" s="104">
        <v>38</v>
      </c>
      <c r="HZ12" s="101">
        <v>5</v>
      </c>
      <c r="IA12" s="102">
        <v>6</v>
      </c>
      <c r="IB12" s="103">
        <v>11</v>
      </c>
      <c r="IC12" s="413">
        <v>0</v>
      </c>
      <c r="ID12" s="102">
        <v>15</v>
      </c>
      <c r="IE12" s="102">
        <v>17</v>
      </c>
      <c r="IF12" s="102">
        <v>3</v>
      </c>
      <c r="IG12" s="102">
        <v>11</v>
      </c>
      <c r="IH12" s="102">
        <v>2</v>
      </c>
      <c r="II12" s="103">
        <v>48</v>
      </c>
      <c r="IJ12" s="104">
        <v>59</v>
      </c>
      <c r="IK12" s="101">
        <v>23</v>
      </c>
      <c r="IL12" s="102">
        <v>8</v>
      </c>
      <c r="IM12" s="103">
        <v>31</v>
      </c>
      <c r="IN12" s="413">
        <v>0</v>
      </c>
      <c r="IO12" s="102">
        <v>42</v>
      </c>
      <c r="IP12" s="102">
        <v>25</v>
      </c>
      <c r="IQ12" s="102">
        <v>15</v>
      </c>
      <c r="IR12" s="102">
        <v>12</v>
      </c>
      <c r="IS12" s="102">
        <v>6</v>
      </c>
      <c r="IT12" s="103">
        <v>100</v>
      </c>
      <c r="IU12" s="104">
        <v>131</v>
      </c>
      <c r="IV12" s="101">
        <v>41</v>
      </c>
      <c r="IW12" s="102">
        <v>25</v>
      </c>
      <c r="IX12" s="103">
        <v>66</v>
      </c>
      <c r="IY12" s="413">
        <v>0</v>
      </c>
      <c r="IZ12" s="102">
        <v>52</v>
      </c>
      <c r="JA12" s="102">
        <v>34</v>
      </c>
      <c r="JB12" s="102">
        <v>30</v>
      </c>
      <c r="JC12" s="102">
        <v>15</v>
      </c>
      <c r="JD12" s="102">
        <v>14</v>
      </c>
      <c r="JE12" s="103">
        <v>145</v>
      </c>
      <c r="JF12" s="104">
        <v>211</v>
      </c>
      <c r="JG12" s="101">
        <v>33</v>
      </c>
      <c r="JH12" s="102">
        <v>31</v>
      </c>
      <c r="JI12" s="103">
        <v>64</v>
      </c>
      <c r="JJ12" s="413">
        <v>0</v>
      </c>
      <c r="JK12" s="102">
        <v>65</v>
      </c>
      <c r="JL12" s="102">
        <v>58</v>
      </c>
      <c r="JM12" s="102">
        <v>47</v>
      </c>
      <c r="JN12" s="102">
        <v>31</v>
      </c>
      <c r="JO12" s="102">
        <v>19</v>
      </c>
      <c r="JP12" s="103">
        <v>220</v>
      </c>
      <c r="JQ12" s="104">
        <v>284</v>
      </c>
      <c r="JR12" s="101">
        <v>0</v>
      </c>
      <c r="JS12" s="102">
        <v>0</v>
      </c>
      <c r="JT12" s="103">
        <v>0</v>
      </c>
      <c r="JU12" s="413">
        <v>0</v>
      </c>
      <c r="JV12" s="102">
        <v>0</v>
      </c>
      <c r="JW12" s="102">
        <v>0</v>
      </c>
      <c r="JX12" s="102">
        <v>0</v>
      </c>
      <c r="JY12" s="102">
        <v>0</v>
      </c>
      <c r="JZ12" s="102">
        <v>0</v>
      </c>
      <c r="KA12" s="103">
        <v>0</v>
      </c>
      <c r="KB12" s="104">
        <v>0</v>
      </c>
      <c r="KC12" s="101">
        <v>109</v>
      </c>
      <c r="KD12" s="102">
        <v>73</v>
      </c>
      <c r="KE12" s="103">
        <v>182</v>
      </c>
      <c r="KF12" s="413">
        <v>0</v>
      </c>
      <c r="KG12" s="102">
        <v>180</v>
      </c>
      <c r="KH12" s="102">
        <v>147</v>
      </c>
      <c r="KI12" s="102">
        <v>102</v>
      </c>
      <c r="KJ12" s="102">
        <v>75</v>
      </c>
      <c r="KK12" s="102">
        <v>46</v>
      </c>
      <c r="KL12" s="103">
        <v>550</v>
      </c>
      <c r="KM12" s="104">
        <v>732</v>
      </c>
    </row>
    <row r="13" spans="2:299" s="70" customFormat="1" ht="21" customHeight="1" x14ac:dyDescent="0.2">
      <c r="B13" s="106" t="s">
        <v>9</v>
      </c>
      <c r="C13" s="96">
        <v>189</v>
      </c>
      <c r="D13" s="97">
        <v>95</v>
      </c>
      <c r="E13" s="98">
        <v>284</v>
      </c>
      <c r="F13" s="413">
        <v>0</v>
      </c>
      <c r="G13" s="97">
        <v>230</v>
      </c>
      <c r="H13" s="97">
        <v>119</v>
      </c>
      <c r="I13" s="97">
        <v>109</v>
      </c>
      <c r="J13" s="97">
        <v>100</v>
      </c>
      <c r="K13" s="97">
        <v>48</v>
      </c>
      <c r="L13" s="99">
        <v>606</v>
      </c>
      <c r="M13" s="100">
        <v>890</v>
      </c>
      <c r="N13" s="101">
        <v>4</v>
      </c>
      <c r="O13" s="102">
        <v>0</v>
      </c>
      <c r="P13" s="103">
        <v>4</v>
      </c>
      <c r="Q13" s="413">
        <v>0</v>
      </c>
      <c r="R13" s="102">
        <v>0</v>
      </c>
      <c r="S13" s="102">
        <v>2</v>
      </c>
      <c r="T13" s="102">
        <v>0</v>
      </c>
      <c r="U13" s="102">
        <v>1</v>
      </c>
      <c r="V13" s="102">
        <v>1</v>
      </c>
      <c r="W13" s="103">
        <v>4</v>
      </c>
      <c r="X13" s="104">
        <v>8</v>
      </c>
      <c r="Y13" s="101">
        <v>4</v>
      </c>
      <c r="Z13" s="102">
        <v>1</v>
      </c>
      <c r="AA13" s="103">
        <v>5</v>
      </c>
      <c r="AB13" s="413">
        <v>0</v>
      </c>
      <c r="AC13" s="102">
        <v>4</v>
      </c>
      <c r="AD13" s="102">
        <v>4</v>
      </c>
      <c r="AE13" s="102">
        <v>2</v>
      </c>
      <c r="AF13" s="102">
        <v>1</v>
      </c>
      <c r="AG13" s="102">
        <v>0</v>
      </c>
      <c r="AH13" s="103">
        <v>11</v>
      </c>
      <c r="AI13" s="104">
        <v>16</v>
      </c>
      <c r="AJ13" s="101">
        <v>11</v>
      </c>
      <c r="AK13" s="102">
        <v>3</v>
      </c>
      <c r="AL13" s="103">
        <v>14</v>
      </c>
      <c r="AM13" s="413">
        <v>0</v>
      </c>
      <c r="AN13" s="102">
        <v>10</v>
      </c>
      <c r="AO13" s="102">
        <v>12</v>
      </c>
      <c r="AP13" s="102">
        <v>10</v>
      </c>
      <c r="AQ13" s="102">
        <v>4</v>
      </c>
      <c r="AR13" s="102">
        <v>1</v>
      </c>
      <c r="AS13" s="103">
        <v>37</v>
      </c>
      <c r="AT13" s="104">
        <v>51</v>
      </c>
      <c r="AU13" s="101">
        <v>34</v>
      </c>
      <c r="AV13" s="102">
        <v>17</v>
      </c>
      <c r="AW13" s="103">
        <v>51</v>
      </c>
      <c r="AX13" s="413">
        <v>0</v>
      </c>
      <c r="AY13" s="102">
        <v>34</v>
      </c>
      <c r="AZ13" s="102">
        <v>12</v>
      </c>
      <c r="BA13" s="102">
        <v>14</v>
      </c>
      <c r="BB13" s="102">
        <v>12</v>
      </c>
      <c r="BC13" s="102">
        <v>10</v>
      </c>
      <c r="BD13" s="103">
        <v>82</v>
      </c>
      <c r="BE13" s="104">
        <v>133</v>
      </c>
      <c r="BF13" s="101">
        <v>66</v>
      </c>
      <c r="BG13" s="102">
        <v>42</v>
      </c>
      <c r="BH13" s="103">
        <v>108</v>
      </c>
      <c r="BI13" s="413">
        <v>0</v>
      </c>
      <c r="BJ13" s="102">
        <v>82</v>
      </c>
      <c r="BK13" s="102">
        <v>31</v>
      </c>
      <c r="BL13" s="102">
        <v>33</v>
      </c>
      <c r="BM13" s="102">
        <v>28</v>
      </c>
      <c r="BN13" s="102">
        <v>12</v>
      </c>
      <c r="BO13" s="103">
        <v>186</v>
      </c>
      <c r="BP13" s="104">
        <v>294</v>
      </c>
      <c r="BQ13" s="101">
        <v>70</v>
      </c>
      <c r="BR13" s="102">
        <v>32</v>
      </c>
      <c r="BS13" s="103">
        <v>102</v>
      </c>
      <c r="BT13" s="413">
        <v>0</v>
      </c>
      <c r="BU13" s="102">
        <v>100</v>
      </c>
      <c r="BV13" s="102">
        <v>58</v>
      </c>
      <c r="BW13" s="102">
        <v>50</v>
      </c>
      <c r="BX13" s="102">
        <v>54</v>
      </c>
      <c r="BY13" s="102">
        <v>24</v>
      </c>
      <c r="BZ13" s="103">
        <v>286</v>
      </c>
      <c r="CA13" s="104">
        <v>388</v>
      </c>
      <c r="CB13" s="101">
        <v>0</v>
      </c>
      <c r="CC13" s="102">
        <v>0</v>
      </c>
      <c r="CD13" s="103">
        <v>0</v>
      </c>
      <c r="CE13" s="413">
        <v>0</v>
      </c>
      <c r="CF13" s="102">
        <v>0</v>
      </c>
      <c r="CG13" s="102">
        <v>0</v>
      </c>
      <c r="CH13" s="102">
        <v>0</v>
      </c>
      <c r="CI13" s="102">
        <v>0</v>
      </c>
      <c r="CJ13" s="102">
        <v>0</v>
      </c>
      <c r="CK13" s="103">
        <v>0</v>
      </c>
      <c r="CL13" s="104">
        <v>0</v>
      </c>
      <c r="CM13" s="101">
        <v>189</v>
      </c>
      <c r="CN13" s="102">
        <v>95</v>
      </c>
      <c r="CO13" s="103">
        <v>284</v>
      </c>
      <c r="CP13" s="413">
        <v>0</v>
      </c>
      <c r="CQ13" s="102">
        <v>230</v>
      </c>
      <c r="CR13" s="102">
        <v>119</v>
      </c>
      <c r="CS13" s="102">
        <v>109</v>
      </c>
      <c r="CT13" s="102">
        <v>100</v>
      </c>
      <c r="CU13" s="102">
        <v>48</v>
      </c>
      <c r="CV13" s="103">
        <v>606</v>
      </c>
      <c r="CW13" s="104">
        <v>890</v>
      </c>
      <c r="CX13" s="105">
        <v>33</v>
      </c>
      <c r="CY13" s="97">
        <v>22</v>
      </c>
      <c r="CZ13" s="98">
        <v>55</v>
      </c>
      <c r="DA13" s="413">
        <v>0</v>
      </c>
      <c r="DB13" s="97">
        <v>32</v>
      </c>
      <c r="DC13" s="97">
        <v>21</v>
      </c>
      <c r="DD13" s="97">
        <v>22</v>
      </c>
      <c r="DE13" s="97">
        <v>16</v>
      </c>
      <c r="DF13" s="97">
        <v>10</v>
      </c>
      <c r="DG13" s="99">
        <v>101</v>
      </c>
      <c r="DH13" s="100">
        <v>156</v>
      </c>
      <c r="DI13" s="101">
        <v>0</v>
      </c>
      <c r="DJ13" s="102">
        <v>1</v>
      </c>
      <c r="DK13" s="103">
        <v>1</v>
      </c>
      <c r="DL13" s="413">
        <v>0</v>
      </c>
      <c r="DM13" s="102">
        <v>2</v>
      </c>
      <c r="DN13" s="102">
        <v>0</v>
      </c>
      <c r="DO13" s="102">
        <v>1</v>
      </c>
      <c r="DP13" s="102">
        <v>0</v>
      </c>
      <c r="DQ13" s="102">
        <v>1</v>
      </c>
      <c r="DR13" s="103">
        <v>4</v>
      </c>
      <c r="DS13" s="104">
        <v>5</v>
      </c>
      <c r="DT13" s="101">
        <v>4</v>
      </c>
      <c r="DU13" s="102">
        <v>1</v>
      </c>
      <c r="DV13" s="103">
        <v>5</v>
      </c>
      <c r="DW13" s="413">
        <v>0</v>
      </c>
      <c r="DX13" s="102">
        <v>0</v>
      </c>
      <c r="DY13" s="102">
        <v>0</v>
      </c>
      <c r="DZ13" s="102">
        <v>0</v>
      </c>
      <c r="EA13" s="102">
        <v>0</v>
      </c>
      <c r="EB13" s="102">
        <v>0</v>
      </c>
      <c r="EC13" s="103">
        <v>0</v>
      </c>
      <c r="ED13" s="104">
        <v>5</v>
      </c>
      <c r="EE13" s="101">
        <v>6</v>
      </c>
      <c r="EF13" s="102">
        <v>0</v>
      </c>
      <c r="EG13" s="103">
        <v>6</v>
      </c>
      <c r="EH13" s="413">
        <v>0</v>
      </c>
      <c r="EI13" s="102">
        <v>2</v>
      </c>
      <c r="EJ13" s="102">
        <v>1</v>
      </c>
      <c r="EK13" s="102">
        <v>1</v>
      </c>
      <c r="EL13" s="102">
        <v>0</v>
      </c>
      <c r="EM13" s="102">
        <v>2</v>
      </c>
      <c r="EN13" s="103">
        <v>6</v>
      </c>
      <c r="EO13" s="104">
        <v>12</v>
      </c>
      <c r="EP13" s="101">
        <v>11</v>
      </c>
      <c r="EQ13" s="102">
        <v>4</v>
      </c>
      <c r="ER13" s="103">
        <v>15</v>
      </c>
      <c r="ES13" s="413">
        <v>0</v>
      </c>
      <c r="ET13" s="102">
        <v>6</v>
      </c>
      <c r="EU13" s="102">
        <v>1</v>
      </c>
      <c r="EV13" s="102">
        <v>3</v>
      </c>
      <c r="EW13" s="102">
        <v>2</v>
      </c>
      <c r="EX13" s="102">
        <v>0</v>
      </c>
      <c r="EY13" s="103">
        <v>12</v>
      </c>
      <c r="EZ13" s="104">
        <v>27</v>
      </c>
      <c r="FA13" s="101">
        <v>8</v>
      </c>
      <c r="FB13" s="102">
        <v>9</v>
      </c>
      <c r="FC13" s="103">
        <v>17</v>
      </c>
      <c r="FD13" s="413">
        <v>0</v>
      </c>
      <c r="FE13" s="102">
        <v>9</v>
      </c>
      <c r="FF13" s="102">
        <v>6</v>
      </c>
      <c r="FG13" s="102">
        <v>5</v>
      </c>
      <c r="FH13" s="102">
        <v>3</v>
      </c>
      <c r="FI13" s="102">
        <v>1</v>
      </c>
      <c r="FJ13" s="103">
        <v>24</v>
      </c>
      <c r="FK13" s="104">
        <v>41</v>
      </c>
      <c r="FL13" s="101">
        <v>4</v>
      </c>
      <c r="FM13" s="102">
        <v>7</v>
      </c>
      <c r="FN13" s="103">
        <v>11</v>
      </c>
      <c r="FO13" s="413">
        <v>0</v>
      </c>
      <c r="FP13" s="102">
        <v>13</v>
      </c>
      <c r="FQ13" s="102">
        <v>13</v>
      </c>
      <c r="FR13" s="102">
        <v>12</v>
      </c>
      <c r="FS13" s="102">
        <v>11</v>
      </c>
      <c r="FT13" s="102">
        <v>6</v>
      </c>
      <c r="FU13" s="103">
        <v>55</v>
      </c>
      <c r="FV13" s="104">
        <v>66</v>
      </c>
      <c r="FW13" s="101">
        <v>0</v>
      </c>
      <c r="FX13" s="102">
        <v>0</v>
      </c>
      <c r="FY13" s="103">
        <v>0</v>
      </c>
      <c r="FZ13" s="413">
        <v>0</v>
      </c>
      <c r="GA13" s="102">
        <v>0</v>
      </c>
      <c r="GB13" s="102">
        <v>0</v>
      </c>
      <c r="GC13" s="102">
        <v>0</v>
      </c>
      <c r="GD13" s="102">
        <v>0</v>
      </c>
      <c r="GE13" s="102">
        <v>0</v>
      </c>
      <c r="GF13" s="103">
        <v>0</v>
      </c>
      <c r="GG13" s="104">
        <v>0</v>
      </c>
      <c r="GH13" s="101">
        <v>33</v>
      </c>
      <c r="GI13" s="102">
        <v>22</v>
      </c>
      <c r="GJ13" s="103">
        <v>55</v>
      </c>
      <c r="GK13" s="413">
        <v>0</v>
      </c>
      <c r="GL13" s="102">
        <v>32</v>
      </c>
      <c r="GM13" s="102">
        <v>21</v>
      </c>
      <c r="GN13" s="102">
        <v>22</v>
      </c>
      <c r="GO13" s="102">
        <v>16</v>
      </c>
      <c r="GP13" s="102">
        <v>10</v>
      </c>
      <c r="GQ13" s="103">
        <v>101</v>
      </c>
      <c r="GR13" s="104">
        <v>156</v>
      </c>
      <c r="GS13" s="105">
        <v>222</v>
      </c>
      <c r="GT13" s="97">
        <v>117</v>
      </c>
      <c r="GU13" s="98">
        <v>339</v>
      </c>
      <c r="GV13" s="413">
        <v>0</v>
      </c>
      <c r="GW13" s="97">
        <v>262</v>
      </c>
      <c r="GX13" s="97">
        <v>140</v>
      </c>
      <c r="GY13" s="97">
        <v>131</v>
      </c>
      <c r="GZ13" s="97">
        <v>116</v>
      </c>
      <c r="HA13" s="97">
        <v>58</v>
      </c>
      <c r="HB13" s="99">
        <v>707</v>
      </c>
      <c r="HC13" s="100">
        <v>1046</v>
      </c>
      <c r="HD13" s="101">
        <v>4</v>
      </c>
      <c r="HE13" s="102">
        <v>1</v>
      </c>
      <c r="HF13" s="103">
        <v>5</v>
      </c>
      <c r="HG13" s="413">
        <v>0</v>
      </c>
      <c r="HH13" s="102">
        <v>2</v>
      </c>
      <c r="HI13" s="102">
        <v>2</v>
      </c>
      <c r="HJ13" s="102">
        <v>1</v>
      </c>
      <c r="HK13" s="102">
        <v>1</v>
      </c>
      <c r="HL13" s="102">
        <v>2</v>
      </c>
      <c r="HM13" s="103">
        <v>8</v>
      </c>
      <c r="HN13" s="104">
        <v>13</v>
      </c>
      <c r="HO13" s="101">
        <v>8</v>
      </c>
      <c r="HP13" s="102">
        <v>2</v>
      </c>
      <c r="HQ13" s="103">
        <v>10</v>
      </c>
      <c r="HR13" s="413">
        <v>0</v>
      </c>
      <c r="HS13" s="102">
        <v>4</v>
      </c>
      <c r="HT13" s="102">
        <v>4</v>
      </c>
      <c r="HU13" s="102">
        <v>2</v>
      </c>
      <c r="HV13" s="102">
        <v>1</v>
      </c>
      <c r="HW13" s="102">
        <v>0</v>
      </c>
      <c r="HX13" s="103">
        <v>11</v>
      </c>
      <c r="HY13" s="104">
        <v>21</v>
      </c>
      <c r="HZ13" s="101">
        <v>17</v>
      </c>
      <c r="IA13" s="102">
        <v>3</v>
      </c>
      <c r="IB13" s="103">
        <v>20</v>
      </c>
      <c r="IC13" s="413">
        <v>0</v>
      </c>
      <c r="ID13" s="102">
        <v>12</v>
      </c>
      <c r="IE13" s="102">
        <v>13</v>
      </c>
      <c r="IF13" s="102">
        <v>11</v>
      </c>
      <c r="IG13" s="102">
        <v>4</v>
      </c>
      <c r="IH13" s="102">
        <v>3</v>
      </c>
      <c r="II13" s="103">
        <v>43</v>
      </c>
      <c r="IJ13" s="104">
        <v>63</v>
      </c>
      <c r="IK13" s="101">
        <v>45</v>
      </c>
      <c r="IL13" s="102">
        <v>21</v>
      </c>
      <c r="IM13" s="103">
        <v>66</v>
      </c>
      <c r="IN13" s="413">
        <v>0</v>
      </c>
      <c r="IO13" s="102">
        <v>40</v>
      </c>
      <c r="IP13" s="102">
        <v>13</v>
      </c>
      <c r="IQ13" s="102">
        <v>17</v>
      </c>
      <c r="IR13" s="102">
        <v>14</v>
      </c>
      <c r="IS13" s="102">
        <v>10</v>
      </c>
      <c r="IT13" s="103">
        <v>94</v>
      </c>
      <c r="IU13" s="104">
        <v>160</v>
      </c>
      <c r="IV13" s="101">
        <v>74</v>
      </c>
      <c r="IW13" s="102">
        <v>51</v>
      </c>
      <c r="IX13" s="103">
        <v>125</v>
      </c>
      <c r="IY13" s="413">
        <v>0</v>
      </c>
      <c r="IZ13" s="102">
        <v>91</v>
      </c>
      <c r="JA13" s="102">
        <v>37</v>
      </c>
      <c r="JB13" s="102">
        <v>38</v>
      </c>
      <c r="JC13" s="102">
        <v>31</v>
      </c>
      <c r="JD13" s="102">
        <v>13</v>
      </c>
      <c r="JE13" s="103">
        <v>210</v>
      </c>
      <c r="JF13" s="104">
        <v>335</v>
      </c>
      <c r="JG13" s="101">
        <v>74</v>
      </c>
      <c r="JH13" s="102">
        <v>39</v>
      </c>
      <c r="JI13" s="103">
        <v>113</v>
      </c>
      <c r="JJ13" s="413">
        <v>0</v>
      </c>
      <c r="JK13" s="102">
        <v>113</v>
      </c>
      <c r="JL13" s="102">
        <v>71</v>
      </c>
      <c r="JM13" s="102">
        <v>62</v>
      </c>
      <c r="JN13" s="102">
        <v>65</v>
      </c>
      <c r="JO13" s="102">
        <v>30</v>
      </c>
      <c r="JP13" s="103">
        <v>341</v>
      </c>
      <c r="JQ13" s="104">
        <v>454</v>
      </c>
      <c r="JR13" s="101">
        <v>0</v>
      </c>
      <c r="JS13" s="102">
        <v>0</v>
      </c>
      <c r="JT13" s="103">
        <v>0</v>
      </c>
      <c r="JU13" s="413">
        <v>0</v>
      </c>
      <c r="JV13" s="102">
        <v>0</v>
      </c>
      <c r="JW13" s="102">
        <v>0</v>
      </c>
      <c r="JX13" s="102">
        <v>0</v>
      </c>
      <c r="JY13" s="102">
        <v>0</v>
      </c>
      <c r="JZ13" s="102">
        <v>0</v>
      </c>
      <c r="KA13" s="103">
        <v>0</v>
      </c>
      <c r="KB13" s="104">
        <v>0</v>
      </c>
      <c r="KC13" s="101">
        <v>222</v>
      </c>
      <c r="KD13" s="102">
        <v>117</v>
      </c>
      <c r="KE13" s="103">
        <v>339</v>
      </c>
      <c r="KF13" s="413">
        <v>0</v>
      </c>
      <c r="KG13" s="102">
        <v>262</v>
      </c>
      <c r="KH13" s="102">
        <v>140</v>
      </c>
      <c r="KI13" s="102">
        <v>131</v>
      </c>
      <c r="KJ13" s="102">
        <v>116</v>
      </c>
      <c r="KK13" s="102">
        <v>58</v>
      </c>
      <c r="KL13" s="103">
        <v>707</v>
      </c>
      <c r="KM13" s="104">
        <v>1046</v>
      </c>
    </row>
    <row r="14" spans="2:299" s="70" customFormat="1" ht="21" customHeight="1" x14ac:dyDescent="0.2">
      <c r="B14" s="106" t="s">
        <v>10</v>
      </c>
      <c r="C14" s="96">
        <v>356</v>
      </c>
      <c r="D14" s="97">
        <v>207</v>
      </c>
      <c r="E14" s="98">
        <v>563</v>
      </c>
      <c r="F14" s="413">
        <v>0</v>
      </c>
      <c r="G14" s="97">
        <v>342</v>
      </c>
      <c r="H14" s="97">
        <v>172</v>
      </c>
      <c r="I14" s="97">
        <v>125</v>
      </c>
      <c r="J14" s="97">
        <v>115</v>
      </c>
      <c r="K14" s="97">
        <v>85</v>
      </c>
      <c r="L14" s="99">
        <v>839</v>
      </c>
      <c r="M14" s="100">
        <v>1402</v>
      </c>
      <c r="N14" s="101">
        <v>5</v>
      </c>
      <c r="O14" s="102">
        <v>2</v>
      </c>
      <c r="P14" s="103">
        <v>7</v>
      </c>
      <c r="Q14" s="413">
        <v>0</v>
      </c>
      <c r="R14" s="102">
        <v>2</v>
      </c>
      <c r="S14" s="102">
        <v>4</v>
      </c>
      <c r="T14" s="102">
        <v>1</v>
      </c>
      <c r="U14" s="102">
        <v>6</v>
      </c>
      <c r="V14" s="102">
        <v>2</v>
      </c>
      <c r="W14" s="103">
        <v>15</v>
      </c>
      <c r="X14" s="104">
        <v>22</v>
      </c>
      <c r="Y14" s="101">
        <v>13</v>
      </c>
      <c r="Z14" s="102">
        <v>6</v>
      </c>
      <c r="AA14" s="103">
        <v>19</v>
      </c>
      <c r="AB14" s="413">
        <v>0</v>
      </c>
      <c r="AC14" s="102">
        <v>12</v>
      </c>
      <c r="AD14" s="102">
        <v>7</v>
      </c>
      <c r="AE14" s="102">
        <v>3</v>
      </c>
      <c r="AF14" s="102">
        <v>2</v>
      </c>
      <c r="AG14" s="102">
        <v>9</v>
      </c>
      <c r="AH14" s="103">
        <v>33</v>
      </c>
      <c r="AI14" s="104">
        <v>52</v>
      </c>
      <c r="AJ14" s="101">
        <v>27</v>
      </c>
      <c r="AK14" s="102">
        <v>12</v>
      </c>
      <c r="AL14" s="103">
        <v>39</v>
      </c>
      <c r="AM14" s="413">
        <v>0</v>
      </c>
      <c r="AN14" s="102">
        <v>26</v>
      </c>
      <c r="AO14" s="102">
        <v>14</v>
      </c>
      <c r="AP14" s="102">
        <v>8</v>
      </c>
      <c r="AQ14" s="102">
        <v>11</v>
      </c>
      <c r="AR14" s="102">
        <v>11</v>
      </c>
      <c r="AS14" s="103">
        <v>70</v>
      </c>
      <c r="AT14" s="104">
        <v>109</v>
      </c>
      <c r="AU14" s="101">
        <v>73</v>
      </c>
      <c r="AV14" s="102">
        <v>35</v>
      </c>
      <c r="AW14" s="103">
        <v>108</v>
      </c>
      <c r="AX14" s="413">
        <v>0</v>
      </c>
      <c r="AY14" s="102">
        <v>61</v>
      </c>
      <c r="AZ14" s="102">
        <v>32</v>
      </c>
      <c r="BA14" s="102">
        <v>23</v>
      </c>
      <c r="BB14" s="102">
        <v>22</v>
      </c>
      <c r="BC14" s="102">
        <v>15</v>
      </c>
      <c r="BD14" s="103">
        <v>153</v>
      </c>
      <c r="BE14" s="104">
        <v>261</v>
      </c>
      <c r="BF14" s="101">
        <v>140</v>
      </c>
      <c r="BG14" s="102">
        <v>74</v>
      </c>
      <c r="BH14" s="103">
        <v>214</v>
      </c>
      <c r="BI14" s="413">
        <v>0</v>
      </c>
      <c r="BJ14" s="102">
        <v>128</v>
      </c>
      <c r="BK14" s="102">
        <v>52</v>
      </c>
      <c r="BL14" s="102">
        <v>27</v>
      </c>
      <c r="BM14" s="102">
        <v>27</v>
      </c>
      <c r="BN14" s="102">
        <v>15</v>
      </c>
      <c r="BO14" s="103">
        <v>249</v>
      </c>
      <c r="BP14" s="104">
        <v>463</v>
      </c>
      <c r="BQ14" s="101">
        <v>98</v>
      </c>
      <c r="BR14" s="102">
        <v>78</v>
      </c>
      <c r="BS14" s="103">
        <v>176</v>
      </c>
      <c r="BT14" s="413">
        <v>0</v>
      </c>
      <c r="BU14" s="102">
        <v>113</v>
      </c>
      <c r="BV14" s="102">
        <v>63</v>
      </c>
      <c r="BW14" s="102">
        <v>63</v>
      </c>
      <c r="BX14" s="102">
        <v>47</v>
      </c>
      <c r="BY14" s="102">
        <v>33</v>
      </c>
      <c r="BZ14" s="103">
        <v>319</v>
      </c>
      <c r="CA14" s="104">
        <v>495</v>
      </c>
      <c r="CB14" s="101">
        <v>0</v>
      </c>
      <c r="CC14" s="102">
        <v>0</v>
      </c>
      <c r="CD14" s="103">
        <v>0</v>
      </c>
      <c r="CE14" s="413">
        <v>0</v>
      </c>
      <c r="CF14" s="102">
        <v>0</v>
      </c>
      <c r="CG14" s="102">
        <v>0</v>
      </c>
      <c r="CH14" s="102">
        <v>0</v>
      </c>
      <c r="CI14" s="102">
        <v>0</v>
      </c>
      <c r="CJ14" s="102">
        <v>0</v>
      </c>
      <c r="CK14" s="103">
        <v>0</v>
      </c>
      <c r="CL14" s="104">
        <v>0</v>
      </c>
      <c r="CM14" s="101">
        <v>356</v>
      </c>
      <c r="CN14" s="102">
        <v>207</v>
      </c>
      <c r="CO14" s="103">
        <v>563</v>
      </c>
      <c r="CP14" s="413">
        <v>0</v>
      </c>
      <c r="CQ14" s="102">
        <v>342</v>
      </c>
      <c r="CR14" s="102">
        <v>172</v>
      </c>
      <c r="CS14" s="102">
        <v>125</v>
      </c>
      <c r="CT14" s="102">
        <v>115</v>
      </c>
      <c r="CU14" s="102">
        <v>85</v>
      </c>
      <c r="CV14" s="103">
        <v>839</v>
      </c>
      <c r="CW14" s="104">
        <v>1402</v>
      </c>
      <c r="CX14" s="105">
        <v>46</v>
      </c>
      <c r="CY14" s="97">
        <v>37</v>
      </c>
      <c r="CZ14" s="98">
        <v>83</v>
      </c>
      <c r="DA14" s="413">
        <v>0</v>
      </c>
      <c r="DB14" s="97">
        <v>57</v>
      </c>
      <c r="DC14" s="97">
        <v>22</v>
      </c>
      <c r="DD14" s="97">
        <v>15</v>
      </c>
      <c r="DE14" s="97">
        <v>31</v>
      </c>
      <c r="DF14" s="97">
        <v>15</v>
      </c>
      <c r="DG14" s="99">
        <v>140</v>
      </c>
      <c r="DH14" s="100">
        <v>223</v>
      </c>
      <c r="DI14" s="101">
        <v>1</v>
      </c>
      <c r="DJ14" s="102">
        <v>0</v>
      </c>
      <c r="DK14" s="103">
        <v>1</v>
      </c>
      <c r="DL14" s="413">
        <v>0</v>
      </c>
      <c r="DM14" s="102">
        <v>1</v>
      </c>
      <c r="DN14" s="102">
        <v>0</v>
      </c>
      <c r="DO14" s="102">
        <v>0</v>
      </c>
      <c r="DP14" s="102">
        <v>0</v>
      </c>
      <c r="DQ14" s="102">
        <v>0</v>
      </c>
      <c r="DR14" s="103">
        <v>1</v>
      </c>
      <c r="DS14" s="104">
        <v>2</v>
      </c>
      <c r="DT14" s="101">
        <v>5</v>
      </c>
      <c r="DU14" s="102">
        <v>3</v>
      </c>
      <c r="DV14" s="103">
        <v>8</v>
      </c>
      <c r="DW14" s="413">
        <v>0</v>
      </c>
      <c r="DX14" s="102">
        <v>6</v>
      </c>
      <c r="DY14" s="102">
        <v>1</v>
      </c>
      <c r="DZ14" s="102">
        <v>0</v>
      </c>
      <c r="EA14" s="102">
        <v>0</v>
      </c>
      <c r="EB14" s="102">
        <v>1</v>
      </c>
      <c r="EC14" s="103">
        <v>8</v>
      </c>
      <c r="ED14" s="104">
        <v>16</v>
      </c>
      <c r="EE14" s="101">
        <v>8</v>
      </c>
      <c r="EF14" s="102">
        <v>5</v>
      </c>
      <c r="EG14" s="103">
        <v>13</v>
      </c>
      <c r="EH14" s="413">
        <v>0</v>
      </c>
      <c r="EI14" s="102">
        <v>2</v>
      </c>
      <c r="EJ14" s="102">
        <v>3</v>
      </c>
      <c r="EK14" s="102">
        <v>0</v>
      </c>
      <c r="EL14" s="102">
        <v>1</v>
      </c>
      <c r="EM14" s="102">
        <v>0</v>
      </c>
      <c r="EN14" s="103">
        <v>6</v>
      </c>
      <c r="EO14" s="104">
        <v>19</v>
      </c>
      <c r="EP14" s="101">
        <v>8</v>
      </c>
      <c r="EQ14" s="102">
        <v>5</v>
      </c>
      <c r="ER14" s="103">
        <v>13</v>
      </c>
      <c r="ES14" s="413">
        <v>0</v>
      </c>
      <c r="ET14" s="102">
        <v>12</v>
      </c>
      <c r="EU14" s="102">
        <v>3</v>
      </c>
      <c r="EV14" s="102">
        <v>2</v>
      </c>
      <c r="EW14" s="102">
        <v>2</v>
      </c>
      <c r="EX14" s="102">
        <v>0</v>
      </c>
      <c r="EY14" s="103">
        <v>19</v>
      </c>
      <c r="EZ14" s="104">
        <v>32</v>
      </c>
      <c r="FA14" s="101">
        <v>17</v>
      </c>
      <c r="FB14" s="102">
        <v>13</v>
      </c>
      <c r="FC14" s="103">
        <v>30</v>
      </c>
      <c r="FD14" s="413">
        <v>0</v>
      </c>
      <c r="FE14" s="102">
        <v>13</v>
      </c>
      <c r="FF14" s="102">
        <v>5</v>
      </c>
      <c r="FG14" s="102">
        <v>2</v>
      </c>
      <c r="FH14" s="102">
        <v>6</v>
      </c>
      <c r="FI14" s="102">
        <v>4</v>
      </c>
      <c r="FJ14" s="103">
        <v>30</v>
      </c>
      <c r="FK14" s="104">
        <v>60</v>
      </c>
      <c r="FL14" s="101">
        <v>7</v>
      </c>
      <c r="FM14" s="102">
        <v>11</v>
      </c>
      <c r="FN14" s="103">
        <v>18</v>
      </c>
      <c r="FO14" s="413">
        <v>0</v>
      </c>
      <c r="FP14" s="102">
        <v>23</v>
      </c>
      <c r="FQ14" s="102">
        <v>10</v>
      </c>
      <c r="FR14" s="102">
        <v>11</v>
      </c>
      <c r="FS14" s="102">
        <v>22</v>
      </c>
      <c r="FT14" s="102">
        <v>10</v>
      </c>
      <c r="FU14" s="103">
        <v>76</v>
      </c>
      <c r="FV14" s="104">
        <v>94</v>
      </c>
      <c r="FW14" s="101">
        <v>0</v>
      </c>
      <c r="FX14" s="102">
        <v>0</v>
      </c>
      <c r="FY14" s="103">
        <v>0</v>
      </c>
      <c r="FZ14" s="413">
        <v>0</v>
      </c>
      <c r="GA14" s="102">
        <v>0</v>
      </c>
      <c r="GB14" s="102">
        <v>0</v>
      </c>
      <c r="GC14" s="102">
        <v>0</v>
      </c>
      <c r="GD14" s="102">
        <v>0</v>
      </c>
      <c r="GE14" s="102">
        <v>0</v>
      </c>
      <c r="GF14" s="103">
        <v>0</v>
      </c>
      <c r="GG14" s="104">
        <v>0</v>
      </c>
      <c r="GH14" s="101">
        <v>46</v>
      </c>
      <c r="GI14" s="102">
        <v>37</v>
      </c>
      <c r="GJ14" s="103">
        <v>83</v>
      </c>
      <c r="GK14" s="413">
        <v>0</v>
      </c>
      <c r="GL14" s="102">
        <v>57</v>
      </c>
      <c r="GM14" s="102">
        <v>22</v>
      </c>
      <c r="GN14" s="102">
        <v>15</v>
      </c>
      <c r="GO14" s="102">
        <v>31</v>
      </c>
      <c r="GP14" s="102">
        <v>15</v>
      </c>
      <c r="GQ14" s="103">
        <v>140</v>
      </c>
      <c r="GR14" s="104">
        <v>223</v>
      </c>
      <c r="GS14" s="105">
        <v>402</v>
      </c>
      <c r="GT14" s="97">
        <v>244</v>
      </c>
      <c r="GU14" s="98">
        <v>646</v>
      </c>
      <c r="GV14" s="413">
        <v>0</v>
      </c>
      <c r="GW14" s="97">
        <v>399</v>
      </c>
      <c r="GX14" s="97">
        <v>194</v>
      </c>
      <c r="GY14" s="97">
        <v>140</v>
      </c>
      <c r="GZ14" s="97">
        <v>146</v>
      </c>
      <c r="HA14" s="97">
        <v>100</v>
      </c>
      <c r="HB14" s="99">
        <v>979</v>
      </c>
      <c r="HC14" s="100">
        <v>1625</v>
      </c>
      <c r="HD14" s="101">
        <v>6</v>
      </c>
      <c r="HE14" s="102">
        <v>2</v>
      </c>
      <c r="HF14" s="103">
        <v>8</v>
      </c>
      <c r="HG14" s="413">
        <v>0</v>
      </c>
      <c r="HH14" s="102">
        <v>3</v>
      </c>
      <c r="HI14" s="102">
        <v>4</v>
      </c>
      <c r="HJ14" s="102">
        <v>1</v>
      </c>
      <c r="HK14" s="102">
        <v>6</v>
      </c>
      <c r="HL14" s="102">
        <v>2</v>
      </c>
      <c r="HM14" s="103">
        <v>16</v>
      </c>
      <c r="HN14" s="104">
        <v>24</v>
      </c>
      <c r="HO14" s="101">
        <v>18</v>
      </c>
      <c r="HP14" s="102">
        <v>9</v>
      </c>
      <c r="HQ14" s="103">
        <v>27</v>
      </c>
      <c r="HR14" s="413">
        <v>0</v>
      </c>
      <c r="HS14" s="102">
        <v>18</v>
      </c>
      <c r="HT14" s="102">
        <v>8</v>
      </c>
      <c r="HU14" s="102">
        <v>3</v>
      </c>
      <c r="HV14" s="102">
        <v>2</v>
      </c>
      <c r="HW14" s="102">
        <v>10</v>
      </c>
      <c r="HX14" s="103">
        <v>41</v>
      </c>
      <c r="HY14" s="104">
        <v>68</v>
      </c>
      <c r="HZ14" s="101">
        <v>35</v>
      </c>
      <c r="IA14" s="102">
        <v>17</v>
      </c>
      <c r="IB14" s="103">
        <v>52</v>
      </c>
      <c r="IC14" s="413">
        <v>0</v>
      </c>
      <c r="ID14" s="102">
        <v>28</v>
      </c>
      <c r="IE14" s="102">
        <v>17</v>
      </c>
      <c r="IF14" s="102">
        <v>8</v>
      </c>
      <c r="IG14" s="102">
        <v>12</v>
      </c>
      <c r="IH14" s="102">
        <v>11</v>
      </c>
      <c r="II14" s="103">
        <v>76</v>
      </c>
      <c r="IJ14" s="104">
        <v>128</v>
      </c>
      <c r="IK14" s="101">
        <v>81</v>
      </c>
      <c r="IL14" s="102">
        <v>40</v>
      </c>
      <c r="IM14" s="103">
        <v>121</v>
      </c>
      <c r="IN14" s="413">
        <v>0</v>
      </c>
      <c r="IO14" s="102">
        <v>73</v>
      </c>
      <c r="IP14" s="102">
        <v>35</v>
      </c>
      <c r="IQ14" s="102">
        <v>25</v>
      </c>
      <c r="IR14" s="102">
        <v>24</v>
      </c>
      <c r="IS14" s="102">
        <v>15</v>
      </c>
      <c r="IT14" s="103">
        <v>172</v>
      </c>
      <c r="IU14" s="104">
        <v>293</v>
      </c>
      <c r="IV14" s="101">
        <v>157</v>
      </c>
      <c r="IW14" s="102">
        <v>87</v>
      </c>
      <c r="IX14" s="103">
        <v>244</v>
      </c>
      <c r="IY14" s="413">
        <v>0</v>
      </c>
      <c r="IZ14" s="102">
        <v>141</v>
      </c>
      <c r="JA14" s="102">
        <v>57</v>
      </c>
      <c r="JB14" s="102">
        <v>29</v>
      </c>
      <c r="JC14" s="102">
        <v>33</v>
      </c>
      <c r="JD14" s="102">
        <v>19</v>
      </c>
      <c r="JE14" s="103">
        <v>279</v>
      </c>
      <c r="JF14" s="104">
        <v>523</v>
      </c>
      <c r="JG14" s="101">
        <v>105</v>
      </c>
      <c r="JH14" s="102">
        <v>89</v>
      </c>
      <c r="JI14" s="103">
        <v>194</v>
      </c>
      <c r="JJ14" s="413">
        <v>0</v>
      </c>
      <c r="JK14" s="102">
        <v>136</v>
      </c>
      <c r="JL14" s="102">
        <v>73</v>
      </c>
      <c r="JM14" s="102">
        <v>74</v>
      </c>
      <c r="JN14" s="102">
        <v>69</v>
      </c>
      <c r="JO14" s="102">
        <v>43</v>
      </c>
      <c r="JP14" s="103">
        <v>395</v>
      </c>
      <c r="JQ14" s="104">
        <v>589</v>
      </c>
      <c r="JR14" s="101">
        <v>0</v>
      </c>
      <c r="JS14" s="102">
        <v>0</v>
      </c>
      <c r="JT14" s="103">
        <v>0</v>
      </c>
      <c r="JU14" s="413">
        <v>0</v>
      </c>
      <c r="JV14" s="102">
        <v>0</v>
      </c>
      <c r="JW14" s="102">
        <v>0</v>
      </c>
      <c r="JX14" s="102">
        <v>0</v>
      </c>
      <c r="JY14" s="102">
        <v>0</v>
      </c>
      <c r="JZ14" s="102">
        <v>0</v>
      </c>
      <c r="KA14" s="103">
        <v>0</v>
      </c>
      <c r="KB14" s="104">
        <v>0</v>
      </c>
      <c r="KC14" s="101">
        <v>402</v>
      </c>
      <c r="KD14" s="102">
        <v>244</v>
      </c>
      <c r="KE14" s="103">
        <v>646</v>
      </c>
      <c r="KF14" s="413">
        <v>0</v>
      </c>
      <c r="KG14" s="102">
        <v>399</v>
      </c>
      <c r="KH14" s="102">
        <v>194</v>
      </c>
      <c r="KI14" s="102">
        <v>140</v>
      </c>
      <c r="KJ14" s="102">
        <v>146</v>
      </c>
      <c r="KK14" s="102">
        <v>100</v>
      </c>
      <c r="KL14" s="103">
        <v>979</v>
      </c>
      <c r="KM14" s="104">
        <v>1625</v>
      </c>
    </row>
    <row r="15" spans="2:299" s="70" customFormat="1" ht="21" customHeight="1" x14ac:dyDescent="0.2">
      <c r="B15" s="106" t="s">
        <v>11</v>
      </c>
      <c r="C15" s="96">
        <v>85</v>
      </c>
      <c r="D15" s="97">
        <v>65</v>
      </c>
      <c r="E15" s="98">
        <v>150</v>
      </c>
      <c r="F15" s="413">
        <v>0</v>
      </c>
      <c r="G15" s="97">
        <v>142</v>
      </c>
      <c r="H15" s="97">
        <v>80</v>
      </c>
      <c r="I15" s="97">
        <v>58</v>
      </c>
      <c r="J15" s="97">
        <v>65</v>
      </c>
      <c r="K15" s="97">
        <v>20</v>
      </c>
      <c r="L15" s="99">
        <v>365</v>
      </c>
      <c r="M15" s="100">
        <v>515</v>
      </c>
      <c r="N15" s="101">
        <v>0</v>
      </c>
      <c r="O15" s="102">
        <v>1</v>
      </c>
      <c r="P15" s="103">
        <v>1</v>
      </c>
      <c r="Q15" s="413">
        <v>0</v>
      </c>
      <c r="R15" s="102">
        <v>1</v>
      </c>
      <c r="S15" s="102">
        <v>0</v>
      </c>
      <c r="T15" s="102">
        <v>0</v>
      </c>
      <c r="U15" s="102">
        <v>1</v>
      </c>
      <c r="V15" s="102">
        <v>0</v>
      </c>
      <c r="W15" s="103">
        <v>2</v>
      </c>
      <c r="X15" s="104">
        <v>3</v>
      </c>
      <c r="Y15" s="101">
        <v>3</v>
      </c>
      <c r="Z15" s="102">
        <v>2</v>
      </c>
      <c r="AA15" s="103">
        <v>5</v>
      </c>
      <c r="AB15" s="413">
        <v>0</v>
      </c>
      <c r="AC15" s="102">
        <v>7</v>
      </c>
      <c r="AD15" s="102">
        <v>9</v>
      </c>
      <c r="AE15" s="102">
        <v>3</v>
      </c>
      <c r="AF15" s="102">
        <v>7</v>
      </c>
      <c r="AG15" s="102">
        <v>2</v>
      </c>
      <c r="AH15" s="103">
        <v>28</v>
      </c>
      <c r="AI15" s="104">
        <v>33</v>
      </c>
      <c r="AJ15" s="101">
        <v>5</v>
      </c>
      <c r="AK15" s="102">
        <v>9</v>
      </c>
      <c r="AL15" s="103">
        <v>14</v>
      </c>
      <c r="AM15" s="413">
        <v>0</v>
      </c>
      <c r="AN15" s="102">
        <v>7</v>
      </c>
      <c r="AO15" s="102">
        <v>9</v>
      </c>
      <c r="AP15" s="102">
        <v>7</v>
      </c>
      <c r="AQ15" s="102">
        <v>2</v>
      </c>
      <c r="AR15" s="102">
        <v>0</v>
      </c>
      <c r="AS15" s="103">
        <v>25</v>
      </c>
      <c r="AT15" s="104">
        <v>39</v>
      </c>
      <c r="AU15" s="101">
        <v>14</v>
      </c>
      <c r="AV15" s="102">
        <v>10</v>
      </c>
      <c r="AW15" s="103">
        <v>24</v>
      </c>
      <c r="AX15" s="413">
        <v>0</v>
      </c>
      <c r="AY15" s="102">
        <v>25</v>
      </c>
      <c r="AZ15" s="102">
        <v>8</v>
      </c>
      <c r="BA15" s="102">
        <v>4</v>
      </c>
      <c r="BB15" s="102">
        <v>8</v>
      </c>
      <c r="BC15" s="102">
        <v>3</v>
      </c>
      <c r="BD15" s="103">
        <v>48</v>
      </c>
      <c r="BE15" s="104">
        <v>72</v>
      </c>
      <c r="BF15" s="101">
        <v>37</v>
      </c>
      <c r="BG15" s="102">
        <v>20</v>
      </c>
      <c r="BH15" s="103">
        <v>57</v>
      </c>
      <c r="BI15" s="413">
        <v>0</v>
      </c>
      <c r="BJ15" s="102">
        <v>43</v>
      </c>
      <c r="BK15" s="102">
        <v>20</v>
      </c>
      <c r="BL15" s="102">
        <v>20</v>
      </c>
      <c r="BM15" s="102">
        <v>23</v>
      </c>
      <c r="BN15" s="102">
        <v>6</v>
      </c>
      <c r="BO15" s="103">
        <v>112</v>
      </c>
      <c r="BP15" s="104">
        <v>169</v>
      </c>
      <c r="BQ15" s="101">
        <v>26</v>
      </c>
      <c r="BR15" s="102">
        <v>23</v>
      </c>
      <c r="BS15" s="103">
        <v>49</v>
      </c>
      <c r="BT15" s="413">
        <v>0</v>
      </c>
      <c r="BU15" s="102">
        <v>59</v>
      </c>
      <c r="BV15" s="102">
        <v>34</v>
      </c>
      <c r="BW15" s="102">
        <v>24</v>
      </c>
      <c r="BX15" s="102">
        <v>24</v>
      </c>
      <c r="BY15" s="102">
        <v>9</v>
      </c>
      <c r="BZ15" s="103">
        <v>150</v>
      </c>
      <c r="CA15" s="104">
        <v>199</v>
      </c>
      <c r="CB15" s="101">
        <v>0</v>
      </c>
      <c r="CC15" s="102">
        <v>0</v>
      </c>
      <c r="CD15" s="103">
        <v>0</v>
      </c>
      <c r="CE15" s="413">
        <v>0</v>
      </c>
      <c r="CF15" s="102">
        <v>0</v>
      </c>
      <c r="CG15" s="102">
        <v>0</v>
      </c>
      <c r="CH15" s="102">
        <v>0</v>
      </c>
      <c r="CI15" s="102">
        <v>0</v>
      </c>
      <c r="CJ15" s="102">
        <v>0</v>
      </c>
      <c r="CK15" s="103">
        <v>0</v>
      </c>
      <c r="CL15" s="104">
        <v>0</v>
      </c>
      <c r="CM15" s="101">
        <v>85</v>
      </c>
      <c r="CN15" s="102">
        <v>65</v>
      </c>
      <c r="CO15" s="103">
        <v>150</v>
      </c>
      <c r="CP15" s="413">
        <v>0</v>
      </c>
      <c r="CQ15" s="102">
        <v>142</v>
      </c>
      <c r="CR15" s="102">
        <v>80</v>
      </c>
      <c r="CS15" s="102">
        <v>58</v>
      </c>
      <c r="CT15" s="102">
        <v>65</v>
      </c>
      <c r="CU15" s="102">
        <v>20</v>
      </c>
      <c r="CV15" s="103">
        <v>365</v>
      </c>
      <c r="CW15" s="104">
        <v>515</v>
      </c>
      <c r="CX15" s="105">
        <v>9</v>
      </c>
      <c r="CY15" s="97">
        <v>13</v>
      </c>
      <c r="CZ15" s="98">
        <v>22</v>
      </c>
      <c r="DA15" s="413">
        <v>0</v>
      </c>
      <c r="DB15" s="97">
        <v>25</v>
      </c>
      <c r="DC15" s="97">
        <v>16</v>
      </c>
      <c r="DD15" s="97">
        <v>11</v>
      </c>
      <c r="DE15" s="97">
        <v>16</v>
      </c>
      <c r="DF15" s="97">
        <v>11</v>
      </c>
      <c r="DG15" s="99">
        <v>79</v>
      </c>
      <c r="DH15" s="100">
        <v>101</v>
      </c>
      <c r="DI15" s="101">
        <v>1</v>
      </c>
      <c r="DJ15" s="102">
        <v>0</v>
      </c>
      <c r="DK15" s="103">
        <v>1</v>
      </c>
      <c r="DL15" s="413">
        <v>0</v>
      </c>
      <c r="DM15" s="102">
        <v>1</v>
      </c>
      <c r="DN15" s="102">
        <v>0</v>
      </c>
      <c r="DO15" s="102">
        <v>0</v>
      </c>
      <c r="DP15" s="102">
        <v>0</v>
      </c>
      <c r="DQ15" s="102">
        <v>0</v>
      </c>
      <c r="DR15" s="103">
        <v>1</v>
      </c>
      <c r="DS15" s="104">
        <v>2</v>
      </c>
      <c r="DT15" s="101">
        <v>1</v>
      </c>
      <c r="DU15" s="102">
        <v>1</v>
      </c>
      <c r="DV15" s="103">
        <v>2</v>
      </c>
      <c r="DW15" s="413">
        <v>0</v>
      </c>
      <c r="DX15" s="102">
        <v>1</v>
      </c>
      <c r="DY15" s="102">
        <v>0</v>
      </c>
      <c r="DZ15" s="102">
        <v>0</v>
      </c>
      <c r="EA15" s="102">
        <v>1</v>
      </c>
      <c r="EB15" s="102">
        <v>0</v>
      </c>
      <c r="EC15" s="103">
        <v>2</v>
      </c>
      <c r="ED15" s="104">
        <v>4</v>
      </c>
      <c r="EE15" s="101">
        <v>1</v>
      </c>
      <c r="EF15" s="102">
        <v>1</v>
      </c>
      <c r="EG15" s="103">
        <v>2</v>
      </c>
      <c r="EH15" s="413">
        <v>0</v>
      </c>
      <c r="EI15" s="102">
        <v>1</v>
      </c>
      <c r="EJ15" s="102">
        <v>2</v>
      </c>
      <c r="EK15" s="102">
        <v>0</v>
      </c>
      <c r="EL15" s="102">
        <v>1</v>
      </c>
      <c r="EM15" s="102">
        <v>2</v>
      </c>
      <c r="EN15" s="103">
        <v>6</v>
      </c>
      <c r="EO15" s="104">
        <v>8</v>
      </c>
      <c r="EP15" s="101">
        <v>2</v>
      </c>
      <c r="EQ15" s="102">
        <v>3</v>
      </c>
      <c r="ER15" s="103">
        <v>5</v>
      </c>
      <c r="ES15" s="413">
        <v>0</v>
      </c>
      <c r="ET15" s="102">
        <v>5</v>
      </c>
      <c r="EU15" s="102">
        <v>4</v>
      </c>
      <c r="EV15" s="102">
        <v>2</v>
      </c>
      <c r="EW15" s="102">
        <v>1</v>
      </c>
      <c r="EX15" s="102">
        <v>1</v>
      </c>
      <c r="EY15" s="103">
        <v>13</v>
      </c>
      <c r="EZ15" s="104">
        <v>18</v>
      </c>
      <c r="FA15" s="101">
        <v>3</v>
      </c>
      <c r="FB15" s="102">
        <v>3</v>
      </c>
      <c r="FC15" s="103">
        <v>6</v>
      </c>
      <c r="FD15" s="413">
        <v>0</v>
      </c>
      <c r="FE15" s="102">
        <v>9</v>
      </c>
      <c r="FF15" s="102">
        <v>1</v>
      </c>
      <c r="FG15" s="102">
        <v>3</v>
      </c>
      <c r="FH15" s="102">
        <v>4</v>
      </c>
      <c r="FI15" s="102">
        <v>3</v>
      </c>
      <c r="FJ15" s="103">
        <v>20</v>
      </c>
      <c r="FK15" s="104">
        <v>26</v>
      </c>
      <c r="FL15" s="101">
        <v>1</v>
      </c>
      <c r="FM15" s="102">
        <v>5</v>
      </c>
      <c r="FN15" s="103">
        <v>6</v>
      </c>
      <c r="FO15" s="413">
        <v>0</v>
      </c>
      <c r="FP15" s="102">
        <v>8</v>
      </c>
      <c r="FQ15" s="102">
        <v>9</v>
      </c>
      <c r="FR15" s="102">
        <v>6</v>
      </c>
      <c r="FS15" s="102">
        <v>9</v>
      </c>
      <c r="FT15" s="102">
        <v>5</v>
      </c>
      <c r="FU15" s="103">
        <v>37</v>
      </c>
      <c r="FV15" s="104">
        <v>43</v>
      </c>
      <c r="FW15" s="101">
        <v>0</v>
      </c>
      <c r="FX15" s="102">
        <v>0</v>
      </c>
      <c r="FY15" s="103">
        <v>0</v>
      </c>
      <c r="FZ15" s="413">
        <v>0</v>
      </c>
      <c r="GA15" s="102">
        <v>0</v>
      </c>
      <c r="GB15" s="102">
        <v>0</v>
      </c>
      <c r="GC15" s="102">
        <v>0</v>
      </c>
      <c r="GD15" s="102">
        <v>0</v>
      </c>
      <c r="GE15" s="102">
        <v>0</v>
      </c>
      <c r="GF15" s="103">
        <v>0</v>
      </c>
      <c r="GG15" s="104">
        <v>0</v>
      </c>
      <c r="GH15" s="101">
        <v>9</v>
      </c>
      <c r="GI15" s="102">
        <v>13</v>
      </c>
      <c r="GJ15" s="103">
        <v>22</v>
      </c>
      <c r="GK15" s="413">
        <v>0</v>
      </c>
      <c r="GL15" s="102">
        <v>25</v>
      </c>
      <c r="GM15" s="102">
        <v>16</v>
      </c>
      <c r="GN15" s="102">
        <v>11</v>
      </c>
      <c r="GO15" s="102">
        <v>16</v>
      </c>
      <c r="GP15" s="102">
        <v>11</v>
      </c>
      <c r="GQ15" s="103">
        <v>79</v>
      </c>
      <c r="GR15" s="104">
        <v>101</v>
      </c>
      <c r="GS15" s="105">
        <v>94</v>
      </c>
      <c r="GT15" s="97">
        <v>78</v>
      </c>
      <c r="GU15" s="98">
        <v>172</v>
      </c>
      <c r="GV15" s="413">
        <v>0</v>
      </c>
      <c r="GW15" s="97">
        <v>167</v>
      </c>
      <c r="GX15" s="97">
        <v>96</v>
      </c>
      <c r="GY15" s="97">
        <v>69</v>
      </c>
      <c r="GZ15" s="97">
        <v>81</v>
      </c>
      <c r="HA15" s="97">
        <v>31</v>
      </c>
      <c r="HB15" s="99">
        <v>444</v>
      </c>
      <c r="HC15" s="100">
        <v>616</v>
      </c>
      <c r="HD15" s="101">
        <v>1</v>
      </c>
      <c r="HE15" s="102">
        <v>1</v>
      </c>
      <c r="HF15" s="103">
        <v>2</v>
      </c>
      <c r="HG15" s="413">
        <v>0</v>
      </c>
      <c r="HH15" s="102">
        <v>2</v>
      </c>
      <c r="HI15" s="102">
        <v>0</v>
      </c>
      <c r="HJ15" s="102">
        <v>0</v>
      </c>
      <c r="HK15" s="102">
        <v>1</v>
      </c>
      <c r="HL15" s="102">
        <v>0</v>
      </c>
      <c r="HM15" s="103">
        <v>3</v>
      </c>
      <c r="HN15" s="104">
        <v>5</v>
      </c>
      <c r="HO15" s="101">
        <v>4</v>
      </c>
      <c r="HP15" s="102">
        <v>3</v>
      </c>
      <c r="HQ15" s="103">
        <v>7</v>
      </c>
      <c r="HR15" s="413">
        <v>0</v>
      </c>
      <c r="HS15" s="102">
        <v>8</v>
      </c>
      <c r="HT15" s="102">
        <v>9</v>
      </c>
      <c r="HU15" s="102">
        <v>3</v>
      </c>
      <c r="HV15" s="102">
        <v>8</v>
      </c>
      <c r="HW15" s="102">
        <v>2</v>
      </c>
      <c r="HX15" s="103">
        <v>30</v>
      </c>
      <c r="HY15" s="104">
        <v>37</v>
      </c>
      <c r="HZ15" s="101">
        <v>6</v>
      </c>
      <c r="IA15" s="102">
        <v>10</v>
      </c>
      <c r="IB15" s="103">
        <v>16</v>
      </c>
      <c r="IC15" s="413">
        <v>0</v>
      </c>
      <c r="ID15" s="102">
        <v>8</v>
      </c>
      <c r="IE15" s="102">
        <v>11</v>
      </c>
      <c r="IF15" s="102">
        <v>7</v>
      </c>
      <c r="IG15" s="102">
        <v>3</v>
      </c>
      <c r="IH15" s="102">
        <v>2</v>
      </c>
      <c r="II15" s="103">
        <v>31</v>
      </c>
      <c r="IJ15" s="104">
        <v>47</v>
      </c>
      <c r="IK15" s="101">
        <v>16</v>
      </c>
      <c r="IL15" s="102">
        <v>13</v>
      </c>
      <c r="IM15" s="103">
        <v>29</v>
      </c>
      <c r="IN15" s="413">
        <v>0</v>
      </c>
      <c r="IO15" s="102">
        <v>30</v>
      </c>
      <c r="IP15" s="102">
        <v>12</v>
      </c>
      <c r="IQ15" s="102">
        <v>6</v>
      </c>
      <c r="IR15" s="102">
        <v>9</v>
      </c>
      <c r="IS15" s="102">
        <v>4</v>
      </c>
      <c r="IT15" s="103">
        <v>61</v>
      </c>
      <c r="IU15" s="104">
        <v>90</v>
      </c>
      <c r="IV15" s="101">
        <v>40</v>
      </c>
      <c r="IW15" s="102">
        <v>23</v>
      </c>
      <c r="IX15" s="103">
        <v>63</v>
      </c>
      <c r="IY15" s="413">
        <v>0</v>
      </c>
      <c r="IZ15" s="102">
        <v>52</v>
      </c>
      <c r="JA15" s="102">
        <v>21</v>
      </c>
      <c r="JB15" s="102">
        <v>23</v>
      </c>
      <c r="JC15" s="102">
        <v>27</v>
      </c>
      <c r="JD15" s="102">
        <v>9</v>
      </c>
      <c r="JE15" s="103">
        <v>132</v>
      </c>
      <c r="JF15" s="104">
        <v>195</v>
      </c>
      <c r="JG15" s="101">
        <v>27</v>
      </c>
      <c r="JH15" s="102">
        <v>28</v>
      </c>
      <c r="JI15" s="103">
        <v>55</v>
      </c>
      <c r="JJ15" s="413">
        <v>0</v>
      </c>
      <c r="JK15" s="102">
        <v>67</v>
      </c>
      <c r="JL15" s="102">
        <v>43</v>
      </c>
      <c r="JM15" s="102">
        <v>30</v>
      </c>
      <c r="JN15" s="102">
        <v>33</v>
      </c>
      <c r="JO15" s="102">
        <v>14</v>
      </c>
      <c r="JP15" s="103">
        <v>187</v>
      </c>
      <c r="JQ15" s="104">
        <v>242</v>
      </c>
      <c r="JR15" s="101">
        <v>0</v>
      </c>
      <c r="JS15" s="102">
        <v>0</v>
      </c>
      <c r="JT15" s="103">
        <v>0</v>
      </c>
      <c r="JU15" s="413">
        <v>0</v>
      </c>
      <c r="JV15" s="102">
        <v>0</v>
      </c>
      <c r="JW15" s="102">
        <v>0</v>
      </c>
      <c r="JX15" s="102">
        <v>0</v>
      </c>
      <c r="JY15" s="102">
        <v>0</v>
      </c>
      <c r="JZ15" s="102">
        <v>0</v>
      </c>
      <c r="KA15" s="103">
        <v>0</v>
      </c>
      <c r="KB15" s="104">
        <v>0</v>
      </c>
      <c r="KC15" s="101">
        <v>94</v>
      </c>
      <c r="KD15" s="102">
        <v>78</v>
      </c>
      <c r="KE15" s="103">
        <v>172</v>
      </c>
      <c r="KF15" s="413">
        <v>0</v>
      </c>
      <c r="KG15" s="102">
        <v>167</v>
      </c>
      <c r="KH15" s="102">
        <v>96</v>
      </c>
      <c r="KI15" s="102">
        <v>69</v>
      </c>
      <c r="KJ15" s="102">
        <v>81</v>
      </c>
      <c r="KK15" s="102">
        <v>31</v>
      </c>
      <c r="KL15" s="103">
        <v>444</v>
      </c>
      <c r="KM15" s="104">
        <v>616</v>
      </c>
    </row>
    <row r="16" spans="2:299" s="70" customFormat="1" ht="21" customHeight="1" x14ac:dyDescent="0.2">
      <c r="B16" s="106" t="s">
        <v>12</v>
      </c>
      <c r="C16" s="96">
        <v>179</v>
      </c>
      <c r="D16" s="97">
        <v>159</v>
      </c>
      <c r="E16" s="98">
        <v>338</v>
      </c>
      <c r="F16" s="413">
        <v>0</v>
      </c>
      <c r="G16" s="97">
        <v>154</v>
      </c>
      <c r="H16" s="97">
        <v>153</v>
      </c>
      <c r="I16" s="97">
        <v>91</v>
      </c>
      <c r="J16" s="97">
        <v>83</v>
      </c>
      <c r="K16" s="97">
        <v>34</v>
      </c>
      <c r="L16" s="99">
        <v>515</v>
      </c>
      <c r="M16" s="100">
        <v>853</v>
      </c>
      <c r="N16" s="107">
        <v>5</v>
      </c>
      <c r="O16" s="102">
        <v>2</v>
      </c>
      <c r="P16" s="103">
        <v>7</v>
      </c>
      <c r="Q16" s="413">
        <v>0</v>
      </c>
      <c r="R16" s="102">
        <v>0</v>
      </c>
      <c r="S16" s="102">
        <v>5</v>
      </c>
      <c r="T16" s="102">
        <v>0</v>
      </c>
      <c r="U16" s="102">
        <v>1</v>
      </c>
      <c r="V16" s="102">
        <v>1</v>
      </c>
      <c r="W16" s="103">
        <v>7</v>
      </c>
      <c r="X16" s="104">
        <v>14</v>
      </c>
      <c r="Y16" s="101">
        <v>12</v>
      </c>
      <c r="Z16" s="102">
        <v>7</v>
      </c>
      <c r="AA16" s="103">
        <v>19</v>
      </c>
      <c r="AB16" s="413">
        <v>0</v>
      </c>
      <c r="AC16" s="102">
        <v>2</v>
      </c>
      <c r="AD16" s="102">
        <v>5</v>
      </c>
      <c r="AE16" s="102">
        <v>4</v>
      </c>
      <c r="AF16" s="102">
        <v>1</v>
      </c>
      <c r="AG16" s="102">
        <v>0</v>
      </c>
      <c r="AH16" s="103">
        <v>12</v>
      </c>
      <c r="AI16" s="104">
        <v>31</v>
      </c>
      <c r="AJ16" s="107">
        <v>9</v>
      </c>
      <c r="AK16" s="102">
        <v>14</v>
      </c>
      <c r="AL16" s="103">
        <v>23</v>
      </c>
      <c r="AM16" s="413">
        <v>0</v>
      </c>
      <c r="AN16" s="102">
        <v>12</v>
      </c>
      <c r="AO16" s="102">
        <v>12</v>
      </c>
      <c r="AP16" s="102">
        <v>10</v>
      </c>
      <c r="AQ16" s="102">
        <v>8</v>
      </c>
      <c r="AR16" s="102">
        <v>3</v>
      </c>
      <c r="AS16" s="103">
        <v>45</v>
      </c>
      <c r="AT16" s="104">
        <v>68</v>
      </c>
      <c r="AU16" s="101">
        <v>39</v>
      </c>
      <c r="AV16" s="102">
        <v>28</v>
      </c>
      <c r="AW16" s="103">
        <v>67</v>
      </c>
      <c r="AX16" s="413">
        <v>0</v>
      </c>
      <c r="AY16" s="102">
        <v>27</v>
      </c>
      <c r="AZ16" s="102">
        <v>29</v>
      </c>
      <c r="BA16" s="102">
        <v>23</v>
      </c>
      <c r="BB16" s="102">
        <v>13</v>
      </c>
      <c r="BC16" s="102">
        <v>7</v>
      </c>
      <c r="BD16" s="103">
        <v>99</v>
      </c>
      <c r="BE16" s="104">
        <v>166</v>
      </c>
      <c r="BF16" s="107">
        <v>66</v>
      </c>
      <c r="BG16" s="102">
        <v>55</v>
      </c>
      <c r="BH16" s="103">
        <v>121</v>
      </c>
      <c r="BI16" s="413">
        <v>0</v>
      </c>
      <c r="BJ16" s="102">
        <v>60</v>
      </c>
      <c r="BK16" s="102">
        <v>37</v>
      </c>
      <c r="BL16" s="102">
        <v>21</v>
      </c>
      <c r="BM16" s="102">
        <v>19</v>
      </c>
      <c r="BN16" s="102">
        <v>10</v>
      </c>
      <c r="BO16" s="103">
        <v>147</v>
      </c>
      <c r="BP16" s="104">
        <v>268</v>
      </c>
      <c r="BQ16" s="101">
        <v>48</v>
      </c>
      <c r="BR16" s="102">
        <v>53</v>
      </c>
      <c r="BS16" s="103">
        <v>101</v>
      </c>
      <c r="BT16" s="413">
        <v>0</v>
      </c>
      <c r="BU16" s="102">
        <v>53</v>
      </c>
      <c r="BV16" s="102">
        <v>65</v>
      </c>
      <c r="BW16" s="102">
        <v>33</v>
      </c>
      <c r="BX16" s="102">
        <v>41</v>
      </c>
      <c r="BY16" s="102">
        <v>13</v>
      </c>
      <c r="BZ16" s="103">
        <v>205</v>
      </c>
      <c r="CA16" s="104">
        <v>306</v>
      </c>
      <c r="CB16" s="101">
        <v>0</v>
      </c>
      <c r="CC16" s="102">
        <v>0</v>
      </c>
      <c r="CD16" s="103">
        <v>0</v>
      </c>
      <c r="CE16" s="413">
        <v>0</v>
      </c>
      <c r="CF16" s="102">
        <v>0</v>
      </c>
      <c r="CG16" s="102">
        <v>0</v>
      </c>
      <c r="CH16" s="102">
        <v>0</v>
      </c>
      <c r="CI16" s="102">
        <v>0</v>
      </c>
      <c r="CJ16" s="102">
        <v>0</v>
      </c>
      <c r="CK16" s="103">
        <v>0</v>
      </c>
      <c r="CL16" s="104">
        <v>0</v>
      </c>
      <c r="CM16" s="101">
        <v>179</v>
      </c>
      <c r="CN16" s="102">
        <v>159</v>
      </c>
      <c r="CO16" s="103">
        <v>338</v>
      </c>
      <c r="CP16" s="413">
        <v>0</v>
      </c>
      <c r="CQ16" s="102">
        <v>154</v>
      </c>
      <c r="CR16" s="102">
        <v>153</v>
      </c>
      <c r="CS16" s="102">
        <v>91</v>
      </c>
      <c r="CT16" s="102">
        <v>83</v>
      </c>
      <c r="CU16" s="102">
        <v>34</v>
      </c>
      <c r="CV16" s="103">
        <v>515</v>
      </c>
      <c r="CW16" s="104">
        <v>853</v>
      </c>
      <c r="CX16" s="105">
        <v>25</v>
      </c>
      <c r="CY16" s="97">
        <v>19</v>
      </c>
      <c r="CZ16" s="98">
        <v>44</v>
      </c>
      <c r="DA16" s="413">
        <v>0</v>
      </c>
      <c r="DB16" s="97">
        <v>18</v>
      </c>
      <c r="DC16" s="97">
        <v>20</v>
      </c>
      <c r="DD16" s="97">
        <v>14</v>
      </c>
      <c r="DE16" s="97">
        <v>13</v>
      </c>
      <c r="DF16" s="97">
        <v>7</v>
      </c>
      <c r="DG16" s="99">
        <v>72</v>
      </c>
      <c r="DH16" s="100">
        <v>116</v>
      </c>
      <c r="DI16" s="107">
        <v>0</v>
      </c>
      <c r="DJ16" s="102">
        <v>0</v>
      </c>
      <c r="DK16" s="103">
        <v>0</v>
      </c>
      <c r="DL16" s="413">
        <v>0</v>
      </c>
      <c r="DM16" s="102">
        <v>0</v>
      </c>
      <c r="DN16" s="102">
        <v>0</v>
      </c>
      <c r="DO16" s="102">
        <v>1</v>
      </c>
      <c r="DP16" s="102">
        <v>0</v>
      </c>
      <c r="DQ16" s="102">
        <v>0</v>
      </c>
      <c r="DR16" s="103">
        <v>1</v>
      </c>
      <c r="DS16" s="104">
        <v>1</v>
      </c>
      <c r="DT16" s="101">
        <v>2</v>
      </c>
      <c r="DU16" s="102">
        <v>1</v>
      </c>
      <c r="DV16" s="103">
        <v>3</v>
      </c>
      <c r="DW16" s="413">
        <v>0</v>
      </c>
      <c r="DX16" s="102">
        <v>0</v>
      </c>
      <c r="DY16" s="102">
        <v>1</v>
      </c>
      <c r="DZ16" s="102">
        <v>0</v>
      </c>
      <c r="EA16" s="102">
        <v>0</v>
      </c>
      <c r="EB16" s="102">
        <v>0</v>
      </c>
      <c r="EC16" s="103">
        <v>1</v>
      </c>
      <c r="ED16" s="104">
        <v>4</v>
      </c>
      <c r="EE16" s="107">
        <v>2</v>
      </c>
      <c r="EF16" s="102">
        <v>3</v>
      </c>
      <c r="EG16" s="103">
        <v>5</v>
      </c>
      <c r="EH16" s="413">
        <v>0</v>
      </c>
      <c r="EI16" s="102">
        <v>1</v>
      </c>
      <c r="EJ16" s="102">
        <v>2</v>
      </c>
      <c r="EK16" s="102">
        <v>1</v>
      </c>
      <c r="EL16" s="102">
        <v>1</v>
      </c>
      <c r="EM16" s="102">
        <v>0</v>
      </c>
      <c r="EN16" s="103">
        <v>5</v>
      </c>
      <c r="EO16" s="104">
        <v>10</v>
      </c>
      <c r="EP16" s="101">
        <v>5</v>
      </c>
      <c r="EQ16" s="102">
        <v>3</v>
      </c>
      <c r="ER16" s="103">
        <v>8</v>
      </c>
      <c r="ES16" s="413">
        <v>0</v>
      </c>
      <c r="ET16" s="102">
        <v>4</v>
      </c>
      <c r="EU16" s="102">
        <v>2</v>
      </c>
      <c r="EV16" s="102">
        <v>1</v>
      </c>
      <c r="EW16" s="102">
        <v>1</v>
      </c>
      <c r="EX16" s="102">
        <v>0</v>
      </c>
      <c r="EY16" s="103">
        <v>8</v>
      </c>
      <c r="EZ16" s="104">
        <v>16</v>
      </c>
      <c r="FA16" s="107">
        <v>6</v>
      </c>
      <c r="FB16" s="102">
        <v>8</v>
      </c>
      <c r="FC16" s="103">
        <v>14</v>
      </c>
      <c r="FD16" s="413">
        <v>0</v>
      </c>
      <c r="FE16" s="102">
        <v>8</v>
      </c>
      <c r="FF16" s="102">
        <v>6</v>
      </c>
      <c r="FG16" s="102">
        <v>2</v>
      </c>
      <c r="FH16" s="102">
        <v>3</v>
      </c>
      <c r="FI16" s="102">
        <v>2</v>
      </c>
      <c r="FJ16" s="103">
        <v>21</v>
      </c>
      <c r="FK16" s="104">
        <v>35</v>
      </c>
      <c r="FL16" s="101">
        <v>10</v>
      </c>
      <c r="FM16" s="102">
        <v>4</v>
      </c>
      <c r="FN16" s="103">
        <v>14</v>
      </c>
      <c r="FO16" s="413">
        <v>0</v>
      </c>
      <c r="FP16" s="102">
        <v>5</v>
      </c>
      <c r="FQ16" s="102">
        <v>9</v>
      </c>
      <c r="FR16" s="102">
        <v>9</v>
      </c>
      <c r="FS16" s="102">
        <v>8</v>
      </c>
      <c r="FT16" s="102">
        <v>5</v>
      </c>
      <c r="FU16" s="103">
        <v>36</v>
      </c>
      <c r="FV16" s="104">
        <v>50</v>
      </c>
      <c r="FW16" s="101">
        <v>0</v>
      </c>
      <c r="FX16" s="102">
        <v>0</v>
      </c>
      <c r="FY16" s="103">
        <v>0</v>
      </c>
      <c r="FZ16" s="413">
        <v>0</v>
      </c>
      <c r="GA16" s="102">
        <v>0</v>
      </c>
      <c r="GB16" s="102">
        <v>0</v>
      </c>
      <c r="GC16" s="102">
        <v>0</v>
      </c>
      <c r="GD16" s="102">
        <v>0</v>
      </c>
      <c r="GE16" s="102">
        <v>0</v>
      </c>
      <c r="GF16" s="103">
        <v>0</v>
      </c>
      <c r="GG16" s="104">
        <v>0</v>
      </c>
      <c r="GH16" s="101">
        <v>25</v>
      </c>
      <c r="GI16" s="102">
        <v>19</v>
      </c>
      <c r="GJ16" s="103">
        <v>44</v>
      </c>
      <c r="GK16" s="413">
        <v>0</v>
      </c>
      <c r="GL16" s="102">
        <v>18</v>
      </c>
      <c r="GM16" s="102">
        <v>20</v>
      </c>
      <c r="GN16" s="102">
        <v>14</v>
      </c>
      <c r="GO16" s="102">
        <v>13</v>
      </c>
      <c r="GP16" s="102">
        <v>7</v>
      </c>
      <c r="GQ16" s="103">
        <v>72</v>
      </c>
      <c r="GR16" s="104">
        <v>116</v>
      </c>
      <c r="GS16" s="105">
        <v>204</v>
      </c>
      <c r="GT16" s="97">
        <v>178</v>
      </c>
      <c r="GU16" s="98">
        <v>382</v>
      </c>
      <c r="GV16" s="413">
        <v>0</v>
      </c>
      <c r="GW16" s="97">
        <v>172</v>
      </c>
      <c r="GX16" s="97">
        <v>173</v>
      </c>
      <c r="GY16" s="97">
        <v>105</v>
      </c>
      <c r="GZ16" s="97">
        <v>96</v>
      </c>
      <c r="HA16" s="97">
        <v>41</v>
      </c>
      <c r="HB16" s="99">
        <v>587</v>
      </c>
      <c r="HC16" s="100">
        <v>969</v>
      </c>
      <c r="HD16" s="107">
        <v>5</v>
      </c>
      <c r="HE16" s="102">
        <v>2</v>
      </c>
      <c r="HF16" s="103">
        <v>7</v>
      </c>
      <c r="HG16" s="413">
        <v>0</v>
      </c>
      <c r="HH16" s="102">
        <v>0</v>
      </c>
      <c r="HI16" s="102">
        <v>5</v>
      </c>
      <c r="HJ16" s="102">
        <v>1</v>
      </c>
      <c r="HK16" s="102">
        <v>1</v>
      </c>
      <c r="HL16" s="102">
        <v>1</v>
      </c>
      <c r="HM16" s="103">
        <v>8</v>
      </c>
      <c r="HN16" s="104">
        <v>15</v>
      </c>
      <c r="HO16" s="101">
        <v>14</v>
      </c>
      <c r="HP16" s="102">
        <v>8</v>
      </c>
      <c r="HQ16" s="103">
        <v>22</v>
      </c>
      <c r="HR16" s="413">
        <v>0</v>
      </c>
      <c r="HS16" s="102">
        <v>2</v>
      </c>
      <c r="HT16" s="102">
        <v>6</v>
      </c>
      <c r="HU16" s="102">
        <v>4</v>
      </c>
      <c r="HV16" s="102">
        <v>1</v>
      </c>
      <c r="HW16" s="102">
        <v>0</v>
      </c>
      <c r="HX16" s="103">
        <v>13</v>
      </c>
      <c r="HY16" s="104">
        <v>35</v>
      </c>
      <c r="HZ16" s="107">
        <v>11</v>
      </c>
      <c r="IA16" s="102">
        <v>17</v>
      </c>
      <c r="IB16" s="103">
        <v>28</v>
      </c>
      <c r="IC16" s="413">
        <v>0</v>
      </c>
      <c r="ID16" s="102">
        <v>13</v>
      </c>
      <c r="IE16" s="102">
        <v>14</v>
      </c>
      <c r="IF16" s="102">
        <v>11</v>
      </c>
      <c r="IG16" s="102">
        <v>9</v>
      </c>
      <c r="IH16" s="102">
        <v>3</v>
      </c>
      <c r="II16" s="103">
        <v>50</v>
      </c>
      <c r="IJ16" s="104">
        <v>78</v>
      </c>
      <c r="IK16" s="101">
        <v>44</v>
      </c>
      <c r="IL16" s="102">
        <v>31</v>
      </c>
      <c r="IM16" s="103">
        <v>75</v>
      </c>
      <c r="IN16" s="413">
        <v>0</v>
      </c>
      <c r="IO16" s="102">
        <v>31</v>
      </c>
      <c r="IP16" s="102">
        <v>31</v>
      </c>
      <c r="IQ16" s="102">
        <v>24</v>
      </c>
      <c r="IR16" s="102">
        <v>14</v>
      </c>
      <c r="IS16" s="102">
        <v>7</v>
      </c>
      <c r="IT16" s="103">
        <v>107</v>
      </c>
      <c r="IU16" s="104">
        <v>182</v>
      </c>
      <c r="IV16" s="107">
        <v>72</v>
      </c>
      <c r="IW16" s="102">
        <v>63</v>
      </c>
      <c r="IX16" s="103">
        <v>135</v>
      </c>
      <c r="IY16" s="413">
        <v>0</v>
      </c>
      <c r="IZ16" s="102">
        <v>68</v>
      </c>
      <c r="JA16" s="102">
        <v>43</v>
      </c>
      <c r="JB16" s="102">
        <v>23</v>
      </c>
      <c r="JC16" s="102">
        <v>22</v>
      </c>
      <c r="JD16" s="102">
        <v>12</v>
      </c>
      <c r="JE16" s="103">
        <v>168</v>
      </c>
      <c r="JF16" s="104">
        <v>303</v>
      </c>
      <c r="JG16" s="101">
        <v>58</v>
      </c>
      <c r="JH16" s="102">
        <v>57</v>
      </c>
      <c r="JI16" s="103">
        <v>115</v>
      </c>
      <c r="JJ16" s="413">
        <v>0</v>
      </c>
      <c r="JK16" s="102">
        <v>58</v>
      </c>
      <c r="JL16" s="102">
        <v>74</v>
      </c>
      <c r="JM16" s="102">
        <v>42</v>
      </c>
      <c r="JN16" s="102">
        <v>49</v>
      </c>
      <c r="JO16" s="102">
        <v>18</v>
      </c>
      <c r="JP16" s="103">
        <v>241</v>
      </c>
      <c r="JQ16" s="104">
        <v>356</v>
      </c>
      <c r="JR16" s="101">
        <v>0</v>
      </c>
      <c r="JS16" s="102">
        <v>0</v>
      </c>
      <c r="JT16" s="103">
        <v>0</v>
      </c>
      <c r="JU16" s="413">
        <v>0</v>
      </c>
      <c r="JV16" s="102">
        <v>0</v>
      </c>
      <c r="JW16" s="102">
        <v>0</v>
      </c>
      <c r="JX16" s="102">
        <v>0</v>
      </c>
      <c r="JY16" s="102">
        <v>0</v>
      </c>
      <c r="JZ16" s="102">
        <v>0</v>
      </c>
      <c r="KA16" s="103">
        <v>0</v>
      </c>
      <c r="KB16" s="104">
        <v>0</v>
      </c>
      <c r="KC16" s="101">
        <v>204</v>
      </c>
      <c r="KD16" s="102">
        <v>178</v>
      </c>
      <c r="KE16" s="103">
        <v>382</v>
      </c>
      <c r="KF16" s="413">
        <v>0</v>
      </c>
      <c r="KG16" s="102">
        <v>172</v>
      </c>
      <c r="KH16" s="102">
        <v>173</v>
      </c>
      <c r="KI16" s="102">
        <v>105</v>
      </c>
      <c r="KJ16" s="102">
        <v>96</v>
      </c>
      <c r="KK16" s="102">
        <v>41</v>
      </c>
      <c r="KL16" s="103">
        <v>587</v>
      </c>
      <c r="KM16" s="104">
        <v>969</v>
      </c>
    </row>
    <row r="17" spans="2:299" s="70" customFormat="1" ht="21" customHeight="1" x14ac:dyDescent="0.2">
      <c r="B17" s="106" t="s">
        <v>13</v>
      </c>
      <c r="C17" s="96">
        <v>46</v>
      </c>
      <c r="D17" s="97">
        <v>40</v>
      </c>
      <c r="E17" s="98">
        <v>86</v>
      </c>
      <c r="F17" s="413">
        <v>0</v>
      </c>
      <c r="G17" s="97">
        <v>75</v>
      </c>
      <c r="H17" s="97">
        <v>80</v>
      </c>
      <c r="I17" s="97">
        <v>43</v>
      </c>
      <c r="J17" s="97">
        <v>35</v>
      </c>
      <c r="K17" s="97">
        <v>28</v>
      </c>
      <c r="L17" s="99">
        <v>261</v>
      </c>
      <c r="M17" s="100">
        <v>347</v>
      </c>
      <c r="N17" s="101">
        <v>0</v>
      </c>
      <c r="O17" s="102">
        <v>0</v>
      </c>
      <c r="P17" s="103">
        <v>0</v>
      </c>
      <c r="Q17" s="413">
        <v>0</v>
      </c>
      <c r="R17" s="102">
        <v>3</v>
      </c>
      <c r="S17" s="102">
        <v>0</v>
      </c>
      <c r="T17" s="102">
        <v>0</v>
      </c>
      <c r="U17" s="102">
        <v>0</v>
      </c>
      <c r="V17" s="102">
        <v>0</v>
      </c>
      <c r="W17" s="103">
        <v>3</v>
      </c>
      <c r="X17" s="104">
        <v>3</v>
      </c>
      <c r="Y17" s="101">
        <v>1</v>
      </c>
      <c r="Z17" s="102">
        <v>0</v>
      </c>
      <c r="AA17" s="103">
        <v>1</v>
      </c>
      <c r="AB17" s="413">
        <v>0</v>
      </c>
      <c r="AC17" s="102">
        <v>0</v>
      </c>
      <c r="AD17" s="102">
        <v>0</v>
      </c>
      <c r="AE17" s="102">
        <v>2</v>
      </c>
      <c r="AF17" s="102">
        <v>1</v>
      </c>
      <c r="AG17" s="102">
        <v>1</v>
      </c>
      <c r="AH17" s="103">
        <v>4</v>
      </c>
      <c r="AI17" s="104">
        <v>5</v>
      </c>
      <c r="AJ17" s="101">
        <v>3</v>
      </c>
      <c r="AK17" s="102">
        <v>0</v>
      </c>
      <c r="AL17" s="103">
        <v>3</v>
      </c>
      <c r="AM17" s="413">
        <v>0</v>
      </c>
      <c r="AN17" s="102">
        <v>6</v>
      </c>
      <c r="AO17" s="102">
        <v>5</v>
      </c>
      <c r="AP17" s="102">
        <v>3</v>
      </c>
      <c r="AQ17" s="102">
        <v>0</v>
      </c>
      <c r="AR17" s="102">
        <v>1</v>
      </c>
      <c r="AS17" s="103">
        <v>15</v>
      </c>
      <c r="AT17" s="104">
        <v>18</v>
      </c>
      <c r="AU17" s="101">
        <v>9</v>
      </c>
      <c r="AV17" s="102">
        <v>7</v>
      </c>
      <c r="AW17" s="103">
        <v>16</v>
      </c>
      <c r="AX17" s="413">
        <v>0</v>
      </c>
      <c r="AY17" s="102">
        <v>12</v>
      </c>
      <c r="AZ17" s="102">
        <v>10</v>
      </c>
      <c r="BA17" s="102">
        <v>7</v>
      </c>
      <c r="BB17" s="102">
        <v>8</v>
      </c>
      <c r="BC17" s="102">
        <v>5</v>
      </c>
      <c r="BD17" s="103">
        <v>42</v>
      </c>
      <c r="BE17" s="104">
        <v>58</v>
      </c>
      <c r="BF17" s="101">
        <v>19</v>
      </c>
      <c r="BG17" s="102">
        <v>14</v>
      </c>
      <c r="BH17" s="103">
        <v>33</v>
      </c>
      <c r="BI17" s="413">
        <v>0</v>
      </c>
      <c r="BJ17" s="102">
        <v>25</v>
      </c>
      <c r="BK17" s="102">
        <v>28</v>
      </c>
      <c r="BL17" s="102">
        <v>14</v>
      </c>
      <c r="BM17" s="102">
        <v>11</v>
      </c>
      <c r="BN17" s="102">
        <v>6</v>
      </c>
      <c r="BO17" s="103">
        <v>84</v>
      </c>
      <c r="BP17" s="104">
        <v>117</v>
      </c>
      <c r="BQ17" s="101">
        <v>14</v>
      </c>
      <c r="BR17" s="102">
        <v>19</v>
      </c>
      <c r="BS17" s="103">
        <v>33</v>
      </c>
      <c r="BT17" s="413">
        <v>0</v>
      </c>
      <c r="BU17" s="102">
        <v>29</v>
      </c>
      <c r="BV17" s="102">
        <v>37</v>
      </c>
      <c r="BW17" s="102">
        <v>17</v>
      </c>
      <c r="BX17" s="102">
        <v>15</v>
      </c>
      <c r="BY17" s="102">
        <v>15</v>
      </c>
      <c r="BZ17" s="103">
        <v>113</v>
      </c>
      <c r="CA17" s="104">
        <v>146</v>
      </c>
      <c r="CB17" s="101">
        <v>0</v>
      </c>
      <c r="CC17" s="102">
        <v>0</v>
      </c>
      <c r="CD17" s="103">
        <v>0</v>
      </c>
      <c r="CE17" s="413">
        <v>0</v>
      </c>
      <c r="CF17" s="102">
        <v>0</v>
      </c>
      <c r="CG17" s="102">
        <v>0</v>
      </c>
      <c r="CH17" s="102">
        <v>0</v>
      </c>
      <c r="CI17" s="102">
        <v>0</v>
      </c>
      <c r="CJ17" s="102">
        <v>0</v>
      </c>
      <c r="CK17" s="103">
        <v>0</v>
      </c>
      <c r="CL17" s="104">
        <v>0</v>
      </c>
      <c r="CM17" s="101">
        <v>46</v>
      </c>
      <c r="CN17" s="102">
        <v>40</v>
      </c>
      <c r="CO17" s="103">
        <v>86</v>
      </c>
      <c r="CP17" s="413">
        <v>0</v>
      </c>
      <c r="CQ17" s="102">
        <v>75</v>
      </c>
      <c r="CR17" s="102">
        <v>80</v>
      </c>
      <c r="CS17" s="102">
        <v>43</v>
      </c>
      <c r="CT17" s="102">
        <v>35</v>
      </c>
      <c r="CU17" s="102">
        <v>28</v>
      </c>
      <c r="CV17" s="103">
        <v>261</v>
      </c>
      <c r="CW17" s="104">
        <v>347</v>
      </c>
      <c r="CX17" s="105">
        <v>7</v>
      </c>
      <c r="CY17" s="97">
        <v>6</v>
      </c>
      <c r="CZ17" s="98">
        <v>13</v>
      </c>
      <c r="DA17" s="413">
        <v>0</v>
      </c>
      <c r="DB17" s="97">
        <v>16</v>
      </c>
      <c r="DC17" s="97">
        <v>12</v>
      </c>
      <c r="DD17" s="97">
        <v>3</v>
      </c>
      <c r="DE17" s="97">
        <v>11</v>
      </c>
      <c r="DF17" s="97">
        <v>3</v>
      </c>
      <c r="DG17" s="99">
        <v>45</v>
      </c>
      <c r="DH17" s="100">
        <v>58</v>
      </c>
      <c r="DI17" s="101">
        <v>0</v>
      </c>
      <c r="DJ17" s="102">
        <v>0</v>
      </c>
      <c r="DK17" s="103">
        <v>0</v>
      </c>
      <c r="DL17" s="413">
        <v>0</v>
      </c>
      <c r="DM17" s="102">
        <v>0</v>
      </c>
      <c r="DN17" s="102">
        <v>0</v>
      </c>
      <c r="DO17" s="102">
        <v>0</v>
      </c>
      <c r="DP17" s="102">
        <v>0</v>
      </c>
      <c r="DQ17" s="102">
        <v>0</v>
      </c>
      <c r="DR17" s="103">
        <v>0</v>
      </c>
      <c r="DS17" s="104">
        <v>0</v>
      </c>
      <c r="DT17" s="101">
        <v>1</v>
      </c>
      <c r="DU17" s="102">
        <v>0</v>
      </c>
      <c r="DV17" s="103">
        <v>1</v>
      </c>
      <c r="DW17" s="413">
        <v>0</v>
      </c>
      <c r="DX17" s="102">
        <v>0</v>
      </c>
      <c r="DY17" s="102">
        <v>0</v>
      </c>
      <c r="DZ17" s="102">
        <v>0</v>
      </c>
      <c r="EA17" s="102">
        <v>0</v>
      </c>
      <c r="EB17" s="102">
        <v>0</v>
      </c>
      <c r="EC17" s="103">
        <v>0</v>
      </c>
      <c r="ED17" s="104">
        <v>1</v>
      </c>
      <c r="EE17" s="101">
        <v>0</v>
      </c>
      <c r="EF17" s="102">
        <v>1</v>
      </c>
      <c r="EG17" s="103">
        <v>1</v>
      </c>
      <c r="EH17" s="413">
        <v>0</v>
      </c>
      <c r="EI17" s="102">
        <v>3</v>
      </c>
      <c r="EJ17" s="102">
        <v>0</v>
      </c>
      <c r="EK17" s="102">
        <v>0</v>
      </c>
      <c r="EL17" s="102">
        <v>0</v>
      </c>
      <c r="EM17" s="102">
        <v>0</v>
      </c>
      <c r="EN17" s="103">
        <v>3</v>
      </c>
      <c r="EO17" s="104">
        <v>4</v>
      </c>
      <c r="EP17" s="101">
        <v>1</v>
      </c>
      <c r="EQ17" s="102">
        <v>2</v>
      </c>
      <c r="ER17" s="103">
        <v>3</v>
      </c>
      <c r="ES17" s="413">
        <v>0</v>
      </c>
      <c r="ET17" s="102">
        <v>1</v>
      </c>
      <c r="EU17" s="102">
        <v>4</v>
      </c>
      <c r="EV17" s="102">
        <v>1</v>
      </c>
      <c r="EW17" s="102">
        <v>2</v>
      </c>
      <c r="EX17" s="102">
        <v>1</v>
      </c>
      <c r="EY17" s="103">
        <v>9</v>
      </c>
      <c r="EZ17" s="104">
        <v>12</v>
      </c>
      <c r="FA17" s="101">
        <v>4</v>
      </c>
      <c r="FB17" s="102">
        <v>3</v>
      </c>
      <c r="FC17" s="103">
        <v>7</v>
      </c>
      <c r="FD17" s="413">
        <v>0</v>
      </c>
      <c r="FE17" s="102">
        <v>4</v>
      </c>
      <c r="FF17" s="102">
        <v>4</v>
      </c>
      <c r="FG17" s="102">
        <v>0</v>
      </c>
      <c r="FH17" s="102">
        <v>2</v>
      </c>
      <c r="FI17" s="102">
        <v>0</v>
      </c>
      <c r="FJ17" s="103">
        <v>10</v>
      </c>
      <c r="FK17" s="104">
        <v>17</v>
      </c>
      <c r="FL17" s="101">
        <v>1</v>
      </c>
      <c r="FM17" s="102">
        <v>0</v>
      </c>
      <c r="FN17" s="103">
        <v>1</v>
      </c>
      <c r="FO17" s="413">
        <v>0</v>
      </c>
      <c r="FP17" s="102">
        <v>8</v>
      </c>
      <c r="FQ17" s="102">
        <v>4</v>
      </c>
      <c r="FR17" s="102">
        <v>2</v>
      </c>
      <c r="FS17" s="102">
        <v>7</v>
      </c>
      <c r="FT17" s="102">
        <v>2</v>
      </c>
      <c r="FU17" s="103">
        <v>23</v>
      </c>
      <c r="FV17" s="104">
        <v>24</v>
      </c>
      <c r="FW17" s="101">
        <v>0</v>
      </c>
      <c r="FX17" s="102">
        <v>0</v>
      </c>
      <c r="FY17" s="103">
        <v>0</v>
      </c>
      <c r="FZ17" s="413">
        <v>0</v>
      </c>
      <c r="GA17" s="102">
        <v>0</v>
      </c>
      <c r="GB17" s="102">
        <v>0</v>
      </c>
      <c r="GC17" s="102">
        <v>0</v>
      </c>
      <c r="GD17" s="102">
        <v>0</v>
      </c>
      <c r="GE17" s="102">
        <v>0</v>
      </c>
      <c r="GF17" s="103">
        <v>0</v>
      </c>
      <c r="GG17" s="104">
        <v>0</v>
      </c>
      <c r="GH17" s="101">
        <v>7</v>
      </c>
      <c r="GI17" s="102">
        <v>6</v>
      </c>
      <c r="GJ17" s="103">
        <v>13</v>
      </c>
      <c r="GK17" s="413">
        <v>0</v>
      </c>
      <c r="GL17" s="102">
        <v>16</v>
      </c>
      <c r="GM17" s="102">
        <v>12</v>
      </c>
      <c r="GN17" s="102">
        <v>3</v>
      </c>
      <c r="GO17" s="102">
        <v>11</v>
      </c>
      <c r="GP17" s="102">
        <v>3</v>
      </c>
      <c r="GQ17" s="103">
        <v>45</v>
      </c>
      <c r="GR17" s="104">
        <v>58</v>
      </c>
      <c r="GS17" s="105">
        <v>53</v>
      </c>
      <c r="GT17" s="97">
        <v>46</v>
      </c>
      <c r="GU17" s="98">
        <v>99</v>
      </c>
      <c r="GV17" s="413">
        <v>0</v>
      </c>
      <c r="GW17" s="97">
        <v>91</v>
      </c>
      <c r="GX17" s="97">
        <v>92</v>
      </c>
      <c r="GY17" s="97">
        <v>46</v>
      </c>
      <c r="GZ17" s="97">
        <v>46</v>
      </c>
      <c r="HA17" s="97">
        <v>31</v>
      </c>
      <c r="HB17" s="99">
        <v>306</v>
      </c>
      <c r="HC17" s="100">
        <v>405</v>
      </c>
      <c r="HD17" s="101">
        <v>0</v>
      </c>
      <c r="HE17" s="102">
        <v>0</v>
      </c>
      <c r="HF17" s="103">
        <v>0</v>
      </c>
      <c r="HG17" s="413">
        <v>0</v>
      </c>
      <c r="HH17" s="102">
        <v>3</v>
      </c>
      <c r="HI17" s="102">
        <v>0</v>
      </c>
      <c r="HJ17" s="102">
        <v>0</v>
      </c>
      <c r="HK17" s="102">
        <v>0</v>
      </c>
      <c r="HL17" s="102">
        <v>0</v>
      </c>
      <c r="HM17" s="103">
        <v>3</v>
      </c>
      <c r="HN17" s="104">
        <v>3</v>
      </c>
      <c r="HO17" s="101">
        <v>2</v>
      </c>
      <c r="HP17" s="102">
        <v>0</v>
      </c>
      <c r="HQ17" s="103">
        <v>2</v>
      </c>
      <c r="HR17" s="413">
        <v>0</v>
      </c>
      <c r="HS17" s="102">
        <v>0</v>
      </c>
      <c r="HT17" s="102">
        <v>0</v>
      </c>
      <c r="HU17" s="102">
        <v>2</v>
      </c>
      <c r="HV17" s="102">
        <v>1</v>
      </c>
      <c r="HW17" s="102">
        <v>1</v>
      </c>
      <c r="HX17" s="103">
        <v>4</v>
      </c>
      <c r="HY17" s="104">
        <v>6</v>
      </c>
      <c r="HZ17" s="101">
        <v>3</v>
      </c>
      <c r="IA17" s="102">
        <v>1</v>
      </c>
      <c r="IB17" s="103">
        <v>4</v>
      </c>
      <c r="IC17" s="413">
        <v>0</v>
      </c>
      <c r="ID17" s="102">
        <v>9</v>
      </c>
      <c r="IE17" s="102">
        <v>5</v>
      </c>
      <c r="IF17" s="102">
        <v>3</v>
      </c>
      <c r="IG17" s="102">
        <v>0</v>
      </c>
      <c r="IH17" s="102">
        <v>1</v>
      </c>
      <c r="II17" s="103">
        <v>18</v>
      </c>
      <c r="IJ17" s="104">
        <v>22</v>
      </c>
      <c r="IK17" s="101">
        <v>10</v>
      </c>
      <c r="IL17" s="102">
        <v>9</v>
      </c>
      <c r="IM17" s="103">
        <v>19</v>
      </c>
      <c r="IN17" s="413">
        <v>0</v>
      </c>
      <c r="IO17" s="102">
        <v>13</v>
      </c>
      <c r="IP17" s="102">
        <v>14</v>
      </c>
      <c r="IQ17" s="102">
        <v>8</v>
      </c>
      <c r="IR17" s="102">
        <v>10</v>
      </c>
      <c r="IS17" s="102">
        <v>6</v>
      </c>
      <c r="IT17" s="103">
        <v>51</v>
      </c>
      <c r="IU17" s="104">
        <v>70</v>
      </c>
      <c r="IV17" s="101">
        <v>23</v>
      </c>
      <c r="IW17" s="102">
        <v>17</v>
      </c>
      <c r="IX17" s="103">
        <v>40</v>
      </c>
      <c r="IY17" s="413">
        <v>0</v>
      </c>
      <c r="IZ17" s="102">
        <v>29</v>
      </c>
      <c r="JA17" s="102">
        <v>32</v>
      </c>
      <c r="JB17" s="102">
        <v>14</v>
      </c>
      <c r="JC17" s="102">
        <v>13</v>
      </c>
      <c r="JD17" s="102">
        <v>6</v>
      </c>
      <c r="JE17" s="103">
        <v>94</v>
      </c>
      <c r="JF17" s="104">
        <v>134</v>
      </c>
      <c r="JG17" s="101">
        <v>15</v>
      </c>
      <c r="JH17" s="102">
        <v>19</v>
      </c>
      <c r="JI17" s="103">
        <v>34</v>
      </c>
      <c r="JJ17" s="413">
        <v>0</v>
      </c>
      <c r="JK17" s="102">
        <v>37</v>
      </c>
      <c r="JL17" s="102">
        <v>41</v>
      </c>
      <c r="JM17" s="102">
        <v>19</v>
      </c>
      <c r="JN17" s="102">
        <v>22</v>
      </c>
      <c r="JO17" s="102">
        <v>17</v>
      </c>
      <c r="JP17" s="103">
        <v>136</v>
      </c>
      <c r="JQ17" s="104">
        <v>170</v>
      </c>
      <c r="JR17" s="101">
        <v>0</v>
      </c>
      <c r="JS17" s="102">
        <v>0</v>
      </c>
      <c r="JT17" s="103">
        <v>0</v>
      </c>
      <c r="JU17" s="413">
        <v>0</v>
      </c>
      <c r="JV17" s="102">
        <v>0</v>
      </c>
      <c r="JW17" s="102">
        <v>0</v>
      </c>
      <c r="JX17" s="102">
        <v>0</v>
      </c>
      <c r="JY17" s="102">
        <v>0</v>
      </c>
      <c r="JZ17" s="102">
        <v>0</v>
      </c>
      <c r="KA17" s="103">
        <v>0</v>
      </c>
      <c r="KB17" s="104">
        <v>0</v>
      </c>
      <c r="KC17" s="101">
        <v>53</v>
      </c>
      <c r="KD17" s="102">
        <v>46</v>
      </c>
      <c r="KE17" s="103">
        <v>99</v>
      </c>
      <c r="KF17" s="413">
        <v>0</v>
      </c>
      <c r="KG17" s="102">
        <v>91</v>
      </c>
      <c r="KH17" s="102">
        <v>92</v>
      </c>
      <c r="KI17" s="102">
        <v>46</v>
      </c>
      <c r="KJ17" s="102">
        <v>46</v>
      </c>
      <c r="KK17" s="102">
        <v>31</v>
      </c>
      <c r="KL17" s="103">
        <v>306</v>
      </c>
      <c r="KM17" s="104">
        <v>405</v>
      </c>
    </row>
    <row r="18" spans="2:299" s="70" customFormat="1" ht="21" customHeight="1" x14ac:dyDescent="0.2">
      <c r="B18" s="106" t="s">
        <v>15</v>
      </c>
      <c r="C18" s="96">
        <v>15</v>
      </c>
      <c r="D18" s="97">
        <v>22</v>
      </c>
      <c r="E18" s="98">
        <v>37</v>
      </c>
      <c r="F18" s="413">
        <v>0</v>
      </c>
      <c r="G18" s="97">
        <v>41</v>
      </c>
      <c r="H18" s="97">
        <v>27</v>
      </c>
      <c r="I18" s="97">
        <v>22</v>
      </c>
      <c r="J18" s="97">
        <v>25</v>
      </c>
      <c r="K18" s="97">
        <v>6</v>
      </c>
      <c r="L18" s="99">
        <v>121</v>
      </c>
      <c r="M18" s="100">
        <v>158</v>
      </c>
      <c r="N18" s="101">
        <v>0</v>
      </c>
      <c r="O18" s="102">
        <v>0</v>
      </c>
      <c r="P18" s="103">
        <v>0</v>
      </c>
      <c r="Q18" s="413">
        <v>0</v>
      </c>
      <c r="R18" s="102">
        <v>1</v>
      </c>
      <c r="S18" s="102">
        <v>0</v>
      </c>
      <c r="T18" s="102">
        <v>0</v>
      </c>
      <c r="U18" s="102">
        <v>0</v>
      </c>
      <c r="V18" s="102">
        <v>0</v>
      </c>
      <c r="W18" s="103">
        <v>1</v>
      </c>
      <c r="X18" s="104">
        <v>1</v>
      </c>
      <c r="Y18" s="101">
        <v>0</v>
      </c>
      <c r="Z18" s="102">
        <v>2</v>
      </c>
      <c r="AA18" s="103">
        <v>2</v>
      </c>
      <c r="AB18" s="413">
        <v>0</v>
      </c>
      <c r="AC18" s="102">
        <v>3</v>
      </c>
      <c r="AD18" s="102">
        <v>1</v>
      </c>
      <c r="AE18" s="102">
        <v>1</v>
      </c>
      <c r="AF18" s="102">
        <v>2</v>
      </c>
      <c r="AG18" s="102">
        <v>1</v>
      </c>
      <c r="AH18" s="103">
        <v>8</v>
      </c>
      <c r="AI18" s="104">
        <v>10</v>
      </c>
      <c r="AJ18" s="101">
        <v>3</v>
      </c>
      <c r="AK18" s="102">
        <v>2</v>
      </c>
      <c r="AL18" s="103">
        <v>5</v>
      </c>
      <c r="AM18" s="413">
        <v>0</v>
      </c>
      <c r="AN18" s="102">
        <v>6</v>
      </c>
      <c r="AO18" s="102">
        <v>6</v>
      </c>
      <c r="AP18" s="102">
        <v>2</v>
      </c>
      <c r="AQ18" s="102">
        <v>3</v>
      </c>
      <c r="AR18" s="102">
        <v>1</v>
      </c>
      <c r="AS18" s="103">
        <v>18</v>
      </c>
      <c r="AT18" s="104">
        <v>23</v>
      </c>
      <c r="AU18" s="101">
        <v>2</v>
      </c>
      <c r="AV18" s="102">
        <v>3</v>
      </c>
      <c r="AW18" s="103">
        <v>5</v>
      </c>
      <c r="AX18" s="413">
        <v>0</v>
      </c>
      <c r="AY18" s="102">
        <v>14</v>
      </c>
      <c r="AZ18" s="102">
        <v>5</v>
      </c>
      <c r="BA18" s="102">
        <v>2</v>
      </c>
      <c r="BB18" s="102">
        <v>2</v>
      </c>
      <c r="BC18" s="102">
        <v>1</v>
      </c>
      <c r="BD18" s="103">
        <v>24</v>
      </c>
      <c r="BE18" s="104">
        <v>29</v>
      </c>
      <c r="BF18" s="101">
        <v>4</v>
      </c>
      <c r="BG18" s="102">
        <v>8</v>
      </c>
      <c r="BH18" s="103">
        <v>12</v>
      </c>
      <c r="BI18" s="413">
        <v>0</v>
      </c>
      <c r="BJ18" s="102">
        <v>8</v>
      </c>
      <c r="BK18" s="102">
        <v>4</v>
      </c>
      <c r="BL18" s="102">
        <v>7</v>
      </c>
      <c r="BM18" s="102">
        <v>6</v>
      </c>
      <c r="BN18" s="102">
        <v>1</v>
      </c>
      <c r="BO18" s="103">
        <v>26</v>
      </c>
      <c r="BP18" s="104">
        <v>38</v>
      </c>
      <c r="BQ18" s="101">
        <v>6</v>
      </c>
      <c r="BR18" s="102">
        <v>7</v>
      </c>
      <c r="BS18" s="103">
        <v>13</v>
      </c>
      <c r="BT18" s="413">
        <v>0</v>
      </c>
      <c r="BU18" s="102">
        <v>9</v>
      </c>
      <c r="BV18" s="102">
        <v>11</v>
      </c>
      <c r="BW18" s="102">
        <v>10</v>
      </c>
      <c r="BX18" s="102">
        <v>12</v>
      </c>
      <c r="BY18" s="102">
        <v>2</v>
      </c>
      <c r="BZ18" s="103">
        <v>44</v>
      </c>
      <c r="CA18" s="104">
        <v>57</v>
      </c>
      <c r="CB18" s="101">
        <v>0</v>
      </c>
      <c r="CC18" s="102">
        <v>0</v>
      </c>
      <c r="CD18" s="103">
        <v>0</v>
      </c>
      <c r="CE18" s="413">
        <v>0</v>
      </c>
      <c r="CF18" s="102">
        <v>0</v>
      </c>
      <c r="CG18" s="102">
        <v>0</v>
      </c>
      <c r="CH18" s="102">
        <v>0</v>
      </c>
      <c r="CI18" s="102">
        <v>0</v>
      </c>
      <c r="CJ18" s="102">
        <v>0</v>
      </c>
      <c r="CK18" s="103">
        <v>0</v>
      </c>
      <c r="CL18" s="104">
        <v>0</v>
      </c>
      <c r="CM18" s="101">
        <v>15</v>
      </c>
      <c r="CN18" s="102">
        <v>22</v>
      </c>
      <c r="CO18" s="103">
        <v>37</v>
      </c>
      <c r="CP18" s="413">
        <v>0</v>
      </c>
      <c r="CQ18" s="102">
        <v>41</v>
      </c>
      <c r="CR18" s="102">
        <v>27</v>
      </c>
      <c r="CS18" s="102">
        <v>22</v>
      </c>
      <c r="CT18" s="102">
        <v>25</v>
      </c>
      <c r="CU18" s="102">
        <v>6</v>
      </c>
      <c r="CV18" s="103">
        <v>121</v>
      </c>
      <c r="CW18" s="104">
        <v>158</v>
      </c>
      <c r="CX18" s="105">
        <v>3</v>
      </c>
      <c r="CY18" s="97">
        <v>9</v>
      </c>
      <c r="CZ18" s="98">
        <v>12</v>
      </c>
      <c r="DA18" s="413">
        <v>0</v>
      </c>
      <c r="DB18" s="97">
        <v>7</v>
      </c>
      <c r="DC18" s="97">
        <v>8</v>
      </c>
      <c r="DD18" s="97">
        <v>2</v>
      </c>
      <c r="DE18" s="97">
        <v>2</v>
      </c>
      <c r="DF18" s="97">
        <v>3</v>
      </c>
      <c r="DG18" s="99">
        <v>22</v>
      </c>
      <c r="DH18" s="100">
        <v>34</v>
      </c>
      <c r="DI18" s="101">
        <v>0</v>
      </c>
      <c r="DJ18" s="102">
        <v>1</v>
      </c>
      <c r="DK18" s="103">
        <v>1</v>
      </c>
      <c r="DL18" s="413">
        <v>0</v>
      </c>
      <c r="DM18" s="102">
        <v>1</v>
      </c>
      <c r="DN18" s="102">
        <v>0</v>
      </c>
      <c r="DO18" s="102">
        <v>0</v>
      </c>
      <c r="DP18" s="102">
        <v>0</v>
      </c>
      <c r="DQ18" s="102">
        <v>0</v>
      </c>
      <c r="DR18" s="103">
        <v>1</v>
      </c>
      <c r="DS18" s="104">
        <v>2</v>
      </c>
      <c r="DT18" s="101">
        <v>1</v>
      </c>
      <c r="DU18" s="102">
        <v>0</v>
      </c>
      <c r="DV18" s="103">
        <v>1</v>
      </c>
      <c r="DW18" s="413">
        <v>0</v>
      </c>
      <c r="DX18" s="102">
        <v>1</v>
      </c>
      <c r="DY18" s="102">
        <v>0</v>
      </c>
      <c r="DZ18" s="102">
        <v>0</v>
      </c>
      <c r="EA18" s="102">
        <v>0</v>
      </c>
      <c r="EB18" s="102">
        <v>0</v>
      </c>
      <c r="EC18" s="103">
        <v>1</v>
      </c>
      <c r="ED18" s="104">
        <v>2</v>
      </c>
      <c r="EE18" s="101">
        <v>1</v>
      </c>
      <c r="EF18" s="102">
        <v>2</v>
      </c>
      <c r="EG18" s="103">
        <v>3</v>
      </c>
      <c r="EH18" s="413">
        <v>0</v>
      </c>
      <c r="EI18" s="102">
        <v>0</v>
      </c>
      <c r="EJ18" s="102">
        <v>0</v>
      </c>
      <c r="EK18" s="102">
        <v>0</v>
      </c>
      <c r="EL18" s="102">
        <v>0</v>
      </c>
      <c r="EM18" s="102">
        <v>1</v>
      </c>
      <c r="EN18" s="103">
        <v>1</v>
      </c>
      <c r="EO18" s="104">
        <v>4</v>
      </c>
      <c r="EP18" s="101">
        <v>1</v>
      </c>
      <c r="EQ18" s="102">
        <v>3</v>
      </c>
      <c r="ER18" s="103">
        <v>4</v>
      </c>
      <c r="ES18" s="413">
        <v>0</v>
      </c>
      <c r="ET18" s="102">
        <v>1</v>
      </c>
      <c r="EU18" s="102">
        <v>1</v>
      </c>
      <c r="EV18" s="102">
        <v>0</v>
      </c>
      <c r="EW18" s="102">
        <v>0</v>
      </c>
      <c r="EX18" s="102">
        <v>0</v>
      </c>
      <c r="EY18" s="103">
        <v>2</v>
      </c>
      <c r="EZ18" s="104">
        <v>6</v>
      </c>
      <c r="FA18" s="101">
        <v>0</v>
      </c>
      <c r="FB18" s="102">
        <v>2</v>
      </c>
      <c r="FC18" s="103">
        <v>2</v>
      </c>
      <c r="FD18" s="413">
        <v>0</v>
      </c>
      <c r="FE18" s="102">
        <v>2</v>
      </c>
      <c r="FF18" s="102">
        <v>2</v>
      </c>
      <c r="FG18" s="102">
        <v>0</v>
      </c>
      <c r="FH18" s="102">
        <v>0</v>
      </c>
      <c r="FI18" s="102">
        <v>2</v>
      </c>
      <c r="FJ18" s="103">
        <v>6</v>
      </c>
      <c r="FK18" s="104">
        <v>8</v>
      </c>
      <c r="FL18" s="101">
        <v>0</v>
      </c>
      <c r="FM18" s="102">
        <v>1</v>
      </c>
      <c r="FN18" s="103">
        <v>1</v>
      </c>
      <c r="FO18" s="413">
        <v>0</v>
      </c>
      <c r="FP18" s="102">
        <v>2</v>
      </c>
      <c r="FQ18" s="102">
        <v>5</v>
      </c>
      <c r="FR18" s="102">
        <v>2</v>
      </c>
      <c r="FS18" s="102">
        <v>2</v>
      </c>
      <c r="FT18" s="102">
        <v>0</v>
      </c>
      <c r="FU18" s="103">
        <v>11</v>
      </c>
      <c r="FV18" s="104">
        <v>12</v>
      </c>
      <c r="FW18" s="101">
        <v>0</v>
      </c>
      <c r="FX18" s="102">
        <v>0</v>
      </c>
      <c r="FY18" s="103">
        <v>0</v>
      </c>
      <c r="FZ18" s="413">
        <v>0</v>
      </c>
      <c r="GA18" s="102">
        <v>0</v>
      </c>
      <c r="GB18" s="102">
        <v>0</v>
      </c>
      <c r="GC18" s="102">
        <v>0</v>
      </c>
      <c r="GD18" s="102">
        <v>0</v>
      </c>
      <c r="GE18" s="102">
        <v>0</v>
      </c>
      <c r="GF18" s="103">
        <v>0</v>
      </c>
      <c r="GG18" s="104">
        <v>0</v>
      </c>
      <c r="GH18" s="101">
        <v>3</v>
      </c>
      <c r="GI18" s="102">
        <v>9</v>
      </c>
      <c r="GJ18" s="103">
        <v>12</v>
      </c>
      <c r="GK18" s="413">
        <v>0</v>
      </c>
      <c r="GL18" s="102">
        <v>7</v>
      </c>
      <c r="GM18" s="102">
        <v>8</v>
      </c>
      <c r="GN18" s="102">
        <v>2</v>
      </c>
      <c r="GO18" s="102">
        <v>2</v>
      </c>
      <c r="GP18" s="102">
        <v>3</v>
      </c>
      <c r="GQ18" s="103">
        <v>22</v>
      </c>
      <c r="GR18" s="104">
        <v>34</v>
      </c>
      <c r="GS18" s="105">
        <v>18</v>
      </c>
      <c r="GT18" s="97">
        <v>31</v>
      </c>
      <c r="GU18" s="98">
        <v>49</v>
      </c>
      <c r="GV18" s="413">
        <v>0</v>
      </c>
      <c r="GW18" s="97">
        <v>48</v>
      </c>
      <c r="GX18" s="97">
        <v>35</v>
      </c>
      <c r="GY18" s="97">
        <v>24</v>
      </c>
      <c r="GZ18" s="97">
        <v>27</v>
      </c>
      <c r="HA18" s="97">
        <v>9</v>
      </c>
      <c r="HB18" s="99">
        <v>143</v>
      </c>
      <c r="HC18" s="100">
        <v>192</v>
      </c>
      <c r="HD18" s="101">
        <v>0</v>
      </c>
      <c r="HE18" s="102">
        <v>1</v>
      </c>
      <c r="HF18" s="103">
        <v>1</v>
      </c>
      <c r="HG18" s="413">
        <v>0</v>
      </c>
      <c r="HH18" s="102">
        <v>2</v>
      </c>
      <c r="HI18" s="102">
        <v>0</v>
      </c>
      <c r="HJ18" s="102">
        <v>0</v>
      </c>
      <c r="HK18" s="102">
        <v>0</v>
      </c>
      <c r="HL18" s="102">
        <v>0</v>
      </c>
      <c r="HM18" s="103">
        <v>2</v>
      </c>
      <c r="HN18" s="104">
        <v>3</v>
      </c>
      <c r="HO18" s="101">
        <v>1</v>
      </c>
      <c r="HP18" s="102">
        <v>2</v>
      </c>
      <c r="HQ18" s="103">
        <v>3</v>
      </c>
      <c r="HR18" s="413">
        <v>0</v>
      </c>
      <c r="HS18" s="102">
        <v>4</v>
      </c>
      <c r="HT18" s="102">
        <v>1</v>
      </c>
      <c r="HU18" s="102">
        <v>1</v>
      </c>
      <c r="HV18" s="102">
        <v>2</v>
      </c>
      <c r="HW18" s="102">
        <v>1</v>
      </c>
      <c r="HX18" s="103">
        <v>9</v>
      </c>
      <c r="HY18" s="104">
        <v>12</v>
      </c>
      <c r="HZ18" s="101">
        <v>4</v>
      </c>
      <c r="IA18" s="102">
        <v>4</v>
      </c>
      <c r="IB18" s="103">
        <v>8</v>
      </c>
      <c r="IC18" s="413">
        <v>0</v>
      </c>
      <c r="ID18" s="102">
        <v>6</v>
      </c>
      <c r="IE18" s="102">
        <v>6</v>
      </c>
      <c r="IF18" s="102">
        <v>2</v>
      </c>
      <c r="IG18" s="102">
        <v>3</v>
      </c>
      <c r="IH18" s="102">
        <v>2</v>
      </c>
      <c r="II18" s="103">
        <v>19</v>
      </c>
      <c r="IJ18" s="104">
        <v>27</v>
      </c>
      <c r="IK18" s="101">
        <v>3</v>
      </c>
      <c r="IL18" s="102">
        <v>6</v>
      </c>
      <c r="IM18" s="103">
        <v>9</v>
      </c>
      <c r="IN18" s="413">
        <v>0</v>
      </c>
      <c r="IO18" s="102">
        <v>15</v>
      </c>
      <c r="IP18" s="102">
        <v>6</v>
      </c>
      <c r="IQ18" s="102">
        <v>2</v>
      </c>
      <c r="IR18" s="102">
        <v>2</v>
      </c>
      <c r="IS18" s="102">
        <v>1</v>
      </c>
      <c r="IT18" s="103">
        <v>26</v>
      </c>
      <c r="IU18" s="104">
        <v>35</v>
      </c>
      <c r="IV18" s="101">
        <v>4</v>
      </c>
      <c r="IW18" s="102">
        <v>10</v>
      </c>
      <c r="IX18" s="103">
        <v>14</v>
      </c>
      <c r="IY18" s="413">
        <v>0</v>
      </c>
      <c r="IZ18" s="102">
        <v>10</v>
      </c>
      <c r="JA18" s="102">
        <v>6</v>
      </c>
      <c r="JB18" s="102">
        <v>7</v>
      </c>
      <c r="JC18" s="102">
        <v>6</v>
      </c>
      <c r="JD18" s="102">
        <v>3</v>
      </c>
      <c r="JE18" s="103">
        <v>32</v>
      </c>
      <c r="JF18" s="104">
        <v>46</v>
      </c>
      <c r="JG18" s="101">
        <v>6</v>
      </c>
      <c r="JH18" s="102">
        <v>8</v>
      </c>
      <c r="JI18" s="103">
        <v>14</v>
      </c>
      <c r="JJ18" s="413">
        <v>0</v>
      </c>
      <c r="JK18" s="102">
        <v>11</v>
      </c>
      <c r="JL18" s="102">
        <v>16</v>
      </c>
      <c r="JM18" s="102">
        <v>12</v>
      </c>
      <c r="JN18" s="102">
        <v>14</v>
      </c>
      <c r="JO18" s="102">
        <v>2</v>
      </c>
      <c r="JP18" s="103">
        <v>55</v>
      </c>
      <c r="JQ18" s="104">
        <v>69</v>
      </c>
      <c r="JR18" s="101">
        <v>0</v>
      </c>
      <c r="JS18" s="102">
        <v>0</v>
      </c>
      <c r="JT18" s="103">
        <v>0</v>
      </c>
      <c r="JU18" s="413">
        <v>0</v>
      </c>
      <c r="JV18" s="102">
        <v>0</v>
      </c>
      <c r="JW18" s="102">
        <v>0</v>
      </c>
      <c r="JX18" s="102">
        <v>0</v>
      </c>
      <c r="JY18" s="102">
        <v>0</v>
      </c>
      <c r="JZ18" s="102">
        <v>0</v>
      </c>
      <c r="KA18" s="103">
        <v>0</v>
      </c>
      <c r="KB18" s="104">
        <v>0</v>
      </c>
      <c r="KC18" s="101">
        <v>18</v>
      </c>
      <c r="KD18" s="102">
        <v>31</v>
      </c>
      <c r="KE18" s="103">
        <v>49</v>
      </c>
      <c r="KF18" s="413">
        <v>0</v>
      </c>
      <c r="KG18" s="102">
        <v>48</v>
      </c>
      <c r="KH18" s="102">
        <v>35</v>
      </c>
      <c r="KI18" s="102">
        <v>24</v>
      </c>
      <c r="KJ18" s="102">
        <v>27</v>
      </c>
      <c r="KK18" s="102">
        <v>9</v>
      </c>
      <c r="KL18" s="103">
        <v>143</v>
      </c>
      <c r="KM18" s="104">
        <v>192</v>
      </c>
    </row>
    <row r="19" spans="2:299" s="70" customFormat="1" ht="21" customHeight="1" x14ac:dyDescent="0.2">
      <c r="B19" s="106" t="s">
        <v>16</v>
      </c>
      <c r="C19" s="96">
        <v>45</v>
      </c>
      <c r="D19" s="97">
        <v>57</v>
      </c>
      <c r="E19" s="98">
        <v>102</v>
      </c>
      <c r="F19" s="413">
        <v>0</v>
      </c>
      <c r="G19" s="97">
        <v>86</v>
      </c>
      <c r="H19" s="97">
        <v>95</v>
      </c>
      <c r="I19" s="97">
        <v>55</v>
      </c>
      <c r="J19" s="97">
        <v>44</v>
      </c>
      <c r="K19" s="97">
        <v>21</v>
      </c>
      <c r="L19" s="99">
        <v>301</v>
      </c>
      <c r="M19" s="100">
        <v>403</v>
      </c>
      <c r="N19" s="101">
        <v>1</v>
      </c>
      <c r="O19" s="102">
        <v>1</v>
      </c>
      <c r="P19" s="103">
        <v>2</v>
      </c>
      <c r="Q19" s="413">
        <v>0</v>
      </c>
      <c r="R19" s="102">
        <v>1</v>
      </c>
      <c r="S19" s="102">
        <v>2</v>
      </c>
      <c r="T19" s="102">
        <v>0</v>
      </c>
      <c r="U19" s="102">
        <v>1</v>
      </c>
      <c r="V19" s="102">
        <v>1</v>
      </c>
      <c r="W19" s="103">
        <v>5</v>
      </c>
      <c r="X19" s="104">
        <v>7</v>
      </c>
      <c r="Y19" s="101">
        <v>1</v>
      </c>
      <c r="Z19" s="102">
        <v>4</v>
      </c>
      <c r="AA19" s="103">
        <v>5</v>
      </c>
      <c r="AB19" s="413">
        <v>0</v>
      </c>
      <c r="AC19" s="102">
        <v>3</v>
      </c>
      <c r="AD19" s="102">
        <v>9</v>
      </c>
      <c r="AE19" s="102">
        <v>6</v>
      </c>
      <c r="AF19" s="102">
        <v>0</v>
      </c>
      <c r="AG19" s="102">
        <v>2</v>
      </c>
      <c r="AH19" s="103">
        <v>20</v>
      </c>
      <c r="AI19" s="104">
        <v>25</v>
      </c>
      <c r="AJ19" s="101">
        <v>7</v>
      </c>
      <c r="AK19" s="102">
        <v>7</v>
      </c>
      <c r="AL19" s="103">
        <v>14</v>
      </c>
      <c r="AM19" s="413">
        <v>0</v>
      </c>
      <c r="AN19" s="102">
        <v>7</v>
      </c>
      <c r="AO19" s="102">
        <v>3</v>
      </c>
      <c r="AP19" s="102">
        <v>8</v>
      </c>
      <c r="AQ19" s="102">
        <v>4</v>
      </c>
      <c r="AR19" s="102">
        <v>4</v>
      </c>
      <c r="AS19" s="103">
        <v>26</v>
      </c>
      <c r="AT19" s="104">
        <v>40</v>
      </c>
      <c r="AU19" s="101">
        <v>12</v>
      </c>
      <c r="AV19" s="102">
        <v>15</v>
      </c>
      <c r="AW19" s="103">
        <v>27</v>
      </c>
      <c r="AX19" s="413">
        <v>0</v>
      </c>
      <c r="AY19" s="102">
        <v>23</v>
      </c>
      <c r="AZ19" s="102">
        <v>22</v>
      </c>
      <c r="BA19" s="102">
        <v>9</v>
      </c>
      <c r="BB19" s="102">
        <v>6</v>
      </c>
      <c r="BC19" s="102">
        <v>6</v>
      </c>
      <c r="BD19" s="103">
        <v>66</v>
      </c>
      <c r="BE19" s="104">
        <v>93</v>
      </c>
      <c r="BF19" s="101">
        <v>11</v>
      </c>
      <c r="BG19" s="102">
        <v>20</v>
      </c>
      <c r="BH19" s="103">
        <v>31</v>
      </c>
      <c r="BI19" s="413">
        <v>0</v>
      </c>
      <c r="BJ19" s="102">
        <v>28</v>
      </c>
      <c r="BK19" s="102">
        <v>27</v>
      </c>
      <c r="BL19" s="102">
        <v>12</v>
      </c>
      <c r="BM19" s="102">
        <v>6</v>
      </c>
      <c r="BN19" s="102">
        <v>1</v>
      </c>
      <c r="BO19" s="103">
        <v>74</v>
      </c>
      <c r="BP19" s="104">
        <v>105</v>
      </c>
      <c r="BQ19" s="101">
        <v>13</v>
      </c>
      <c r="BR19" s="102">
        <v>10</v>
      </c>
      <c r="BS19" s="103">
        <v>23</v>
      </c>
      <c r="BT19" s="413">
        <v>0</v>
      </c>
      <c r="BU19" s="102">
        <v>24</v>
      </c>
      <c r="BV19" s="102">
        <v>32</v>
      </c>
      <c r="BW19" s="102">
        <v>20</v>
      </c>
      <c r="BX19" s="102">
        <v>27</v>
      </c>
      <c r="BY19" s="102">
        <v>7</v>
      </c>
      <c r="BZ19" s="103">
        <v>110</v>
      </c>
      <c r="CA19" s="104">
        <v>133</v>
      </c>
      <c r="CB19" s="101">
        <v>0</v>
      </c>
      <c r="CC19" s="102">
        <v>0</v>
      </c>
      <c r="CD19" s="103">
        <v>0</v>
      </c>
      <c r="CE19" s="413">
        <v>0</v>
      </c>
      <c r="CF19" s="102">
        <v>0</v>
      </c>
      <c r="CG19" s="102">
        <v>0</v>
      </c>
      <c r="CH19" s="102">
        <v>0</v>
      </c>
      <c r="CI19" s="102">
        <v>0</v>
      </c>
      <c r="CJ19" s="102">
        <v>0</v>
      </c>
      <c r="CK19" s="103">
        <v>0</v>
      </c>
      <c r="CL19" s="104">
        <v>0</v>
      </c>
      <c r="CM19" s="101">
        <v>45</v>
      </c>
      <c r="CN19" s="102">
        <v>57</v>
      </c>
      <c r="CO19" s="103">
        <v>102</v>
      </c>
      <c r="CP19" s="413">
        <v>0</v>
      </c>
      <c r="CQ19" s="102">
        <v>86</v>
      </c>
      <c r="CR19" s="102">
        <v>95</v>
      </c>
      <c r="CS19" s="102">
        <v>55</v>
      </c>
      <c r="CT19" s="102">
        <v>44</v>
      </c>
      <c r="CU19" s="102">
        <v>21</v>
      </c>
      <c r="CV19" s="103">
        <v>301</v>
      </c>
      <c r="CW19" s="104">
        <v>403</v>
      </c>
      <c r="CX19" s="105">
        <v>11</v>
      </c>
      <c r="CY19" s="97">
        <v>9</v>
      </c>
      <c r="CZ19" s="98">
        <v>20</v>
      </c>
      <c r="DA19" s="413">
        <v>0</v>
      </c>
      <c r="DB19" s="97">
        <v>9</v>
      </c>
      <c r="DC19" s="97">
        <v>5</v>
      </c>
      <c r="DD19" s="97">
        <v>7</v>
      </c>
      <c r="DE19" s="97">
        <v>6</v>
      </c>
      <c r="DF19" s="97">
        <v>6</v>
      </c>
      <c r="DG19" s="99">
        <v>33</v>
      </c>
      <c r="DH19" s="100">
        <v>53</v>
      </c>
      <c r="DI19" s="101">
        <v>2</v>
      </c>
      <c r="DJ19" s="102">
        <v>0</v>
      </c>
      <c r="DK19" s="103">
        <v>2</v>
      </c>
      <c r="DL19" s="413">
        <v>0</v>
      </c>
      <c r="DM19" s="102">
        <v>0</v>
      </c>
      <c r="DN19" s="102">
        <v>0</v>
      </c>
      <c r="DO19" s="102">
        <v>1</v>
      </c>
      <c r="DP19" s="102">
        <v>0</v>
      </c>
      <c r="DQ19" s="102">
        <v>0</v>
      </c>
      <c r="DR19" s="103">
        <v>1</v>
      </c>
      <c r="DS19" s="104">
        <v>3</v>
      </c>
      <c r="DT19" s="101">
        <v>0</v>
      </c>
      <c r="DU19" s="102">
        <v>0</v>
      </c>
      <c r="DV19" s="103">
        <v>0</v>
      </c>
      <c r="DW19" s="413">
        <v>0</v>
      </c>
      <c r="DX19" s="102">
        <v>0</v>
      </c>
      <c r="DY19" s="102">
        <v>1</v>
      </c>
      <c r="DZ19" s="102">
        <v>0</v>
      </c>
      <c r="EA19" s="102">
        <v>0</v>
      </c>
      <c r="EB19" s="102">
        <v>0</v>
      </c>
      <c r="EC19" s="103">
        <v>1</v>
      </c>
      <c r="ED19" s="104">
        <v>1</v>
      </c>
      <c r="EE19" s="101">
        <v>1</v>
      </c>
      <c r="EF19" s="102">
        <v>2</v>
      </c>
      <c r="EG19" s="103">
        <v>3</v>
      </c>
      <c r="EH19" s="413">
        <v>0</v>
      </c>
      <c r="EI19" s="102">
        <v>1</v>
      </c>
      <c r="EJ19" s="102">
        <v>0</v>
      </c>
      <c r="EK19" s="102">
        <v>2</v>
      </c>
      <c r="EL19" s="102">
        <v>0</v>
      </c>
      <c r="EM19" s="102">
        <v>2</v>
      </c>
      <c r="EN19" s="103">
        <v>5</v>
      </c>
      <c r="EO19" s="104">
        <v>8</v>
      </c>
      <c r="EP19" s="101">
        <v>4</v>
      </c>
      <c r="EQ19" s="102">
        <v>4</v>
      </c>
      <c r="ER19" s="103">
        <v>8</v>
      </c>
      <c r="ES19" s="413">
        <v>0</v>
      </c>
      <c r="ET19" s="102">
        <v>3</v>
      </c>
      <c r="EU19" s="102">
        <v>1</v>
      </c>
      <c r="EV19" s="102">
        <v>0</v>
      </c>
      <c r="EW19" s="102">
        <v>1</v>
      </c>
      <c r="EX19" s="102">
        <v>1</v>
      </c>
      <c r="EY19" s="103">
        <v>6</v>
      </c>
      <c r="EZ19" s="104">
        <v>14</v>
      </c>
      <c r="FA19" s="101">
        <v>3</v>
      </c>
      <c r="FB19" s="102">
        <v>2</v>
      </c>
      <c r="FC19" s="103">
        <v>5</v>
      </c>
      <c r="FD19" s="413">
        <v>0</v>
      </c>
      <c r="FE19" s="102">
        <v>2</v>
      </c>
      <c r="FF19" s="102">
        <v>1</v>
      </c>
      <c r="FG19" s="102">
        <v>2</v>
      </c>
      <c r="FH19" s="102">
        <v>1</v>
      </c>
      <c r="FI19" s="102">
        <v>1</v>
      </c>
      <c r="FJ19" s="103">
        <v>7</v>
      </c>
      <c r="FK19" s="104">
        <v>12</v>
      </c>
      <c r="FL19" s="101">
        <v>1</v>
      </c>
      <c r="FM19" s="102">
        <v>1</v>
      </c>
      <c r="FN19" s="103">
        <v>2</v>
      </c>
      <c r="FO19" s="413">
        <v>0</v>
      </c>
      <c r="FP19" s="102">
        <v>3</v>
      </c>
      <c r="FQ19" s="102">
        <v>2</v>
      </c>
      <c r="FR19" s="102">
        <v>2</v>
      </c>
      <c r="FS19" s="102">
        <v>4</v>
      </c>
      <c r="FT19" s="102">
        <v>2</v>
      </c>
      <c r="FU19" s="103">
        <v>13</v>
      </c>
      <c r="FV19" s="104">
        <v>15</v>
      </c>
      <c r="FW19" s="101">
        <v>0</v>
      </c>
      <c r="FX19" s="102">
        <v>0</v>
      </c>
      <c r="FY19" s="103">
        <v>0</v>
      </c>
      <c r="FZ19" s="413">
        <v>0</v>
      </c>
      <c r="GA19" s="102">
        <v>0</v>
      </c>
      <c r="GB19" s="102">
        <v>0</v>
      </c>
      <c r="GC19" s="102">
        <v>0</v>
      </c>
      <c r="GD19" s="102">
        <v>0</v>
      </c>
      <c r="GE19" s="102">
        <v>0</v>
      </c>
      <c r="GF19" s="103">
        <v>0</v>
      </c>
      <c r="GG19" s="104">
        <v>0</v>
      </c>
      <c r="GH19" s="101">
        <v>11</v>
      </c>
      <c r="GI19" s="102">
        <v>9</v>
      </c>
      <c r="GJ19" s="103">
        <v>20</v>
      </c>
      <c r="GK19" s="413">
        <v>0</v>
      </c>
      <c r="GL19" s="102">
        <v>9</v>
      </c>
      <c r="GM19" s="102">
        <v>5</v>
      </c>
      <c r="GN19" s="102">
        <v>7</v>
      </c>
      <c r="GO19" s="102">
        <v>6</v>
      </c>
      <c r="GP19" s="102">
        <v>6</v>
      </c>
      <c r="GQ19" s="103">
        <v>33</v>
      </c>
      <c r="GR19" s="104">
        <v>53</v>
      </c>
      <c r="GS19" s="105">
        <v>56</v>
      </c>
      <c r="GT19" s="97">
        <v>66</v>
      </c>
      <c r="GU19" s="98">
        <v>122</v>
      </c>
      <c r="GV19" s="413">
        <v>0</v>
      </c>
      <c r="GW19" s="97">
        <v>95</v>
      </c>
      <c r="GX19" s="97">
        <v>100</v>
      </c>
      <c r="GY19" s="97">
        <v>62</v>
      </c>
      <c r="GZ19" s="97">
        <v>50</v>
      </c>
      <c r="HA19" s="97">
        <v>27</v>
      </c>
      <c r="HB19" s="99">
        <v>334</v>
      </c>
      <c r="HC19" s="100">
        <v>456</v>
      </c>
      <c r="HD19" s="101">
        <v>3</v>
      </c>
      <c r="HE19" s="102">
        <v>1</v>
      </c>
      <c r="HF19" s="103">
        <v>4</v>
      </c>
      <c r="HG19" s="413">
        <v>0</v>
      </c>
      <c r="HH19" s="102">
        <v>1</v>
      </c>
      <c r="HI19" s="102">
        <v>2</v>
      </c>
      <c r="HJ19" s="102">
        <v>1</v>
      </c>
      <c r="HK19" s="102">
        <v>1</v>
      </c>
      <c r="HL19" s="102">
        <v>1</v>
      </c>
      <c r="HM19" s="103">
        <v>6</v>
      </c>
      <c r="HN19" s="104">
        <v>10</v>
      </c>
      <c r="HO19" s="101">
        <v>1</v>
      </c>
      <c r="HP19" s="102">
        <v>4</v>
      </c>
      <c r="HQ19" s="103">
        <v>5</v>
      </c>
      <c r="HR19" s="413">
        <v>0</v>
      </c>
      <c r="HS19" s="102">
        <v>3</v>
      </c>
      <c r="HT19" s="102">
        <v>10</v>
      </c>
      <c r="HU19" s="102">
        <v>6</v>
      </c>
      <c r="HV19" s="102">
        <v>0</v>
      </c>
      <c r="HW19" s="102">
        <v>2</v>
      </c>
      <c r="HX19" s="103">
        <v>21</v>
      </c>
      <c r="HY19" s="104">
        <v>26</v>
      </c>
      <c r="HZ19" s="101">
        <v>8</v>
      </c>
      <c r="IA19" s="102">
        <v>9</v>
      </c>
      <c r="IB19" s="103">
        <v>17</v>
      </c>
      <c r="IC19" s="413">
        <v>0</v>
      </c>
      <c r="ID19" s="102">
        <v>8</v>
      </c>
      <c r="IE19" s="102">
        <v>3</v>
      </c>
      <c r="IF19" s="102">
        <v>10</v>
      </c>
      <c r="IG19" s="102">
        <v>4</v>
      </c>
      <c r="IH19" s="102">
        <v>6</v>
      </c>
      <c r="II19" s="103">
        <v>31</v>
      </c>
      <c r="IJ19" s="104">
        <v>48</v>
      </c>
      <c r="IK19" s="101">
        <v>16</v>
      </c>
      <c r="IL19" s="102">
        <v>19</v>
      </c>
      <c r="IM19" s="103">
        <v>35</v>
      </c>
      <c r="IN19" s="413">
        <v>0</v>
      </c>
      <c r="IO19" s="102">
        <v>26</v>
      </c>
      <c r="IP19" s="102">
        <v>23</v>
      </c>
      <c r="IQ19" s="102">
        <v>9</v>
      </c>
      <c r="IR19" s="102">
        <v>7</v>
      </c>
      <c r="IS19" s="102">
        <v>7</v>
      </c>
      <c r="IT19" s="103">
        <v>72</v>
      </c>
      <c r="IU19" s="104">
        <v>107</v>
      </c>
      <c r="IV19" s="101">
        <v>14</v>
      </c>
      <c r="IW19" s="102">
        <v>22</v>
      </c>
      <c r="IX19" s="103">
        <v>36</v>
      </c>
      <c r="IY19" s="413">
        <v>0</v>
      </c>
      <c r="IZ19" s="102">
        <v>30</v>
      </c>
      <c r="JA19" s="102">
        <v>28</v>
      </c>
      <c r="JB19" s="102">
        <v>14</v>
      </c>
      <c r="JC19" s="102">
        <v>7</v>
      </c>
      <c r="JD19" s="102">
        <v>2</v>
      </c>
      <c r="JE19" s="103">
        <v>81</v>
      </c>
      <c r="JF19" s="104">
        <v>117</v>
      </c>
      <c r="JG19" s="101">
        <v>14</v>
      </c>
      <c r="JH19" s="102">
        <v>11</v>
      </c>
      <c r="JI19" s="103">
        <v>25</v>
      </c>
      <c r="JJ19" s="413">
        <v>0</v>
      </c>
      <c r="JK19" s="102">
        <v>27</v>
      </c>
      <c r="JL19" s="102">
        <v>34</v>
      </c>
      <c r="JM19" s="102">
        <v>22</v>
      </c>
      <c r="JN19" s="102">
        <v>31</v>
      </c>
      <c r="JO19" s="102">
        <v>9</v>
      </c>
      <c r="JP19" s="103">
        <v>123</v>
      </c>
      <c r="JQ19" s="104">
        <v>148</v>
      </c>
      <c r="JR19" s="101">
        <v>0</v>
      </c>
      <c r="JS19" s="102">
        <v>0</v>
      </c>
      <c r="JT19" s="103">
        <v>0</v>
      </c>
      <c r="JU19" s="413">
        <v>0</v>
      </c>
      <c r="JV19" s="102">
        <v>0</v>
      </c>
      <c r="JW19" s="102">
        <v>0</v>
      </c>
      <c r="JX19" s="102">
        <v>0</v>
      </c>
      <c r="JY19" s="102">
        <v>0</v>
      </c>
      <c r="JZ19" s="102">
        <v>0</v>
      </c>
      <c r="KA19" s="103">
        <v>0</v>
      </c>
      <c r="KB19" s="104">
        <v>0</v>
      </c>
      <c r="KC19" s="101">
        <v>56</v>
      </c>
      <c r="KD19" s="102">
        <v>66</v>
      </c>
      <c r="KE19" s="103">
        <v>122</v>
      </c>
      <c r="KF19" s="413">
        <v>0</v>
      </c>
      <c r="KG19" s="102">
        <v>95</v>
      </c>
      <c r="KH19" s="102">
        <v>100</v>
      </c>
      <c r="KI19" s="102">
        <v>62</v>
      </c>
      <c r="KJ19" s="102">
        <v>50</v>
      </c>
      <c r="KK19" s="102">
        <v>27</v>
      </c>
      <c r="KL19" s="103">
        <v>334</v>
      </c>
      <c r="KM19" s="104">
        <v>456</v>
      </c>
    </row>
    <row r="20" spans="2:299" s="70" customFormat="1" ht="21" customHeight="1" x14ac:dyDescent="0.2">
      <c r="B20" s="106" t="s">
        <v>17</v>
      </c>
      <c r="C20" s="96">
        <v>77</v>
      </c>
      <c r="D20" s="97">
        <v>60</v>
      </c>
      <c r="E20" s="98">
        <v>137</v>
      </c>
      <c r="F20" s="413">
        <v>0</v>
      </c>
      <c r="G20" s="97">
        <v>99</v>
      </c>
      <c r="H20" s="97">
        <v>122</v>
      </c>
      <c r="I20" s="97">
        <v>73</v>
      </c>
      <c r="J20" s="97">
        <v>33</v>
      </c>
      <c r="K20" s="97">
        <v>28</v>
      </c>
      <c r="L20" s="99">
        <v>355</v>
      </c>
      <c r="M20" s="100">
        <v>492</v>
      </c>
      <c r="N20" s="101">
        <v>1</v>
      </c>
      <c r="O20" s="102">
        <v>2</v>
      </c>
      <c r="P20" s="103">
        <v>3</v>
      </c>
      <c r="Q20" s="413">
        <v>0</v>
      </c>
      <c r="R20" s="102">
        <v>0</v>
      </c>
      <c r="S20" s="102">
        <v>0</v>
      </c>
      <c r="T20" s="102">
        <v>3</v>
      </c>
      <c r="U20" s="102">
        <v>0</v>
      </c>
      <c r="V20" s="102">
        <v>0</v>
      </c>
      <c r="W20" s="103">
        <v>3</v>
      </c>
      <c r="X20" s="104">
        <v>6</v>
      </c>
      <c r="Y20" s="101">
        <v>2</v>
      </c>
      <c r="Z20" s="102">
        <v>2</v>
      </c>
      <c r="AA20" s="103">
        <v>4</v>
      </c>
      <c r="AB20" s="413">
        <v>0</v>
      </c>
      <c r="AC20" s="102">
        <v>5</v>
      </c>
      <c r="AD20" s="102">
        <v>4</v>
      </c>
      <c r="AE20" s="102">
        <v>3</v>
      </c>
      <c r="AF20" s="102">
        <v>0</v>
      </c>
      <c r="AG20" s="102">
        <v>2</v>
      </c>
      <c r="AH20" s="103">
        <v>14</v>
      </c>
      <c r="AI20" s="104">
        <v>18</v>
      </c>
      <c r="AJ20" s="101">
        <v>6</v>
      </c>
      <c r="AK20" s="102">
        <v>8</v>
      </c>
      <c r="AL20" s="103">
        <v>14</v>
      </c>
      <c r="AM20" s="413">
        <v>0</v>
      </c>
      <c r="AN20" s="102">
        <v>12</v>
      </c>
      <c r="AO20" s="102">
        <v>11</v>
      </c>
      <c r="AP20" s="102">
        <v>7</v>
      </c>
      <c r="AQ20" s="102">
        <v>0</v>
      </c>
      <c r="AR20" s="102">
        <v>2</v>
      </c>
      <c r="AS20" s="103">
        <v>32</v>
      </c>
      <c r="AT20" s="104">
        <v>46</v>
      </c>
      <c r="AU20" s="101">
        <v>24</v>
      </c>
      <c r="AV20" s="102">
        <v>18</v>
      </c>
      <c r="AW20" s="103">
        <v>42</v>
      </c>
      <c r="AX20" s="413">
        <v>0</v>
      </c>
      <c r="AY20" s="102">
        <v>22</v>
      </c>
      <c r="AZ20" s="102">
        <v>29</v>
      </c>
      <c r="BA20" s="102">
        <v>12</v>
      </c>
      <c r="BB20" s="102">
        <v>7</v>
      </c>
      <c r="BC20" s="102">
        <v>3</v>
      </c>
      <c r="BD20" s="103">
        <v>73</v>
      </c>
      <c r="BE20" s="104">
        <v>115</v>
      </c>
      <c r="BF20" s="101">
        <v>26</v>
      </c>
      <c r="BG20" s="102">
        <v>12</v>
      </c>
      <c r="BH20" s="103">
        <v>38</v>
      </c>
      <c r="BI20" s="413">
        <v>0</v>
      </c>
      <c r="BJ20" s="102">
        <v>34</v>
      </c>
      <c r="BK20" s="102">
        <v>40</v>
      </c>
      <c r="BL20" s="102">
        <v>24</v>
      </c>
      <c r="BM20" s="102">
        <v>11</v>
      </c>
      <c r="BN20" s="102">
        <v>9</v>
      </c>
      <c r="BO20" s="103">
        <v>118</v>
      </c>
      <c r="BP20" s="104">
        <v>156</v>
      </c>
      <c r="BQ20" s="101">
        <v>18</v>
      </c>
      <c r="BR20" s="102">
        <v>18</v>
      </c>
      <c r="BS20" s="103">
        <v>36</v>
      </c>
      <c r="BT20" s="413">
        <v>0</v>
      </c>
      <c r="BU20" s="102">
        <v>26</v>
      </c>
      <c r="BV20" s="102">
        <v>38</v>
      </c>
      <c r="BW20" s="102">
        <v>24</v>
      </c>
      <c r="BX20" s="102">
        <v>15</v>
      </c>
      <c r="BY20" s="102">
        <v>12</v>
      </c>
      <c r="BZ20" s="103">
        <v>115</v>
      </c>
      <c r="CA20" s="104">
        <v>151</v>
      </c>
      <c r="CB20" s="101">
        <v>0</v>
      </c>
      <c r="CC20" s="102">
        <v>0</v>
      </c>
      <c r="CD20" s="103">
        <v>0</v>
      </c>
      <c r="CE20" s="413">
        <v>0</v>
      </c>
      <c r="CF20" s="102">
        <v>0</v>
      </c>
      <c r="CG20" s="102">
        <v>0</v>
      </c>
      <c r="CH20" s="102">
        <v>0</v>
      </c>
      <c r="CI20" s="102">
        <v>0</v>
      </c>
      <c r="CJ20" s="102">
        <v>0</v>
      </c>
      <c r="CK20" s="103">
        <v>0</v>
      </c>
      <c r="CL20" s="104">
        <v>0</v>
      </c>
      <c r="CM20" s="101">
        <v>77</v>
      </c>
      <c r="CN20" s="102">
        <v>60</v>
      </c>
      <c r="CO20" s="103">
        <v>137</v>
      </c>
      <c r="CP20" s="413">
        <v>0</v>
      </c>
      <c r="CQ20" s="102">
        <v>99</v>
      </c>
      <c r="CR20" s="102">
        <v>122</v>
      </c>
      <c r="CS20" s="102">
        <v>73</v>
      </c>
      <c r="CT20" s="102">
        <v>33</v>
      </c>
      <c r="CU20" s="102">
        <v>28</v>
      </c>
      <c r="CV20" s="103">
        <v>355</v>
      </c>
      <c r="CW20" s="104">
        <v>492</v>
      </c>
      <c r="CX20" s="105">
        <v>7</v>
      </c>
      <c r="CY20" s="97">
        <v>9</v>
      </c>
      <c r="CZ20" s="98">
        <v>16</v>
      </c>
      <c r="DA20" s="413">
        <v>0</v>
      </c>
      <c r="DB20" s="97">
        <v>10</v>
      </c>
      <c r="DC20" s="97">
        <v>23</v>
      </c>
      <c r="DD20" s="97">
        <v>7</v>
      </c>
      <c r="DE20" s="97">
        <v>7</v>
      </c>
      <c r="DF20" s="97">
        <v>7</v>
      </c>
      <c r="DG20" s="99">
        <v>54</v>
      </c>
      <c r="DH20" s="100">
        <v>70</v>
      </c>
      <c r="DI20" s="101">
        <v>0</v>
      </c>
      <c r="DJ20" s="102">
        <v>0</v>
      </c>
      <c r="DK20" s="103">
        <v>0</v>
      </c>
      <c r="DL20" s="413">
        <v>0</v>
      </c>
      <c r="DM20" s="102">
        <v>0</v>
      </c>
      <c r="DN20" s="102">
        <v>2</v>
      </c>
      <c r="DO20" s="102">
        <v>0</v>
      </c>
      <c r="DP20" s="102">
        <v>1</v>
      </c>
      <c r="DQ20" s="102">
        <v>0</v>
      </c>
      <c r="DR20" s="103">
        <v>3</v>
      </c>
      <c r="DS20" s="104">
        <v>3</v>
      </c>
      <c r="DT20" s="101">
        <v>1</v>
      </c>
      <c r="DU20" s="102">
        <v>0</v>
      </c>
      <c r="DV20" s="103">
        <v>1</v>
      </c>
      <c r="DW20" s="413">
        <v>0</v>
      </c>
      <c r="DX20" s="102">
        <v>0</v>
      </c>
      <c r="DY20" s="102">
        <v>0</v>
      </c>
      <c r="DZ20" s="102">
        <v>0</v>
      </c>
      <c r="EA20" s="102">
        <v>0</v>
      </c>
      <c r="EB20" s="102">
        <v>0</v>
      </c>
      <c r="EC20" s="103">
        <v>0</v>
      </c>
      <c r="ED20" s="104">
        <v>1</v>
      </c>
      <c r="EE20" s="101">
        <v>4</v>
      </c>
      <c r="EF20" s="102">
        <v>2</v>
      </c>
      <c r="EG20" s="103">
        <v>6</v>
      </c>
      <c r="EH20" s="413">
        <v>0</v>
      </c>
      <c r="EI20" s="102">
        <v>1</v>
      </c>
      <c r="EJ20" s="102">
        <v>2</v>
      </c>
      <c r="EK20" s="102">
        <v>0</v>
      </c>
      <c r="EL20" s="102">
        <v>0</v>
      </c>
      <c r="EM20" s="102">
        <v>2</v>
      </c>
      <c r="EN20" s="103">
        <v>5</v>
      </c>
      <c r="EO20" s="104">
        <v>11</v>
      </c>
      <c r="EP20" s="101">
        <v>1</v>
      </c>
      <c r="EQ20" s="102">
        <v>3</v>
      </c>
      <c r="ER20" s="103">
        <v>4</v>
      </c>
      <c r="ES20" s="413">
        <v>0</v>
      </c>
      <c r="ET20" s="102">
        <v>3</v>
      </c>
      <c r="EU20" s="102">
        <v>4</v>
      </c>
      <c r="EV20" s="102">
        <v>1</v>
      </c>
      <c r="EW20" s="102">
        <v>0</v>
      </c>
      <c r="EX20" s="102">
        <v>0</v>
      </c>
      <c r="EY20" s="103">
        <v>8</v>
      </c>
      <c r="EZ20" s="104">
        <v>12</v>
      </c>
      <c r="FA20" s="101">
        <v>1</v>
      </c>
      <c r="FB20" s="102">
        <v>2</v>
      </c>
      <c r="FC20" s="103">
        <v>3</v>
      </c>
      <c r="FD20" s="413">
        <v>0</v>
      </c>
      <c r="FE20" s="102">
        <v>2</v>
      </c>
      <c r="FF20" s="102">
        <v>8</v>
      </c>
      <c r="FG20" s="102">
        <v>3</v>
      </c>
      <c r="FH20" s="102">
        <v>4</v>
      </c>
      <c r="FI20" s="102">
        <v>0</v>
      </c>
      <c r="FJ20" s="103">
        <v>17</v>
      </c>
      <c r="FK20" s="104">
        <v>20</v>
      </c>
      <c r="FL20" s="101">
        <v>0</v>
      </c>
      <c r="FM20" s="102">
        <v>2</v>
      </c>
      <c r="FN20" s="103">
        <v>2</v>
      </c>
      <c r="FO20" s="413">
        <v>0</v>
      </c>
      <c r="FP20" s="102">
        <v>4</v>
      </c>
      <c r="FQ20" s="102">
        <v>7</v>
      </c>
      <c r="FR20" s="102">
        <v>3</v>
      </c>
      <c r="FS20" s="102">
        <v>2</v>
      </c>
      <c r="FT20" s="102">
        <v>5</v>
      </c>
      <c r="FU20" s="103">
        <v>21</v>
      </c>
      <c r="FV20" s="104">
        <v>23</v>
      </c>
      <c r="FW20" s="101">
        <v>0</v>
      </c>
      <c r="FX20" s="102">
        <v>0</v>
      </c>
      <c r="FY20" s="103">
        <v>0</v>
      </c>
      <c r="FZ20" s="413">
        <v>0</v>
      </c>
      <c r="GA20" s="102">
        <v>0</v>
      </c>
      <c r="GB20" s="102">
        <v>0</v>
      </c>
      <c r="GC20" s="102">
        <v>0</v>
      </c>
      <c r="GD20" s="102">
        <v>0</v>
      </c>
      <c r="GE20" s="102">
        <v>0</v>
      </c>
      <c r="GF20" s="103">
        <v>0</v>
      </c>
      <c r="GG20" s="104">
        <v>0</v>
      </c>
      <c r="GH20" s="101">
        <v>7</v>
      </c>
      <c r="GI20" s="102">
        <v>9</v>
      </c>
      <c r="GJ20" s="103">
        <v>16</v>
      </c>
      <c r="GK20" s="413">
        <v>0</v>
      </c>
      <c r="GL20" s="102">
        <v>10</v>
      </c>
      <c r="GM20" s="102">
        <v>23</v>
      </c>
      <c r="GN20" s="102">
        <v>7</v>
      </c>
      <c r="GO20" s="102">
        <v>7</v>
      </c>
      <c r="GP20" s="102">
        <v>7</v>
      </c>
      <c r="GQ20" s="103">
        <v>54</v>
      </c>
      <c r="GR20" s="104">
        <v>70</v>
      </c>
      <c r="GS20" s="105">
        <v>84</v>
      </c>
      <c r="GT20" s="97">
        <v>69</v>
      </c>
      <c r="GU20" s="98">
        <v>153</v>
      </c>
      <c r="GV20" s="413">
        <v>0</v>
      </c>
      <c r="GW20" s="97">
        <v>109</v>
      </c>
      <c r="GX20" s="97">
        <v>145</v>
      </c>
      <c r="GY20" s="97">
        <v>80</v>
      </c>
      <c r="GZ20" s="97">
        <v>40</v>
      </c>
      <c r="HA20" s="97">
        <v>35</v>
      </c>
      <c r="HB20" s="99">
        <v>409</v>
      </c>
      <c r="HC20" s="100">
        <v>562</v>
      </c>
      <c r="HD20" s="101">
        <v>1</v>
      </c>
      <c r="HE20" s="102">
        <v>2</v>
      </c>
      <c r="HF20" s="103">
        <v>3</v>
      </c>
      <c r="HG20" s="413">
        <v>0</v>
      </c>
      <c r="HH20" s="102">
        <v>0</v>
      </c>
      <c r="HI20" s="102">
        <v>2</v>
      </c>
      <c r="HJ20" s="102">
        <v>3</v>
      </c>
      <c r="HK20" s="102">
        <v>1</v>
      </c>
      <c r="HL20" s="102">
        <v>0</v>
      </c>
      <c r="HM20" s="103">
        <v>6</v>
      </c>
      <c r="HN20" s="104">
        <v>9</v>
      </c>
      <c r="HO20" s="101">
        <v>3</v>
      </c>
      <c r="HP20" s="102">
        <v>2</v>
      </c>
      <c r="HQ20" s="103">
        <v>5</v>
      </c>
      <c r="HR20" s="413">
        <v>0</v>
      </c>
      <c r="HS20" s="102">
        <v>5</v>
      </c>
      <c r="HT20" s="102">
        <v>4</v>
      </c>
      <c r="HU20" s="102">
        <v>3</v>
      </c>
      <c r="HV20" s="102">
        <v>0</v>
      </c>
      <c r="HW20" s="102">
        <v>2</v>
      </c>
      <c r="HX20" s="103">
        <v>14</v>
      </c>
      <c r="HY20" s="104">
        <v>19</v>
      </c>
      <c r="HZ20" s="101">
        <v>10</v>
      </c>
      <c r="IA20" s="102">
        <v>10</v>
      </c>
      <c r="IB20" s="103">
        <v>20</v>
      </c>
      <c r="IC20" s="413">
        <v>0</v>
      </c>
      <c r="ID20" s="102">
        <v>13</v>
      </c>
      <c r="IE20" s="102">
        <v>13</v>
      </c>
      <c r="IF20" s="102">
        <v>7</v>
      </c>
      <c r="IG20" s="102">
        <v>0</v>
      </c>
      <c r="IH20" s="102">
        <v>4</v>
      </c>
      <c r="II20" s="103">
        <v>37</v>
      </c>
      <c r="IJ20" s="104">
        <v>57</v>
      </c>
      <c r="IK20" s="101">
        <v>25</v>
      </c>
      <c r="IL20" s="102">
        <v>21</v>
      </c>
      <c r="IM20" s="103">
        <v>46</v>
      </c>
      <c r="IN20" s="413">
        <v>0</v>
      </c>
      <c r="IO20" s="102">
        <v>25</v>
      </c>
      <c r="IP20" s="102">
        <v>33</v>
      </c>
      <c r="IQ20" s="102">
        <v>13</v>
      </c>
      <c r="IR20" s="102">
        <v>7</v>
      </c>
      <c r="IS20" s="102">
        <v>3</v>
      </c>
      <c r="IT20" s="103">
        <v>81</v>
      </c>
      <c r="IU20" s="104">
        <v>127</v>
      </c>
      <c r="IV20" s="101">
        <v>27</v>
      </c>
      <c r="IW20" s="102">
        <v>14</v>
      </c>
      <c r="IX20" s="103">
        <v>41</v>
      </c>
      <c r="IY20" s="413">
        <v>0</v>
      </c>
      <c r="IZ20" s="102">
        <v>36</v>
      </c>
      <c r="JA20" s="102">
        <v>48</v>
      </c>
      <c r="JB20" s="102">
        <v>27</v>
      </c>
      <c r="JC20" s="102">
        <v>15</v>
      </c>
      <c r="JD20" s="102">
        <v>9</v>
      </c>
      <c r="JE20" s="103">
        <v>135</v>
      </c>
      <c r="JF20" s="104">
        <v>176</v>
      </c>
      <c r="JG20" s="101">
        <v>18</v>
      </c>
      <c r="JH20" s="102">
        <v>20</v>
      </c>
      <c r="JI20" s="103">
        <v>38</v>
      </c>
      <c r="JJ20" s="413">
        <v>0</v>
      </c>
      <c r="JK20" s="102">
        <v>30</v>
      </c>
      <c r="JL20" s="102">
        <v>45</v>
      </c>
      <c r="JM20" s="102">
        <v>27</v>
      </c>
      <c r="JN20" s="102">
        <v>17</v>
      </c>
      <c r="JO20" s="102">
        <v>17</v>
      </c>
      <c r="JP20" s="103">
        <v>136</v>
      </c>
      <c r="JQ20" s="104">
        <v>174</v>
      </c>
      <c r="JR20" s="101">
        <v>0</v>
      </c>
      <c r="JS20" s="102">
        <v>0</v>
      </c>
      <c r="JT20" s="103">
        <v>0</v>
      </c>
      <c r="JU20" s="413">
        <v>0</v>
      </c>
      <c r="JV20" s="102">
        <v>0</v>
      </c>
      <c r="JW20" s="102">
        <v>0</v>
      </c>
      <c r="JX20" s="102">
        <v>0</v>
      </c>
      <c r="JY20" s="102">
        <v>0</v>
      </c>
      <c r="JZ20" s="102">
        <v>0</v>
      </c>
      <c r="KA20" s="103">
        <v>0</v>
      </c>
      <c r="KB20" s="104">
        <v>0</v>
      </c>
      <c r="KC20" s="101">
        <v>84</v>
      </c>
      <c r="KD20" s="102">
        <v>69</v>
      </c>
      <c r="KE20" s="103">
        <v>153</v>
      </c>
      <c r="KF20" s="413">
        <v>0</v>
      </c>
      <c r="KG20" s="102">
        <v>109</v>
      </c>
      <c r="KH20" s="102">
        <v>145</v>
      </c>
      <c r="KI20" s="102">
        <v>80</v>
      </c>
      <c r="KJ20" s="102">
        <v>40</v>
      </c>
      <c r="KK20" s="102">
        <v>35</v>
      </c>
      <c r="KL20" s="103">
        <v>409</v>
      </c>
      <c r="KM20" s="104">
        <v>562</v>
      </c>
    </row>
    <row r="21" spans="2:299" s="70" customFormat="1" ht="21" customHeight="1" x14ac:dyDescent="0.2">
      <c r="B21" s="106" t="s">
        <v>18</v>
      </c>
      <c r="C21" s="96">
        <v>73</v>
      </c>
      <c r="D21" s="97">
        <v>75</v>
      </c>
      <c r="E21" s="98">
        <v>148</v>
      </c>
      <c r="F21" s="413">
        <v>0</v>
      </c>
      <c r="G21" s="97">
        <v>163</v>
      </c>
      <c r="H21" s="97">
        <v>116</v>
      </c>
      <c r="I21" s="97">
        <v>93</v>
      </c>
      <c r="J21" s="97">
        <v>60</v>
      </c>
      <c r="K21" s="97">
        <v>39</v>
      </c>
      <c r="L21" s="99">
        <v>471</v>
      </c>
      <c r="M21" s="100">
        <v>619</v>
      </c>
      <c r="N21" s="101">
        <v>2</v>
      </c>
      <c r="O21" s="102">
        <v>0</v>
      </c>
      <c r="P21" s="103">
        <v>2</v>
      </c>
      <c r="Q21" s="413">
        <v>0</v>
      </c>
      <c r="R21" s="102">
        <v>5</v>
      </c>
      <c r="S21" s="102">
        <v>0</v>
      </c>
      <c r="T21" s="102">
        <v>2</v>
      </c>
      <c r="U21" s="102">
        <v>2</v>
      </c>
      <c r="V21" s="102">
        <v>2</v>
      </c>
      <c r="W21" s="103">
        <v>11</v>
      </c>
      <c r="X21" s="104">
        <v>13</v>
      </c>
      <c r="Y21" s="101">
        <v>5</v>
      </c>
      <c r="Z21" s="102">
        <v>3</v>
      </c>
      <c r="AA21" s="103">
        <v>8</v>
      </c>
      <c r="AB21" s="413">
        <v>0</v>
      </c>
      <c r="AC21" s="102">
        <v>12</v>
      </c>
      <c r="AD21" s="102">
        <v>6</v>
      </c>
      <c r="AE21" s="102">
        <v>3</v>
      </c>
      <c r="AF21" s="102">
        <v>4</v>
      </c>
      <c r="AG21" s="102">
        <v>3</v>
      </c>
      <c r="AH21" s="103">
        <v>28</v>
      </c>
      <c r="AI21" s="104">
        <v>36</v>
      </c>
      <c r="AJ21" s="101">
        <v>6</v>
      </c>
      <c r="AK21" s="102">
        <v>13</v>
      </c>
      <c r="AL21" s="103">
        <v>19</v>
      </c>
      <c r="AM21" s="413">
        <v>0</v>
      </c>
      <c r="AN21" s="102">
        <v>13</v>
      </c>
      <c r="AO21" s="102">
        <v>8</v>
      </c>
      <c r="AP21" s="102">
        <v>7</v>
      </c>
      <c r="AQ21" s="102">
        <v>5</v>
      </c>
      <c r="AR21" s="102">
        <v>3</v>
      </c>
      <c r="AS21" s="103">
        <v>36</v>
      </c>
      <c r="AT21" s="104">
        <v>55</v>
      </c>
      <c r="AU21" s="101">
        <v>18</v>
      </c>
      <c r="AV21" s="102">
        <v>6</v>
      </c>
      <c r="AW21" s="103">
        <v>24</v>
      </c>
      <c r="AX21" s="413">
        <v>0</v>
      </c>
      <c r="AY21" s="102">
        <v>29</v>
      </c>
      <c r="AZ21" s="102">
        <v>26</v>
      </c>
      <c r="BA21" s="102">
        <v>11</v>
      </c>
      <c r="BB21" s="102">
        <v>10</v>
      </c>
      <c r="BC21" s="102">
        <v>8</v>
      </c>
      <c r="BD21" s="103">
        <v>84</v>
      </c>
      <c r="BE21" s="104">
        <v>108</v>
      </c>
      <c r="BF21" s="101">
        <v>27</v>
      </c>
      <c r="BG21" s="102">
        <v>22</v>
      </c>
      <c r="BH21" s="103">
        <v>49</v>
      </c>
      <c r="BI21" s="413">
        <v>0</v>
      </c>
      <c r="BJ21" s="102">
        <v>60</v>
      </c>
      <c r="BK21" s="102">
        <v>32</v>
      </c>
      <c r="BL21" s="102">
        <v>39</v>
      </c>
      <c r="BM21" s="102">
        <v>19</v>
      </c>
      <c r="BN21" s="102">
        <v>7</v>
      </c>
      <c r="BO21" s="103">
        <v>157</v>
      </c>
      <c r="BP21" s="104">
        <v>206</v>
      </c>
      <c r="BQ21" s="101">
        <v>15</v>
      </c>
      <c r="BR21" s="102">
        <v>31</v>
      </c>
      <c r="BS21" s="103">
        <v>46</v>
      </c>
      <c r="BT21" s="413">
        <v>0</v>
      </c>
      <c r="BU21" s="102">
        <v>44</v>
      </c>
      <c r="BV21" s="102">
        <v>44</v>
      </c>
      <c r="BW21" s="102">
        <v>31</v>
      </c>
      <c r="BX21" s="102">
        <v>20</v>
      </c>
      <c r="BY21" s="102">
        <v>16</v>
      </c>
      <c r="BZ21" s="103">
        <v>155</v>
      </c>
      <c r="CA21" s="104">
        <v>201</v>
      </c>
      <c r="CB21" s="101">
        <v>0</v>
      </c>
      <c r="CC21" s="102">
        <v>0</v>
      </c>
      <c r="CD21" s="103">
        <v>0</v>
      </c>
      <c r="CE21" s="413">
        <v>0</v>
      </c>
      <c r="CF21" s="102">
        <v>0</v>
      </c>
      <c r="CG21" s="102">
        <v>0</v>
      </c>
      <c r="CH21" s="102">
        <v>0</v>
      </c>
      <c r="CI21" s="102">
        <v>0</v>
      </c>
      <c r="CJ21" s="102">
        <v>0</v>
      </c>
      <c r="CK21" s="103">
        <v>0</v>
      </c>
      <c r="CL21" s="104">
        <v>0</v>
      </c>
      <c r="CM21" s="101">
        <v>73</v>
      </c>
      <c r="CN21" s="102">
        <v>75</v>
      </c>
      <c r="CO21" s="103">
        <v>148</v>
      </c>
      <c r="CP21" s="413">
        <v>0</v>
      </c>
      <c r="CQ21" s="102">
        <v>163</v>
      </c>
      <c r="CR21" s="102">
        <v>116</v>
      </c>
      <c r="CS21" s="102">
        <v>93</v>
      </c>
      <c r="CT21" s="102">
        <v>60</v>
      </c>
      <c r="CU21" s="102">
        <v>39</v>
      </c>
      <c r="CV21" s="103">
        <v>471</v>
      </c>
      <c r="CW21" s="104">
        <v>619</v>
      </c>
      <c r="CX21" s="105">
        <v>10</v>
      </c>
      <c r="CY21" s="97">
        <v>21</v>
      </c>
      <c r="CZ21" s="98">
        <v>31</v>
      </c>
      <c r="DA21" s="413">
        <v>0</v>
      </c>
      <c r="DB21" s="97">
        <v>25</v>
      </c>
      <c r="DC21" s="97">
        <v>13</v>
      </c>
      <c r="DD21" s="97">
        <v>12</v>
      </c>
      <c r="DE21" s="97">
        <v>11</v>
      </c>
      <c r="DF21" s="97">
        <v>11</v>
      </c>
      <c r="DG21" s="99">
        <v>72</v>
      </c>
      <c r="DH21" s="100">
        <v>103</v>
      </c>
      <c r="DI21" s="101">
        <v>0</v>
      </c>
      <c r="DJ21" s="102">
        <v>0</v>
      </c>
      <c r="DK21" s="103">
        <v>0</v>
      </c>
      <c r="DL21" s="413">
        <v>0</v>
      </c>
      <c r="DM21" s="102">
        <v>0</v>
      </c>
      <c r="DN21" s="102">
        <v>0</v>
      </c>
      <c r="DO21" s="102">
        <v>1</v>
      </c>
      <c r="DP21" s="102">
        <v>0</v>
      </c>
      <c r="DQ21" s="102">
        <v>2</v>
      </c>
      <c r="DR21" s="103">
        <v>3</v>
      </c>
      <c r="DS21" s="104">
        <v>3</v>
      </c>
      <c r="DT21" s="101">
        <v>0</v>
      </c>
      <c r="DU21" s="102">
        <v>3</v>
      </c>
      <c r="DV21" s="103">
        <v>3</v>
      </c>
      <c r="DW21" s="413">
        <v>0</v>
      </c>
      <c r="DX21" s="102">
        <v>2</v>
      </c>
      <c r="DY21" s="102">
        <v>1</v>
      </c>
      <c r="DZ21" s="102">
        <v>1</v>
      </c>
      <c r="EA21" s="102">
        <v>0</v>
      </c>
      <c r="EB21" s="102">
        <v>0</v>
      </c>
      <c r="EC21" s="103">
        <v>4</v>
      </c>
      <c r="ED21" s="104">
        <v>7</v>
      </c>
      <c r="EE21" s="101">
        <v>2</v>
      </c>
      <c r="EF21" s="102">
        <v>6</v>
      </c>
      <c r="EG21" s="103">
        <v>8</v>
      </c>
      <c r="EH21" s="413">
        <v>0</v>
      </c>
      <c r="EI21" s="102">
        <v>3</v>
      </c>
      <c r="EJ21" s="102">
        <v>0</v>
      </c>
      <c r="EK21" s="102">
        <v>0</v>
      </c>
      <c r="EL21" s="102">
        <v>0</v>
      </c>
      <c r="EM21" s="102">
        <v>0</v>
      </c>
      <c r="EN21" s="103">
        <v>3</v>
      </c>
      <c r="EO21" s="104">
        <v>11</v>
      </c>
      <c r="EP21" s="101">
        <v>2</v>
      </c>
      <c r="EQ21" s="102">
        <v>6</v>
      </c>
      <c r="ER21" s="103">
        <v>8</v>
      </c>
      <c r="ES21" s="413">
        <v>0</v>
      </c>
      <c r="ET21" s="102">
        <v>9</v>
      </c>
      <c r="EU21" s="102">
        <v>2</v>
      </c>
      <c r="EV21" s="102">
        <v>3</v>
      </c>
      <c r="EW21" s="102">
        <v>1</v>
      </c>
      <c r="EX21" s="102">
        <v>0</v>
      </c>
      <c r="EY21" s="103">
        <v>15</v>
      </c>
      <c r="EZ21" s="104">
        <v>23</v>
      </c>
      <c r="FA21" s="101">
        <v>2</v>
      </c>
      <c r="FB21" s="102">
        <v>4</v>
      </c>
      <c r="FC21" s="103">
        <v>6</v>
      </c>
      <c r="FD21" s="413">
        <v>0</v>
      </c>
      <c r="FE21" s="102">
        <v>4</v>
      </c>
      <c r="FF21" s="102">
        <v>7</v>
      </c>
      <c r="FG21" s="102">
        <v>1</v>
      </c>
      <c r="FH21" s="102">
        <v>1</v>
      </c>
      <c r="FI21" s="102">
        <v>2</v>
      </c>
      <c r="FJ21" s="103">
        <v>15</v>
      </c>
      <c r="FK21" s="104">
        <v>21</v>
      </c>
      <c r="FL21" s="101">
        <v>4</v>
      </c>
      <c r="FM21" s="102">
        <v>2</v>
      </c>
      <c r="FN21" s="103">
        <v>6</v>
      </c>
      <c r="FO21" s="413">
        <v>0</v>
      </c>
      <c r="FP21" s="102">
        <v>7</v>
      </c>
      <c r="FQ21" s="102">
        <v>3</v>
      </c>
      <c r="FR21" s="102">
        <v>6</v>
      </c>
      <c r="FS21" s="102">
        <v>9</v>
      </c>
      <c r="FT21" s="102">
        <v>7</v>
      </c>
      <c r="FU21" s="103">
        <v>32</v>
      </c>
      <c r="FV21" s="104">
        <v>38</v>
      </c>
      <c r="FW21" s="101">
        <v>0</v>
      </c>
      <c r="FX21" s="102">
        <v>0</v>
      </c>
      <c r="FY21" s="103">
        <v>0</v>
      </c>
      <c r="FZ21" s="413">
        <v>0</v>
      </c>
      <c r="GA21" s="102">
        <v>0</v>
      </c>
      <c r="GB21" s="102">
        <v>0</v>
      </c>
      <c r="GC21" s="102">
        <v>0</v>
      </c>
      <c r="GD21" s="102">
        <v>0</v>
      </c>
      <c r="GE21" s="102">
        <v>0</v>
      </c>
      <c r="GF21" s="103">
        <v>0</v>
      </c>
      <c r="GG21" s="104">
        <v>0</v>
      </c>
      <c r="GH21" s="101">
        <v>10</v>
      </c>
      <c r="GI21" s="102">
        <v>21</v>
      </c>
      <c r="GJ21" s="103">
        <v>31</v>
      </c>
      <c r="GK21" s="413">
        <v>0</v>
      </c>
      <c r="GL21" s="102">
        <v>25</v>
      </c>
      <c r="GM21" s="102">
        <v>13</v>
      </c>
      <c r="GN21" s="102">
        <v>12</v>
      </c>
      <c r="GO21" s="102">
        <v>11</v>
      </c>
      <c r="GP21" s="102">
        <v>11</v>
      </c>
      <c r="GQ21" s="103">
        <v>72</v>
      </c>
      <c r="GR21" s="104">
        <v>103</v>
      </c>
      <c r="GS21" s="105">
        <v>83</v>
      </c>
      <c r="GT21" s="97">
        <v>96</v>
      </c>
      <c r="GU21" s="98">
        <v>179</v>
      </c>
      <c r="GV21" s="413">
        <v>0</v>
      </c>
      <c r="GW21" s="97">
        <v>188</v>
      </c>
      <c r="GX21" s="97">
        <v>129</v>
      </c>
      <c r="GY21" s="97">
        <v>105</v>
      </c>
      <c r="GZ21" s="97">
        <v>71</v>
      </c>
      <c r="HA21" s="97">
        <v>50</v>
      </c>
      <c r="HB21" s="99">
        <v>543</v>
      </c>
      <c r="HC21" s="100">
        <v>722</v>
      </c>
      <c r="HD21" s="101">
        <v>2</v>
      </c>
      <c r="HE21" s="102">
        <v>0</v>
      </c>
      <c r="HF21" s="103">
        <v>2</v>
      </c>
      <c r="HG21" s="413">
        <v>0</v>
      </c>
      <c r="HH21" s="102">
        <v>5</v>
      </c>
      <c r="HI21" s="102">
        <v>0</v>
      </c>
      <c r="HJ21" s="102">
        <v>3</v>
      </c>
      <c r="HK21" s="102">
        <v>2</v>
      </c>
      <c r="HL21" s="102">
        <v>4</v>
      </c>
      <c r="HM21" s="103">
        <v>14</v>
      </c>
      <c r="HN21" s="104">
        <v>16</v>
      </c>
      <c r="HO21" s="101">
        <v>5</v>
      </c>
      <c r="HP21" s="102">
        <v>6</v>
      </c>
      <c r="HQ21" s="103">
        <v>11</v>
      </c>
      <c r="HR21" s="413">
        <v>0</v>
      </c>
      <c r="HS21" s="102">
        <v>14</v>
      </c>
      <c r="HT21" s="102">
        <v>7</v>
      </c>
      <c r="HU21" s="102">
        <v>4</v>
      </c>
      <c r="HV21" s="102">
        <v>4</v>
      </c>
      <c r="HW21" s="102">
        <v>3</v>
      </c>
      <c r="HX21" s="103">
        <v>32</v>
      </c>
      <c r="HY21" s="104">
        <v>43</v>
      </c>
      <c r="HZ21" s="101">
        <v>8</v>
      </c>
      <c r="IA21" s="102">
        <v>19</v>
      </c>
      <c r="IB21" s="103">
        <v>27</v>
      </c>
      <c r="IC21" s="413">
        <v>0</v>
      </c>
      <c r="ID21" s="102">
        <v>16</v>
      </c>
      <c r="IE21" s="102">
        <v>8</v>
      </c>
      <c r="IF21" s="102">
        <v>7</v>
      </c>
      <c r="IG21" s="102">
        <v>5</v>
      </c>
      <c r="IH21" s="102">
        <v>3</v>
      </c>
      <c r="II21" s="103">
        <v>39</v>
      </c>
      <c r="IJ21" s="104">
        <v>66</v>
      </c>
      <c r="IK21" s="101">
        <v>20</v>
      </c>
      <c r="IL21" s="102">
        <v>12</v>
      </c>
      <c r="IM21" s="103">
        <v>32</v>
      </c>
      <c r="IN21" s="413">
        <v>0</v>
      </c>
      <c r="IO21" s="102">
        <v>38</v>
      </c>
      <c r="IP21" s="102">
        <v>28</v>
      </c>
      <c r="IQ21" s="102">
        <v>14</v>
      </c>
      <c r="IR21" s="102">
        <v>11</v>
      </c>
      <c r="IS21" s="102">
        <v>8</v>
      </c>
      <c r="IT21" s="103">
        <v>99</v>
      </c>
      <c r="IU21" s="104">
        <v>131</v>
      </c>
      <c r="IV21" s="101">
        <v>29</v>
      </c>
      <c r="IW21" s="102">
        <v>26</v>
      </c>
      <c r="IX21" s="103">
        <v>55</v>
      </c>
      <c r="IY21" s="413">
        <v>0</v>
      </c>
      <c r="IZ21" s="102">
        <v>64</v>
      </c>
      <c r="JA21" s="102">
        <v>39</v>
      </c>
      <c r="JB21" s="102">
        <v>40</v>
      </c>
      <c r="JC21" s="102">
        <v>20</v>
      </c>
      <c r="JD21" s="102">
        <v>9</v>
      </c>
      <c r="JE21" s="103">
        <v>172</v>
      </c>
      <c r="JF21" s="104">
        <v>227</v>
      </c>
      <c r="JG21" s="101">
        <v>19</v>
      </c>
      <c r="JH21" s="102">
        <v>33</v>
      </c>
      <c r="JI21" s="103">
        <v>52</v>
      </c>
      <c r="JJ21" s="413">
        <v>0</v>
      </c>
      <c r="JK21" s="102">
        <v>51</v>
      </c>
      <c r="JL21" s="102">
        <v>47</v>
      </c>
      <c r="JM21" s="102">
        <v>37</v>
      </c>
      <c r="JN21" s="102">
        <v>29</v>
      </c>
      <c r="JO21" s="102">
        <v>23</v>
      </c>
      <c r="JP21" s="103">
        <v>187</v>
      </c>
      <c r="JQ21" s="104">
        <v>239</v>
      </c>
      <c r="JR21" s="101">
        <v>0</v>
      </c>
      <c r="JS21" s="102">
        <v>0</v>
      </c>
      <c r="JT21" s="103">
        <v>0</v>
      </c>
      <c r="JU21" s="413">
        <v>0</v>
      </c>
      <c r="JV21" s="102">
        <v>0</v>
      </c>
      <c r="JW21" s="102">
        <v>0</v>
      </c>
      <c r="JX21" s="102">
        <v>0</v>
      </c>
      <c r="JY21" s="102">
        <v>0</v>
      </c>
      <c r="JZ21" s="102">
        <v>0</v>
      </c>
      <c r="KA21" s="103">
        <v>0</v>
      </c>
      <c r="KB21" s="104">
        <v>0</v>
      </c>
      <c r="KC21" s="101">
        <v>83</v>
      </c>
      <c r="KD21" s="102">
        <v>96</v>
      </c>
      <c r="KE21" s="103">
        <v>179</v>
      </c>
      <c r="KF21" s="413">
        <v>0</v>
      </c>
      <c r="KG21" s="102">
        <v>188</v>
      </c>
      <c r="KH21" s="102">
        <v>129</v>
      </c>
      <c r="KI21" s="102">
        <v>105</v>
      </c>
      <c r="KJ21" s="102">
        <v>71</v>
      </c>
      <c r="KK21" s="102">
        <v>50</v>
      </c>
      <c r="KL21" s="103">
        <v>543</v>
      </c>
      <c r="KM21" s="104">
        <v>722</v>
      </c>
    </row>
    <row r="22" spans="2:299" s="70" customFormat="1" ht="21" customHeight="1" x14ac:dyDescent="0.2">
      <c r="B22" s="106" t="s">
        <v>19</v>
      </c>
      <c r="C22" s="96">
        <v>42</v>
      </c>
      <c r="D22" s="97">
        <v>39</v>
      </c>
      <c r="E22" s="98">
        <v>81</v>
      </c>
      <c r="F22" s="413">
        <v>0</v>
      </c>
      <c r="G22" s="97">
        <v>69</v>
      </c>
      <c r="H22" s="97">
        <v>55</v>
      </c>
      <c r="I22" s="97">
        <v>24</v>
      </c>
      <c r="J22" s="97">
        <v>16</v>
      </c>
      <c r="K22" s="97">
        <v>22</v>
      </c>
      <c r="L22" s="99">
        <v>186</v>
      </c>
      <c r="M22" s="100">
        <v>267</v>
      </c>
      <c r="N22" s="107">
        <v>0</v>
      </c>
      <c r="O22" s="102">
        <v>0</v>
      </c>
      <c r="P22" s="103">
        <v>0</v>
      </c>
      <c r="Q22" s="413">
        <v>0</v>
      </c>
      <c r="R22" s="102">
        <v>1</v>
      </c>
      <c r="S22" s="102">
        <v>1</v>
      </c>
      <c r="T22" s="102">
        <v>1</v>
      </c>
      <c r="U22" s="102">
        <v>1</v>
      </c>
      <c r="V22" s="102">
        <v>0</v>
      </c>
      <c r="W22" s="103">
        <v>4</v>
      </c>
      <c r="X22" s="104">
        <v>4</v>
      </c>
      <c r="Y22" s="101">
        <v>1</v>
      </c>
      <c r="Z22" s="102">
        <v>2</v>
      </c>
      <c r="AA22" s="103">
        <v>3</v>
      </c>
      <c r="AB22" s="413">
        <v>0</v>
      </c>
      <c r="AC22" s="102">
        <v>1</v>
      </c>
      <c r="AD22" s="102">
        <v>6</v>
      </c>
      <c r="AE22" s="102">
        <v>0</v>
      </c>
      <c r="AF22" s="102">
        <v>0</v>
      </c>
      <c r="AG22" s="102">
        <v>1</v>
      </c>
      <c r="AH22" s="103">
        <v>8</v>
      </c>
      <c r="AI22" s="104">
        <v>11</v>
      </c>
      <c r="AJ22" s="107">
        <v>2</v>
      </c>
      <c r="AK22" s="102">
        <v>4</v>
      </c>
      <c r="AL22" s="103">
        <v>6</v>
      </c>
      <c r="AM22" s="413">
        <v>0</v>
      </c>
      <c r="AN22" s="102">
        <v>3</v>
      </c>
      <c r="AO22" s="102">
        <v>4</v>
      </c>
      <c r="AP22" s="102">
        <v>1</v>
      </c>
      <c r="AQ22" s="102">
        <v>0</v>
      </c>
      <c r="AR22" s="102">
        <v>1</v>
      </c>
      <c r="AS22" s="103">
        <v>9</v>
      </c>
      <c r="AT22" s="104">
        <v>15</v>
      </c>
      <c r="AU22" s="101">
        <v>8</v>
      </c>
      <c r="AV22" s="102">
        <v>6</v>
      </c>
      <c r="AW22" s="103">
        <v>14</v>
      </c>
      <c r="AX22" s="413">
        <v>0</v>
      </c>
      <c r="AY22" s="102">
        <v>12</v>
      </c>
      <c r="AZ22" s="102">
        <v>12</v>
      </c>
      <c r="BA22" s="102">
        <v>3</v>
      </c>
      <c r="BB22" s="102">
        <v>4</v>
      </c>
      <c r="BC22" s="102">
        <v>8</v>
      </c>
      <c r="BD22" s="103">
        <v>39</v>
      </c>
      <c r="BE22" s="104">
        <v>53</v>
      </c>
      <c r="BF22" s="107">
        <v>15</v>
      </c>
      <c r="BG22" s="102">
        <v>11</v>
      </c>
      <c r="BH22" s="103">
        <v>26</v>
      </c>
      <c r="BI22" s="413">
        <v>0</v>
      </c>
      <c r="BJ22" s="102">
        <v>26</v>
      </c>
      <c r="BK22" s="102">
        <v>11</v>
      </c>
      <c r="BL22" s="102">
        <v>8</v>
      </c>
      <c r="BM22" s="102">
        <v>8</v>
      </c>
      <c r="BN22" s="102">
        <v>9</v>
      </c>
      <c r="BO22" s="103">
        <v>62</v>
      </c>
      <c r="BP22" s="104">
        <v>88</v>
      </c>
      <c r="BQ22" s="101">
        <v>16</v>
      </c>
      <c r="BR22" s="102">
        <v>16</v>
      </c>
      <c r="BS22" s="103">
        <v>32</v>
      </c>
      <c r="BT22" s="413">
        <v>0</v>
      </c>
      <c r="BU22" s="102">
        <v>26</v>
      </c>
      <c r="BV22" s="102">
        <v>21</v>
      </c>
      <c r="BW22" s="102">
        <v>11</v>
      </c>
      <c r="BX22" s="102">
        <v>3</v>
      </c>
      <c r="BY22" s="102">
        <v>3</v>
      </c>
      <c r="BZ22" s="103">
        <v>64</v>
      </c>
      <c r="CA22" s="104">
        <v>96</v>
      </c>
      <c r="CB22" s="101">
        <v>0</v>
      </c>
      <c r="CC22" s="102">
        <v>0</v>
      </c>
      <c r="CD22" s="103">
        <v>0</v>
      </c>
      <c r="CE22" s="413">
        <v>0</v>
      </c>
      <c r="CF22" s="102">
        <v>0</v>
      </c>
      <c r="CG22" s="102">
        <v>0</v>
      </c>
      <c r="CH22" s="102">
        <v>0</v>
      </c>
      <c r="CI22" s="102">
        <v>0</v>
      </c>
      <c r="CJ22" s="102">
        <v>0</v>
      </c>
      <c r="CK22" s="103">
        <v>0</v>
      </c>
      <c r="CL22" s="104">
        <v>0</v>
      </c>
      <c r="CM22" s="101">
        <v>42</v>
      </c>
      <c r="CN22" s="102">
        <v>39</v>
      </c>
      <c r="CO22" s="103">
        <v>81</v>
      </c>
      <c r="CP22" s="413">
        <v>0</v>
      </c>
      <c r="CQ22" s="102">
        <v>69</v>
      </c>
      <c r="CR22" s="102">
        <v>55</v>
      </c>
      <c r="CS22" s="102">
        <v>24</v>
      </c>
      <c r="CT22" s="102">
        <v>16</v>
      </c>
      <c r="CU22" s="102">
        <v>22</v>
      </c>
      <c r="CV22" s="103">
        <v>186</v>
      </c>
      <c r="CW22" s="104">
        <v>267</v>
      </c>
      <c r="CX22" s="105">
        <v>5</v>
      </c>
      <c r="CY22" s="97">
        <v>4</v>
      </c>
      <c r="CZ22" s="98">
        <v>9</v>
      </c>
      <c r="DA22" s="413">
        <v>0</v>
      </c>
      <c r="DB22" s="97">
        <v>11</v>
      </c>
      <c r="DC22" s="97">
        <v>5</v>
      </c>
      <c r="DD22" s="97">
        <v>7</v>
      </c>
      <c r="DE22" s="97">
        <v>5</v>
      </c>
      <c r="DF22" s="97">
        <v>2</v>
      </c>
      <c r="DG22" s="99">
        <v>30</v>
      </c>
      <c r="DH22" s="100">
        <v>39</v>
      </c>
      <c r="DI22" s="107">
        <v>1</v>
      </c>
      <c r="DJ22" s="102">
        <v>0</v>
      </c>
      <c r="DK22" s="103">
        <v>1</v>
      </c>
      <c r="DL22" s="413">
        <v>0</v>
      </c>
      <c r="DM22" s="102">
        <v>0</v>
      </c>
      <c r="DN22" s="102">
        <v>0</v>
      </c>
      <c r="DO22" s="102">
        <v>0</v>
      </c>
      <c r="DP22" s="102">
        <v>0</v>
      </c>
      <c r="DQ22" s="102">
        <v>0</v>
      </c>
      <c r="DR22" s="103">
        <v>0</v>
      </c>
      <c r="DS22" s="104">
        <v>1</v>
      </c>
      <c r="DT22" s="101">
        <v>0</v>
      </c>
      <c r="DU22" s="102">
        <v>2</v>
      </c>
      <c r="DV22" s="103">
        <v>2</v>
      </c>
      <c r="DW22" s="413">
        <v>0</v>
      </c>
      <c r="DX22" s="102">
        <v>0</v>
      </c>
      <c r="DY22" s="102">
        <v>0</v>
      </c>
      <c r="DZ22" s="102">
        <v>1</v>
      </c>
      <c r="EA22" s="102">
        <v>0</v>
      </c>
      <c r="EB22" s="102">
        <v>0</v>
      </c>
      <c r="EC22" s="103">
        <v>1</v>
      </c>
      <c r="ED22" s="104">
        <v>3</v>
      </c>
      <c r="EE22" s="107">
        <v>1</v>
      </c>
      <c r="EF22" s="102">
        <v>0</v>
      </c>
      <c r="EG22" s="103">
        <v>1</v>
      </c>
      <c r="EH22" s="413">
        <v>0</v>
      </c>
      <c r="EI22" s="102">
        <v>0</v>
      </c>
      <c r="EJ22" s="102">
        <v>0</v>
      </c>
      <c r="EK22" s="102">
        <v>0</v>
      </c>
      <c r="EL22" s="102">
        <v>1</v>
      </c>
      <c r="EM22" s="102">
        <v>0</v>
      </c>
      <c r="EN22" s="103">
        <v>1</v>
      </c>
      <c r="EO22" s="104">
        <v>2</v>
      </c>
      <c r="EP22" s="101">
        <v>3</v>
      </c>
      <c r="EQ22" s="102">
        <v>1</v>
      </c>
      <c r="ER22" s="103">
        <v>4</v>
      </c>
      <c r="ES22" s="413">
        <v>0</v>
      </c>
      <c r="ET22" s="102">
        <v>5</v>
      </c>
      <c r="EU22" s="102">
        <v>2</v>
      </c>
      <c r="EV22" s="102">
        <v>1</v>
      </c>
      <c r="EW22" s="102">
        <v>1</v>
      </c>
      <c r="EX22" s="102">
        <v>0</v>
      </c>
      <c r="EY22" s="103">
        <v>9</v>
      </c>
      <c r="EZ22" s="104">
        <v>13</v>
      </c>
      <c r="FA22" s="107">
        <v>0</v>
      </c>
      <c r="FB22" s="102">
        <v>1</v>
      </c>
      <c r="FC22" s="103">
        <v>1</v>
      </c>
      <c r="FD22" s="413">
        <v>0</v>
      </c>
      <c r="FE22" s="102">
        <v>3</v>
      </c>
      <c r="FF22" s="102">
        <v>1</v>
      </c>
      <c r="FG22" s="102">
        <v>1</v>
      </c>
      <c r="FH22" s="102">
        <v>2</v>
      </c>
      <c r="FI22" s="102">
        <v>2</v>
      </c>
      <c r="FJ22" s="103">
        <v>9</v>
      </c>
      <c r="FK22" s="104">
        <v>10</v>
      </c>
      <c r="FL22" s="101">
        <v>0</v>
      </c>
      <c r="FM22" s="102">
        <v>0</v>
      </c>
      <c r="FN22" s="103">
        <v>0</v>
      </c>
      <c r="FO22" s="413">
        <v>0</v>
      </c>
      <c r="FP22" s="102">
        <v>3</v>
      </c>
      <c r="FQ22" s="102">
        <v>2</v>
      </c>
      <c r="FR22" s="102">
        <v>4</v>
      </c>
      <c r="FS22" s="102">
        <v>1</v>
      </c>
      <c r="FT22" s="102">
        <v>0</v>
      </c>
      <c r="FU22" s="103">
        <v>10</v>
      </c>
      <c r="FV22" s="104">
        <v>10</v>
      </c>
      <c r="FW22" s="101">
        <v>0</v>
      </c>
      <c r="FX22" s="102">
        <v>0</v>
      </c>
      <c r="FY22" s="103">
        <v>0</v>
      </c>
      <c r="FZ22" s="413">
        <v>0</v>
      </c>
      <c r="GA22" s="102">
        <v>0</v>
      </c>
      <c r="GB22" s="102">
        <v>0</v>
      </c>
      <c r="GC22" s="102">
        <v>0</v>
      </c>
      <c r="GD22" s="102">
        <v>0</v>
      </c>
      <c r="GE22" s="102">
        <v>0</v>
      </c>
      <c r="GF22" s="103">
        <v>0</v>
      </c>
      <c r="GG22" s="104">
        <v>0</v>
      </c>
      <c r="GH22" s="101">
        <v>5</v>
      </c>
      <c r="GI22" s="102">
        <v>4</v>
      </c>
      <c r="GJ22" s="103">
        <v>9</v>
      </c>
      <c r="GK22" s="413">
        <v>0</v>
      </c>
      <c r="GL22" s="102">
        <v>11</v>
      </c>
      <c r="GM22" s="102">
        <v>5</v>
      </c>
      <c r="GN22" s="102">
        <v>7</v>
      </c>
      <c r="GO22" s="102">
        <v>5</v>
      </c>
      <c r="GP22" s="102">
        <v>2</v>
      </c>
      <c r="GQ22" s="103">
        <v>30</v>
      </c>
      <c r="GR22" s="104">
        <v>39</v>
      </c>
      <c r="GS22" s="105">
        <v>47</v>
      </c>
      <c r="GT22" s="97">
        <v>43</v>
      </c>
      <c r="GU22" s="98">
        <v>90</v>
      </c>
      <c r="GV22" s="413">
        <v>0</v>
      </c>
      <c r="GW22" s="97">
        <v>80</v>
      </c>
      <c r="GX22" s="97">
        <v>60</v>
      </c>
      <c r="GY22" s="97">
        <v>31</v>
      </c>
      <c r="GZ22" s="97">
        <v>21</v>
      </c>
      <c r="HA22" s="97">
        <v>24</v>
      </c>
      <c r="HB22" s="99">
        <v>216</v>
      </c>
      <c r="HC22" s="100">
        <v>306</v>
      </c>
      <c r="HD22" s="107">
        <v>1</v>
      </c>
      <c r="HE22" s="102">
        <v>0</v>
      </c>
      <c r="HF22" s="103">
        <v>1</v>
      </c>
      <c r="HG22" s="413">
        <v>0</v>
      </c>
      <c r="HH22" s="102">
        <v>1</v>
      </c>
      <c r="HI22" s="102">
        <v>1</v>
      </c>
      <c r="HJ22" s="102">
        <v>1</v>
      </c>
      <c r="HK22" s="102">
        <v>1</v>
      </c>
      <c r="HL22" s="102">
        <v>0</v>
      </c>
      <c r="HM22" s="103">
        <v>4</v>
      </c>
      <c r="HN22" s="104">
        <v>5</v>
      </c>
      <c r="HO22" s="101">
        <v>1</v>
      </c>
      <c r="HP22" s="102">
        <v>4</v>
      </c>
      <c r="HQ22" s="103">
        <v>5</v>
      </c>
      <c r="HR22" s="413">
        <v>0</v>
      </c>
      <c r="HS22" s="102">
        <v>1</v>
      </c>
      <c r="HT22" s="102">
        <v>6</v>
      </c>
      <c r="HU22" s="102">
        <v>1</v>
      </c>
      <c r="HV22" s="102">
        <v>0</v>
      </c>
      <c r="HW22" s="102">
        <v>1</v>
      </c>
      <c r="HX22" s="103">
        <v>9</v>
      </c>
      <c r="HY22" s="104">
        <v>14</v>
      </c>
      <c r="HZ22" s="107">
        <v>3</v>
      </c>
      <c r="IA22" s="102">
        <v>4</v>
      </c>
      <c r="IB22" s="103">
        <v>7</v>
      </c>
      <c r="IC22" s="413">
        <v>0</v>
      </c>
      <c r="ID22" s="102">
        <v>3</v>
      </c>
      <c r="IE22" s="102">
        <v>4</v>
      </c>
      <c r="IF22" s="102">
        <v>1</v>
      </c>
      <c r="IG22" s="102">
        <v>1</v>
      </c>
      <c r="IH22" s="102">
        <v>1</v>
      </c>
      <c r="II22" s="103">
        <v>10</v>
      </c>
      <c r="IJ22" s="104">
        <v>17</v>
      </c>
      <c r="IK22" s="101">
        <v>11</v>
      </c>
      <c r="IL22" s="102">
        <v>7</v>
      </c>
      <c r="IM22" s="103">
        <v>18</v>
      </c>
      <c r="IN22" s="413">
        <v>0</v>
      </c>
      <c r="IO22" s="102">
        <v>17</v>
      </c>
      <c r="IP22" s="102">
        <v>14</v>
      </c>
      <c r="IQ22" s="102">
        <v>4</v>
      </c>
      <c r="IR22" s="102">
        <v>5</v>
      </c>
      <c r="IS22" s="102">
        <v>8</v>
      </c>
      <c r="IT22" s="103">
        <v>48</v>
      </c>
      <c r="IU22" s="104">
        <v>66</v>
      </c>
      <c r="IV22" s="107">
        <v>15</v>
      </c>
      <c r="IW22" s="102">
        <v>12</v>
      </c>
      <c r="IX22" s="103">
        <v>27</v>
      </c>
      <c r="IY22" s="413">
        <v>0</v>
      </c>
      <c r="IZ22" s="102">
        <v>29</v>
      </c>
      <c r="JA22" s="102">
        <v>12</v>
      </c>
      <c r="JB22" s="102">
        <v>9</v>
      </c>
      <c r="JC22" s="102">
        <v>10</v>
      </c>
      <c r="JD22" s="102">
        <v>11</v>
      </c>
      <c r="JE22" s="103">
        <v>71</v>
      </c>
      <c r="JF22" s="104">
        <v>98</v>
      </c>
      <c r="JG22" s="101">
        <v>16</v>
      </c>
      <c r="JH22" s="102">
        <v>16</v>
      </c>
      <c r="JI22" s="103">
        <v>32</v>
      </c>
      <c r="JJ22" s="413">
        <v>0</v>
      </c>
      <c r="JK22" s="102">
        <v>29</v>
      </c>
      <c r="JL22" s="102">
        <v>23</v>
      </c>
      <c r="JM22" s="102">
        <v>15</v>
      </c>
      <c r="JN22" s="102">
        <v>4</v>
      </c>
      <c r="JO22" s="102">
        <v>3</v>
      </c>
      <c r="JP22" s="103">
        <v>74</v>
      </c>
      <c r="JQ22" s="104">
        <v>106</v>
      </c>
      <c r="JR22" s="101">
        <v>0</v>
      </c>
      <c r="JS22" s="102">
        <v>0</v>
      </c>
      <c r="JT22" s="103">
        <v>0</v>
      </c>
      <c r="JU22" s="413">
        <v>0</v>
      </c>
      <c r="JV22" s="102">
        <v>0</v>
      </c>
      <c r="JW22" s="102">
        <v>0</v>
      </c>
      <c r="JX22" s="102">
        <v>0</v>
      </c>
      <c r="JY22" s="102">
        <v>0</v>
      </c>
      <c r="JZ22" s="102">
        <v>0</v>
      </c>
      <c r="KA22" s="103">
        <v>0</v>
      </c>
      <c r="KB22" s="104">
        <v>0</v>
      </c>
      <c r="KC22" s="101">
        <v>47</v>
      </c>
      <c r="KD22" s="102">
        <v>43</v>
      </c>
      <c r="KE22" s="103">
        <v>90</v>
      </c>
      <c r="KF22" s="413">
        <v>0</v>
      </c>
      <c r="KG22" s="102">
        <v>80</v>
      </c>
      <c r="KH22" s="102">
        <v>60</v>
      </c>
      <c r="KI22" s="102">
        <v>31</v>
      </c>
      <c r="KJ22" s="102">
        <v>21</v>
      </c>
      <c r="KK22" s="102">
        <v>24</v>
      </c>
      <c r="KL22" s="103">
        <v>216</v>
      </c>
      <c r="KM22" s="104">
        <v>306</v>
      </c>
    </row>
    <row r="23" spans="2:299" s="70" customFormat="1" ht="21" customHeight="1" x14ac:dyDescent="0.2">
      <c r="B23" s="106" t="s">
        <v>20</v>
      </c>
      <c r="C23" s="96">
        <v>69</v>
      </c>
      <c r="D23" s="97">
        <v>59</v>
      </c>
      <c r="E23" s="98">
        <v>128</v>
      </c>
      <c r="F23" s="413">
        <v>0</v>
      </c>
      <c r="G23" s="97">
        <v>135</v>
      </c>
      <c r="H23" s="97">
        <v>91</v>
      </c>
      <c r="I23" s="97">
        <v>51</v>
      </c>
      <c r="J23" s="97">
        <v>34</v>
      </c>
      <c r="K23" s="97">
        <v>17</v>
      </c>
      <c r="L23" s="99">
        <v>328</v>
      </c>
      <c r="M23" s="100">
        <v>456</v>
      </c>
      <c r="N23" s="101">
        <v>1</v>
      </c>
      <c r="O23" s="102">
        <v>1</v>
      </c>
      <c r="P23" s="103">
        <v>2</v>
      </c>
      <c r="Q23" s="413">
        <v>0</v>
      </c>
      <c r="R23" s="102">
        <v>4</v>
      </c>
      <c r="S23" s="102">
        <v>0</v>
      </c>
      <c r="T23" s="102">
        <v>3</v>
      </c>
      <c r="U23" s="102">
        <v>1</v>
      </c>
      <c r="V23" s="102">
        <v>0</v>
      </c>
      <c r="W23" s="103">
        <v>8</v>
      </c>
      <c r="X23" s="104">
        <v>10</v>
      </c>
      <c r="Y23" s="101">
        <v>3</v>
      </c>
      <c r="Z23" s="102">
        <v>3</v>
      </c>
      <c r="AA23" s="103">
        <v>6</v>
      </c>
      <c r="AB23" s="413">
        <v>0</v>
      </c>
      <c r="AC23" s="102">
        <v>6</v>
      </c>
      <c r="AD23" s="102">
        <v>3</v>
      </c>
      <c r="AE23" s="102">
        <v>2</v>
      </c>
      <c r="AF23" s="102">
        <v>3</v>
      </c>
      <c r="AG23" s="102">
        <v>0</v>
      </c>
      <c r="AH23" s="103">
        <v>14</v>
      </c>
      <c r="AI23" s="104">
        <v>20</v>
      </c>
      <c r="AJ23" s="101">
        <v>7</v>
      </c>
      <c r="AK23" s="102">
        <v>5</v>
      </c>
      <c r="AL23" s="103">
        <v>12</v>
      </c>
      <c r="AM23" s="413">
        <v>0</v>
      </c>
      <c r="AN23" s="102">
        <v>13</v>
      </c>
      <c r="AO23" s="102">
        <v>6</v>
      </c>
      <c r="AP23" s="102">
        <v>7</v>
      </c>
      <c r="AQ23" s="102">
        <v>3</v>
      </c>
      <c r="AR23" s="102">
        <v>1</v>
      </c>
      <c r="AS23" s="103">
        <v>30</v>
      </c>
      <c r="AT23" s="104">
        <v>42</v>
      </c>
      <c r="AU23" s="101">
        <v>17</v>
      </c>
      <c r="AV23" s="102">
        <v>13</v>
      </c>
      <c r="AW23" s="103">
        <v>30</v>
      </c>
      <c r="AX23" s="413">
        <v>0</v>
      </c>
      <c r="AY23" s="102">
        <v>36</v>
      </c>
      <c r="AZ23" s="102">
        <v>20</v>
      </c>
      <c r="BA23" s="102">
        <v>8</v>
      </c>
      <c r="BB23" s="102">
        <v>8</v>
      </c>
      <c r="BC23" s="102">
        <v>7</v>
      </c>
      <c r="BD23" s="103">
        <v>79</v>
      </c>
      <c r="BE23" s="104">
        <v>109</v>
      </c>
      <c r="BF23" s="101">
        <v>22</v>
      </c>
      <c r="BG23" s="102">
        <v>19</v>
      </c>
      <c r="BH23" s="103">
        <v>41</v>
      </c>
      <c r="BI23" s="413">
        <v>0</v>
      </c>
      <c r="BJ23" s="102">
        <v>47</v>
      </c>
      <c r="BK23" s="102">
        <v>32</v>
      </c>
      <c r="BL23" s="102">
        <v>15</v>
      </c>
      <c r="BM23" s="102">
        <v>10</v>
      </c>
      <c r="BN23" s="102">
        <v>5</v>
      </c>
      <c r="BO23" s="103">
        <v>109</v>
      </c>
      <c r="BP23" s="104">
        <v>150</v>
      </c>
      <c r="BQ23" s="101">
        <v>19</v>
      </c>
      <c r="BR23" s="102">
        <v>18</v>
      </c>
      <c r="BS23" s="103">
        <v>37</v>
      </c>
      <c r="BT23" s="413">
        <v>0</v>
      </c>
      <c r="BU23" s="102">
        <v>29</v>
      </c>
      <c r="BV23" s="102">
        <v>30</v>
      </c>
      <c r="BW23" s="102">
        <v>16</v>
      </c>
      <c r="BX23" s="102">
        <v>9</v>
      </c>
      <c r="BY23" s="102">
        <v>4</v>
      </c>
      <c r="BZ23" s="103">
        <v>88</v>
      </c>
      <c r="CA23" s="104">
        <v>125</v>
      </c>
      <c r="CB23" s="101">
        <v>0</v>
      </c>
      <c r="CC23" s="102">
        <v>0</v>
      </c>
      <c r="CD23" s="103">
        <v>0</v>
      </c>
      <c r="CE23" s="413">
        <v>0</v>
      </c>
      <c r="CF23" s="102">
        <v>0</v>
      </c>
      <c r="CG23" s="102">
        <v>0</v>
      </c>
      <c r="CH23" s="102">
        <v>0</v>
      </c>
      <c r="CI23" s="102">
        <v>0</v>
      </c>
      <c r="CJ23" s="102">
        <v>0</v>
      </c>
      <c r="CK23" s="103">
        <v>0</v>
      </c>
      <c r="CL23" s="104">
        <v>0</v>
      </c>
      <c r="CM23" s="101">
        <v>69</v>
      </c>
      <c r="CN23" s="102">
        <v>59</v>
      </c>
      <c r="CO23" s="103">
        <v>128</v>
      </c>
      <c r="CP23" s="413">
        <v>0</v>
      </c>
      <c r="CQ23" s="102">
        <v>135</v>
      </c>
      <c r="CR23" s="102">
        <v>91</v>
      </c>
      <c r="CS23" s="102">
        <v>51</v>
      </c>
      <c r="CT23" s="102">
        <v>34</v>
      </c>
      <c r="CU23" s="102">
        <v>17</v>
      </c>
      <c r="CV23" s="103">
        <v>328</v>
      </c>
      <c r="CW23" s="104">
        <v>456</v>
      </c>
      <c r="CX23" s="105">
        <v>8</v>
      </c>
      <c r="CY23" s="97">
        <v>8</v>
      </c>
      <c r="CZ23" s="98">
        <v>16</v>
      </c>
      <c r="DA23" s="413">
        <v>0</v>
      </c>
      <c r="DB23" s="97">
        <v>18</v>
      </c>
      <c r="DC23" s="97">
        <v>3</v>
      </c>
      <c r="DD23" s="97">
        <v>6</v>
      </c>
      <c r="DE23" s="97">
        <v>5</v>
      </c>
      <c r="DF23" s="97">
        <v>4</v>
      </c>
      <c r="DG23" s="99">
        <v>36</v>
      </c>
      <c r="DH23" s="100">
        <v>52</v>
      </c>
      <c r="DI23" s="101">
        <v>0</v>
      </c>
      <c r="DJ23" s="102">
        <v>1</v>
      </c>
      <c r="DK23" s="103">
        <v>1</v>
      </c>
      <c r="DL23" s="413">
        <v>0</v>
      </c>
      <c r="DM23" s="102">
        <v>0</v>
      </c>
      <c r="DN23" s="102">
        <v>0</v>
      </c>
      <c r="DO23" s="102">
        <v>0</v>
      </c>
      <c r="DP23" s="102">
        <v>0</v>
      </c>
      <c r="DQ23" s="102">
        <v>0</v>
      </c>
      <c r="DR23" s="103">
        <v>0</v>
      </c>
      <c r="DS23" s="104">
        <v>1</v>
      </c>
      <c r="DT23" s="101">
        <v>1</v>
      </c>
      <c r="DU23" s="102">
        <v>0</v>
      </c>
      <c r="DV23" s="103">
        <v>1</v>
      </c>
      <c r="DW23" s="413">
        <v>0</v>
      </c>
      <c r="DX23" s="102">
        <v>0</v>
      </c>
      <c r="DY23" s="102">
        <v>0</v>
      </c>
      <c r="DZ23" s="102">
        <v>0</v>
      </c>
      <c r="EA23" s="102">
        <v>0</v>
      </c>
      <c r="EB23" s="102">
        <v>0</v>
      </c>
      <c r="EC23" s="103">
        <v>0</v>
      </c>
      <c r="ED23" s="104">
        <v>1</v>
      </c>
      <c r="EE23" s="101">
        <v>2</v>
      </c>
      <c r="EF23" s="102">
        <v>0</v>
      </c>
      <c r="EG23" s="103">
        <v>2</v>
      </c>
      <c r="EH23" s="413">
        <v>0</v>
      </c>
      <c r="EI23" s="102">
        <v>4</v>
      </c>
      <c r="EJ23" s="102">
        <v>1</v>
      </c>
      <c r="EK23" s="102">
        <v>3</v>
      </c>
      <c r="EL23" s="102">
        <v>0</v>
      </c>
      <c r="EM23" s="102">
        <v>0</v>
      </c>
      <c r="EN23" s="103">
        <v>8</v>
      </c>
      <c r="EO23" s="104">
        <v>10</v>
      </c>
      <c r="EP23" s="101">
        <v>4</v>
      </c>
      <c r="EQ23" s="102">
        <v>3</v>
      </c>
      <c r="ER23" s="103">
        <v>7</v>
      </c>
      <c r="ES23" s="413">
        <v>0</v>
      </c>
      <c r="ET23" s="102">
        <v>4</v>
      </c>
      <c r="EU23" s="102">
        <v>1</v>
      </c>
      <c r="EV23" s="102">
        <v>2</v>
      </c>
      <c r="EW23" s="102">
        <v>0</v>
      </c>
      <c r="EX23" s="102">
        <v>0</v>
      </c>
      <c r="EY23" s="103">
        <v>7</v>
      </c>
      <c r="EZ23" s="104">
        <v>14</v>
      </c>
      <c r="FA23" s="101">
        <v>1</v>
      </c>
      <c r="FB23" s="102">
        <v>3</v>
      </c>
      <c r="FC23" s="103">
        <v>4</v>
      </c>
      <c r="FD23" s="413">
        <v>0</v>
      </c>
      <c r="FE23" s="102">
        <v>3</v>
      </c>
      <c r="FF23" s="102">
        <v>0</v>
      </c>
      <c r="FG23" s="102">
        <v>0</v>
      </c>
      <c r="FH23" s="102">
        <v>3</v>
      </c>
      <c r="FI23" s="102">
        <v>2</v>
      </c>
      <c r="FJ23" s="103">
        <v>8</v>
      </c>
      <c r="FK23" s="104">
        <v>12</v>
      </c>
      <c r="FL23" s="101">
        <v>0</v>
      </c>
      <c r="FM23" s="102">
        <v>1</v>
      </c>
      <c r="FN23" s="103">
        <v>1</v>
      </c>
      <c r="FO23" s="413">
        <v>0</v>
      </c>
      <c r="FP23" s="102">
        <v>7</v>
      </c>
      <c r="FQ23" s="102">
        <v>1</v>
      </c>
      <c r="FR23" s="102">
        <v>1</v>
      </c>
      <c r="FS23" s="102">
        <v>2</v>
      </c>
      <c r="FT23" s="102">
        <v>2</v>
      </c>
      <c r="FU23" s="103">
        <v>13</v>
      </c>
      <c r="FV23" s="104">
        <v>14</v>
      </c>
      <c r="FW23" s="101">
        <v>0</v>
      </c>
      <c r="FX23" s="102">
        <v>0</v>
      </c>
      <c r="FY23" s="103">
        <v>0</v>
      </c>
      <c r="FZ23" s="413">
        <v>0</v>
      </c>
      <c r="GA23" s="102">
        <v>0</v>
      </c>
      <c r="GB23" s="102">
        <v>0</v>
      </c>
      <c r="GC23" s="102">
        <v>0</v>
      </c>
      <c r="GD23" s="102">
        <v>0</v>
      </c>
      <c r="GE23" s="102">
        <v>0</v>
      </c>
      <c r="GF23" s="103">
        <v>0</v>
      </c>
      <c r="GG23" s="104">
        <v>0</v>
      </c>
      <c r="GH23" s="101">
        <v>8</v>
      </c>
      <c r="GI23" s="102">
        <v>8</v>
      </c>
      <c r="GJ23" s="103">
        <v>16</v>
      </c>
      <c r="GK23" s="413">
        <v>0</v>
      </c>
      <c r="GL23" s="102">
        <v>18</v>
      </c>
      <c r="GM23" s="102">
        <v>3</v>
      </c>
      <c r="GN23" s="102">
        <v>6</v>
      </c>
      <c r="GO23" s="102">
        <v>5</v>
      </c>
      <c r="GP23" s="102">
        <v>4</v>
      </c>
      <c r="GQ23" s="103">
        <v>36</v>
      </c>
      <c r="GR23" s="104">
        <v>52</v>
      </c>
      <c r="GS23" s="105">
        <v>77</v>
      </c>
      <c r="GT23" s="97">
        <v>67</v>
      </c>
      <c r="GU23" s="98">
        <v>144</v>
      </c>
      <c r="GV23" s="413">
        <v>0</v>
      </c>
      <c r="GW23" s="97">
        <v>153</v>
      </c>
      <c r="GX23" s="97">
        <v>94</v>
      </c>
      <c r="GY23" s="97">
        <v>57</v>
      </c>
      <c r="GZ23" s="97">
        <v>39</v>
      </c>
      <c r="HA23" s="97">
        <v>21</v>
      </c>
      <c r="HB23" s="99">
        <v>364</v>
      </c>
      <c r="HC23" s="100">
        <v>508</v>
      </c>
      <c r="HD23" s="101">
        <v>1</v>
      </c>
      <c r="HE23" s="102">
        <v>2</v>
      </c>
      <c r="HF23" s="103">
        <v>3</v>
      </c>
      <c r="HG23" s="413">
        <v>0</v>
      </c>
      <c r="HH23" s="102">
        <v>4</v>
      </c>
      <c r="HI23" s="102">
        <v>0</v>
      </c>
      <c r="HJ23" s="102">
        <v>3</v>
      </c>
      <c r="HK23" s="102">
        <v>1</v>
      </c>
      <c r="HL23" s="102">
        <v>0</v>
      </c>
      <c r="HM23" s="103">
        <v>8</v>
      </c>
      <c r="HN23" s="104">
        <v>11</v>
      </c>
      <c r="HO23" s="101">
        <v>4</v>
      </c>
      <c r="HP23" s="102">
        <v>3</v>
      </c>
      <c r="HQ23" s="103">
        <v>7</v>
      </c>
      <c r="HR23" s="413">
        <v>0</v>
      </c>
      <c r="HS23" s="102">
        <v>6</v>
      </c>
      <c r="HT23" s="102">
        <v>3</v>
      </c>
      <c r="HU23" s="102">
        <v>2</v>
      </c>
      <c r="HV23" s="102">
        <v>3</v>
      </c>
      <c r="HW23" s="102">
        <v>0</v>
      </c>
      <c r="HX23" s="103">
        <v>14</v>
      </c>
      <c r="HY23" s="104">
        <v>21</v>
      </c>
      <c r="HZ23" s="101">
        <v>9</v>
      </c>
      <c r="IA23" s="102">
        <v>5</v>
      </c>
      <c r="IB23" s="103">
        <v>14</v>
      </c>
      <c r="IC23" s="413">
        <v>0</v>
      </c>
      <c r="ID23" s="102">
        <v>17</v>
      </c>
      <c r="IE23" s="102">
        <v>7</v>
      </c>
      <c r="IF23" s="102">
        <v>10</v>
      </c>
      <c r="IG23" s="102">
        <v>3</v>
      </c>
      <c r="IH23" s="102">
        <v>1</v>
      </c>
      <c r="II23" s="103">
        <v>38</v>
      </c>
      <c r="IJ23" s="104">
        <v>52</v>
      </c>
      <c r="IK23" s="101">
        <v>21</v>
      </c>
      <c r="IL23" s="102">
        <v>16</v>
      </c>
      <c r="IM23" s="103">
        <v>37</v>
      </c>
      <c r="IN23" s="413">
        <v>0</v>
      </c>
      <c r="IO23" s="102">
        <v>40</v>
      </c>
      <c r="IP23" s="102">
        <v>21</v>
      </c>
      <c r="IQ23" s="102">
        <v>10</v>
      </c>
      <c r="IR23" s="102">
        <v>8</v>
      </c>
      <c r="IS23" s="102">
        <v>7</v>
      </c>
      <c r="IT23" s="103">
        <v>86</v>
      </c>
      <c r="IU23" s="104">
        <v>123</v>
      </c>
      <c r="IV23" s="101">
        <v>23</v>
      </c>
      <c r="IW23" s="102">
        <v>22</v>
      </c>
      <c r="IX23" s="103">
        <v>45</v>
      </c>
      <c r="IY23" s="413">
        <v>0</v>
      </c>
      <c r="IZ23" s="102">
        <v>50</v>
      </c>
      <c r="JA23" s="102">
        <v>32</v>
      </c>
      <c r="JB23" s="102">
        <v>15</v>
      </c>
      <c r="JC23" s="102">
        <v>13</v>
      </c>
      <c r="JD23" s="102">
        <v>7</v>
      </c>
      <c r="JE23" s="103">
        <v>117</v>
      </c>
      <c r="JF23" s="104">
        <v>162</v>
      </c>
      <c r="JG23" s="101">
        <v>19</v>
      </c>
      <c r="JH23" s="102">
        <v>19</v>
      </c>
      <c r="JI23" s="103">
        <v>38</v>
      </c>
      <c r="JJ23" s="413">
        <v>0</v>
      </c>
      <c r="JK23" s="102">
        <v>36</v>
      </c>
      <c r="JL23" s="102">
        <v>31</v>
      </c>
      <c r="JM23" s="102">
        <v>17</v>
      </c>
      <c r="JN23" s="102">
        <v>11</v>
      </c>
      <c r="JO23" s="102">
        <v>6</v>
      </c>
      <c r="JP23" s="103">
        <v>101</v>
      </c>
      <c r="JQ23" s="104">
        <v>139</v>
      </c>
      <c r="JR23" s="101">
        <v>0</v>
      </c>
      <c r="JS23" s="102">
        <v>0</v>
      </c>
      <c r="JT23" s="103">
        <v>0</v>
      </c>
      <c r="JU23" s="413">
        <v>0</v>
      </c>
      <c r="JV23" s="102">
        <v>0</v>
      </c>
      <c r="JW23" s="102">
        <v>0</v>
      </c>
      <c r="JX23" s="102">
        <v>0</v>
      </c>
      <c r="JY23" s="102">
        <v>0</v>
      </c>
      <c r="JZ23" s="102">
        <v>0</v>
      </c>
      <c r="KA23" s="103">
        <v>0</v>
      </c>
      <c r="KB23" s="104">
        <v>0</v>
      </c>
      <c r="KC23" s="101">
        <v>77</v>
      </c>
      <c r="KD23" s="102">
        <v>67</v>
      </c>
      <c r="KE23" s="103">
        <v>144</v>
      </c>
      <c r="KF23" s="413">
        <v>0</v>
      </c>
      <c r="KG23" s="102">
        <v>153</v>
      </c>
      <c r="KH23" s="102">
        <v>94</v>
      </c>
      <c r="KI23" s="102">
        <v>57</v>
      </c>
      <c r="KJ23" s="102">
        <v>39</v>
      </c>
      <c r="KK23" s="102">
        <v>21</v>
      </c>
      <c r="KL23" s="103">
        <v>364</v>
      </c>
      <c r="KM23" s="104">
        <v>508</v>
      </c>
    </row>
    <row r="24" spans="2:299" s="70" customFormat="1" ht="21" customHeight="1" x14ac:dyDescent="0.2">
      <c r="B24" s="106" t="s">
        <v>21</v>
      </c>
      <c r="C24" s="96">
        <v>52</v>
      </c>
      <c r="D24" s="97">
        <v>53</v>
      </c>
      <c r="E24" s="98">
        <v>105</v>
      </c>
      <c r="F24" s="413">
        <v>0</v>
      </c>
      <c r="G24" s="97">
        <v>75</v>
      </c>
      <c r="H24" s="97">
        <v>65</v>
      </c>
      <c r="I24" s="97">
        <v>34</v>
      </c>
      <c r="J24" s="97">
        <v>22</v>
      </c>
      <c r="K24" s="97">
        <v>15</v>
      </c>
      <c r="L24" s="99">
        <v>211</v>
      </c>
      <c r="M24" s="100">
        <v>316</v>
      </c>
      <c r="N24" s="101">
        <v>2</v>
      </c>
      <c r="O24" s="102">
        <v>0</v>
      </c>
      <c r="P24" s="103">
        <v>2</v>
      </c>
      <c r="Q24" s="413">
        <v>0</v>
      </c>
      <c r="R24" s="102">
        <v>2</v>
      </c>
      <c r="S24" s="102">
        <v>3</v>
      </c>
      <c r="T24" s="102">
        <v>1</v>
      </c>
      <c r="U24" s="102">
        <v>0</v>
      </c>
      <c r="V24" s="102">
        <v>2</v>
      </c>
      <c r="W24" s="103">
        <v>8</v>
      </c>
      <c r="X24" s="104">
        <v>10</v>
      </c>
      <c r="Y24" s="101">
        <v>2</v>
      </c>
      <c r="Z24" s="102">
        <v>2</v>
      </c>
      <c r="AA24" s="103">
        <v>4</v>
      </c>
      <c r="AB24" s="413">
        <v>0</v>
      </c>
      <c r="AC24" s="102">
        <v>2</v>
      </c>
      <c r="AD24" s="102">
        <v>2</v>
      </c>
      <c r="AE24" s="102">
        <v>2</v>
      </c>
      <c r="AF24" s="102">
        <v>0</v>
      </c>
      <c r="AG24" s="102">
        <v>0</v>
      </c>
      <c r="AH24" s="103">
        <v>6</v>
      </c>
      <c r="AI24" s="104">
        <v>10</v>
      </c>
      <c r="AJ24" s="101">
        <v>6</v>
      </c>
      <c r="AK24" s="102">
        <v>7</v>
      </c>
      <c r="AL24" s="103">
        <v>13</v>
      </c>
      <c r="AM24" s="413">
        <v>0</v>
      </c>
      <c r="AN24" s="102">
        <v>8</v>
      </c>
      <c r="AO24" s="102">
        <v>8</v>
      </c>
      <c r="AP24" s="102">
        <v>3</v>
      </c>
      <c r="AQ24" s="102">
        <v>2</v>
      </c>
      <c r="AR24" s="102">
        <v>0</v>
      </c>
      <c r="AS24" s="103">
        <v>21</v>
      </c>
      <c r="AT24" s="104">
        <v>34</v>
      </c>
      <c r="AU24" s="101">
        <v>9</v>
      </c>
      <c r="AV24" s="102">
        <v>11</v>
      </c>
      <c r="AW24" s="103">
        <v>20</v>
      </c>
      <c r="AX24" s="413">
        <v>0</v>
      </c>
      <c r="AY24" s="102">
        <v>12</v>
      </c>
      <c r="AZ24" s="102">
        <v>15</v>
      </c>
      <c r="BA24" s="102">
        <v>9</v>
      </c>
      <c r="BB24" s="102">
        <v>7</v>
      </c>
      <c r="BC24" s="102">
        <v>3</v>
      </c>
      <c r="BD24" s="103">
        <v>46</v>
      </c>
      <c r="BE24" s="104">
        <v>66</v>
      </c>
      <c r="BF24" s="101">
        <v>16</v>
      </c>
      <c r="BG24" s="102">
        <v>16</v>
      </c>
      <c r="BH24" s="103">
        <v>32</v>
      </c>
      <c r="BI24" s="413">
        <v>0</v>
      </c>
      <c r="BJ24" s="102">
        <v>27</v>
      </c>
      <c r="BK24" s="102">
        <v>19</v>
      </c>
      <c r="BL24" s="102">
        <v>10</v>
      </c>
      <c r="BM24" s="102">
        <v>6</v>
      </c>
      <c r="BN24" s="102">
        <v>4</v>
      </c>
      <c r="BO24" s="103">
        <v>66</v>
      </c>
      <c r="BP24" s="104">
        <v>98</v>
      </c>
      <c r="BQ24" s="101">
        <v>17</v>
      </c>
      <c r="BR24" s="102">
        <v>17</v>
      </c>
      <c r="BS24" s="103">
        <v>34</v>
      </c>
      <c r="BT24" s="413">
        <v>0</v>
      </c>
      <c r="BU24" s="102">
        <v>24</v>
      </c>
      <c r="BV24" s="102">
        <v>18</v>
      </c>
      <c r="BW24" s="102">
        <v>9</v>
      </c>
      <c r="BX24" s="102">
        <v>7</v>
      </c>
      <c r="BY24" s="102">
        <v>6</v>
      </c>
      <c r="BZ24" s="103">
        <v>64</v>
      </c>
      <c r="CA24" s="104">
        <v>98</v>
      </c>
      <c r="CB24" s="101">
        <v>0</v>
      </c>
      <c r="CC24" s="102">
        <v>0</v>
      </c>
      <c r="CD24" s="103">
        <v>0</v>
      </c>
      <c r="CE24" s="413">
        <v>0</v>
      </c>
      <c r="CF24" s="102">
        <v>0</v>
      </c>
      <c r="CG24" s="102">
        <v>0</v>
      </c>
      <c r="CH24" s="102">
        <v>0</v>
      </c>
      <c r="CI24" s="102">
        <v>0</v>
      </c>
      <c r="CJ24" s="102">
        <v>0</v>
      </c>
      <c r="CK24" s="103">
        <v>0</v>
      </c>
      <c r="CL24" s="104">
        <v>0</v>
      </c>
      <c r="CM24" s="101">
        <v>52</v>
      </c>
      <c r="CN24" s="102">
        <v>53</v>
      </c>
      <c r="CO24" s="103">
        <v>105</v>
      </c>
      <c r="CP24" s="413">
        <v>0</v>
      </c>
      <c r="CQ24" s="102">
        <v>75</v>
      </c>
      <c r="CR24" s="102">
        <v>65</v>
      </c>
      <c r="CS24" s="102">
        <v>34</v>
      </c>
      <c r="CT24" s="102">
        <v>22</v>
      </c>
      <c r="CU24" s="102">
        <v>15</v>
      </c>
      <c r="CV24" s="103">
        <v>211</v>
      </c>
      <c r="CW24" s="104">
        <v>316</v>
      </c>
      <c r="CX24" s="105">
        <v>5</v>
      </c>
      <c r="CY24" s="97">
        <v>5</v>
      </c>
      <c r="CZ24" s="98">
        <v>10</v>
      </c>
      <c r="DA24" s="413">
        <v>0</v>
      </c>
      <c r="DB24" s="97">
        <v>11</v>
      </c>
      <c r="DC24" s="97">
        <v>9</v>
      </c>
      <c r="DD24" s="97">
        <v>5</v>
      </c>
      <c r="DE24" s="97">
        <v>6</v>
      </c>
      <c r="DF24" s="97">
        <v>4</v>
      </c>
      <c r="DG24" s="99">
        <v>35</v>
      </c>
      <c r="DH24" s="100">
        <v>45</v>
      </c>
      <c r="DI24" s="101">
        <v>0</v>
      </c>
      <c r="DJ24" s="102">
        <v>0</v>
      </c>
      <c r="DK24" s="103">
        <v>0</v>
      </c>
      <c r="DL24" s="413">
        <v>0</v>
      </c>
      <c r="DM24" s="102">
        <v>1</v>
      </c>
      <c r="DN24" s="102">
        <v>0</v>
      </c>
      <c r="DO24" s="102">
        <v>0</v>
      </c>
      <c r="DP24" s="102">
        <v>0</v>
      </c>
      <c r="DQ24" s="102">
        <v>0</v>
      </c>
      <c r="DR24" s="103">
        <v>1</v>
      </c>
      <c r="DS24" s="104">
        <v>1</v>
      </c>
      <c r="DT24" s="101">
        <v>1</v>
      </c>
      <c r="DU24" s="102">
        <v>0</v>
      </c>
      <c r="DV24" s="103">
        <v>1</v>
      </c>
      <c r="DW24" s="413">
        <v>0</v>
      </c>
      <c r="DX24" s="102">
        <v>0</v>
      </c>
      <c r="DY24" s="102">
        <v>1</v>
      </c>
      <c r="DZ24" s="102">
        <v>0</v>
      </c>
      <c r="EA24" s="102">
        <v>0</v>
      </c>
      <c r="EB24" s="102">
        <v>0</v>
      </c>
      <c r="EC24" s="103">
        <v>1</v>
      </c>
      <c r="ED24" s="104">
        <v>2</v>
      </c>
      <c r="EE24" s="101">
        <v>0</v>
      </c>
      <c r="EF24" s="102">
        <v>0</v>
      </c>
      <c r="EG24" s="103">
        <v>0</v>
      </c>
      <c r="EH24" s="413">
        <v>0</v>
      </c>
      <c r="EI24" s="102">
        <v>0</v>
      </c>
      <c r="EJ24" s="102">
        <v>0</v>
      </c>
      <c r="EK24" s="102">
        <v>0</v>
      </c>
      <c r="EL24" s="102">
        <v>0</v>
      </c>
      <c r="EM24" s="102">
        <v>0</v>
      </c>
      <c r="EN24" s="103">
        <v>0</v>
      </c>
      <c r="EO24" s="104">
        <v>0</v>
      </c>
      <c r="EP24" s="101">
        <v>1</v>
      </c>
      <c r="EQ24" s="102">
        <v>2</v>
      </c>
      <c r="ER24" s="103">
        <v>3</v>
      </c>
      <c r="ES24" s="413">
        <v>0</v>
      </c>
      <c r="ET24" s="102">
        <v>2</v>
      </c>
      <c r="EU24" s="102">
        <v>2</v>
      </c>
      <c r="EV24" s="102">
        <v>1</v>
      </c>
      <c r="EW24" s="102">
        <v>0</v>
      </c>
      <c r="EX24" s="102">
        <v>1</v>
      </c>
      <c r="EY24" s="103">
        <v>6</v>
      </c>
      <c r="EZ24" s="104">
        <v>9</v>
      </c>
      <c r="FA24" s="101">
        <v>1</v>
      </c>
      <c r="FB24" s="102">
        <v>2</v>
      </c>
      <c r="FC24" s="103">
        <v>3</v>
      </c>
      <c r="FD24" s="413">
        <v>0</v>
      </c>
      <c r="FE24" s="102">
        <v>6</v>
      </c>
      <c r="FF24" s="102">
        <v>2</v>
      </c>
      <c r="FG24" s="102">
        <v>1</v>
      </c>
      <c r="FH24" s="102">
        <v>2</v>
      </c>
      <c r="FI24" s="102">
        <v>2</v>
      </c>
      <c r="FJ24" s="103">
        <v>13</v>
      </c>
      <c r="FK24" s="104">
        <v>16</v>
      </c>
      <c r="FL24" s="101">
        <v>2</v>
      </c>
      <c r="FM24" s="102">
        <v>1</v>
      </c>
      <c r="FN24" s="103">
        <v>3</v>
      </c>
      <c r="FO24" s="413">
        <v>0</v>
      </c>
      <c r="FP24" s="102">
        <v>2</v>
      </c>
      <c r="FQ24" s="102">
        <v>4</v>
      </c>
      <c r="FR24" s="102">
        <v>3</v>
      </c>
      <c r="FS24" s="102">
        <v>4</v>
      </c>
      <c r="FT24" s="102">
        <v>1</v>
      </c>
      <c r="FU24" s="103">
        <v>14</v>
      </c>
      <c r="FV24" s="104">
        <v>17</v>
      </c>
      <c r="FW24" s="101">
        <v>0</v>
      </c>
      <c r="FX24" s="102">
        <v>0</v>
      </c>
      <c r="FY24" s="103">
        <v>0</v>
      </c>
      <c r="FZ24" s="413">
        <v>0</v>
      </c>
      <c r="GA24" s="102">
        <v>0</v>
      </c>
      <c r="GB24" s="102">
        <v>0</v>
      </c>
      <c r="GC24" s="102">
        <v>0</v>
      </c>
      <c r="GD24" s="102">
        <v>0</v>
      </c>
      <c r="GE24" s="102">
        <v>0</v>
      </c>
      <c r="GF24" s="103">
        <v>0</v>
      </c>
      <c r="GG24" s="104">
        <v>0</v>
      </c>
      <c r="GH24" s="101">
        <v>5</v>
      </c>
      <c r="GI24" s="102">
        <v>5</v>
      </c>
      <c r="GJ24" s="103">
        <v>10</v>
      </c>
      <c r="GK24" s="413">
        <v>0</v>
      </c>
      <c r="GL24" s="102">
        <v>11</v>
      </c>
      <c r="GM24" s="102">
        <v>9</v>
      </c>
      <c r="GN24" s="102">
        <v>5</v>
      </c>
      <c r="GO24" s="102">
        <v>6</v>
      </c>
      <c r="GP24" s="102">
        <v>4</v>
      </c>
      <c r="GQ24" s="103">
        <v>35</v>
      </c>
      <c r="GR24" s="104">
        <v>45</v>
      </c>
      <c r="GS24" s="105">
        <v>57</v>
      </c>
      <c r="GT24" s="97">
        <v>58</v>
      </c>
      <c r="GU24" s="98">
        <v>115</v>
      </c>
      <c r="GV24" s="413">
        <v>0</v>
      </c>
      <c r="GW24" s="97">
        <v>86</v>
      </c>
      <c r="GX24" s="97">
        <v>74</v>
      </c>
      <c r="GY24" s="97">
        <v>39</v>
      </c>
      <c r="GZ24" s="97">
        <v>28</v>
      </c>
      <c r="HA24" s="97">
        <v>19</v>
      </c>
      <c r="HB24" s="99">
        <v>246</v>
      </c>
      <c r="HC24" s="100">
        <v>361</v>
      </c>
      <c r="HD24" s="101">
        <v>2</v>
      </c>
      <c r="HE24" s="102">
        <v>0</v>
      </c>
      <c r="HF24" s="103">
        <v>2</v>
      </c>
      <c r="HG24" s="413">
        <v>0</v>
      </c>
      <c r="HH24" s="102">
        <v>3</v>
      </c>
      <c r="HI24" s="102">
        <v>3</v>
      </c>
      <c r="HJ24" s="102">
        <v>1</v>
      </c>
      <c r="HK24" s="102">
        <v>0</v>
      </c>
      <c r="HL24" s="102">
        <v>2</v>
      </c>
      <c r="HM24" s="103">
        <v>9</v>
      </c>
      <c r="HN24" s="104">
        <v>11</v>
      </c>
      <c r="HO24" s="101">
        <v>3</v>
      </c>
      <c r="HP24" s="102">
        <v>2</v>
      </c>
      <c r="HQ24" s="103">
        <v>5</v>
      </c>
      <c r="HR24" s="413">
        <v>0</v>
      </c>
      <c r="HS24" s="102">
        <v>2</v>
      </c>
      <c r="HT24" s="102">
        <v>3</v>
      </c>
      <c r="HU24" s="102">
        <v>2</v>
      </c>
      <c r="HV24" s="102">
        <v>0</v>
      </c>
      <c r="HW24" s="102">
        <v>0</v>
      </c>
      <c r="HX24" s="103">
        <v>7</v>
      </c>
      <c r="HY24" s="104">
        <v>12</v>
      </c>
      <c r="HZ24" s="101">
        <v>6</v>
      </c>
      <c r="IA24" s="102">
        <v>7</v>
      </c>
      <c r="IB24" s="103">
        <v>13</v>
      </c>
      <c r="IC24" s="413">
        <v>0</v>
      </c>
      <c r="ID24" s="102">
        <v>8</v>
      </c>
      <c r="IE24" s="102">
        <v>8</v>
      </c>
      <c r="IF24" s="102">
        <v>3</v>
      </c>
      <c r="IG24" s="102">
        <v>2</v>
      </c>
      <c r="IH24" s="102">
        <v>0</v>
      </c>
      <c r="II24" s="103">
        <v>21</v>
      </c>
      <c r="IJ24" s="104">
        <v>34</v>
      </c>
      <c r="IK24" s="101">
        <v>10</v>
      </c>
      <c r="IL24" s="102">
        <v>13</v>
      </c>
      <c r="IM24" s="103">
        <v>23</v>
      </c>
      <c r="IN24" s="413">
        <v>0</v>
      </c>
      <c r="IO24" s="102">
        <v>14</v>
      </c>
      <c r="IP24" s="102">
        <v>17</v>
      </c>
      <c r="IQ24" s="102">
        <v>10</v>
      </c>
      <c r="IR24" s="102">
        <v>7</v>
      </c>
      <c r="IS24" s="102">
        <v>4</v>
      </c>
      <c r="IT24" s="103">
        <v>52</v>
      </c>
      <c r="IU24" s="104">
        <v>75</v>
      </c>
      <c r="IV24" s="101">
        <v>17</v>
      </c>
      <c r="IW24" s="102">
        <v>18</v>
      </c>
      <c r="IX24" s="103">
        <v>35</v>
      </c>
      <c r="IY24" s="413">
        <v>0</v>
      </c>
      <c r="IZ24" s="102">
        <v>33</v>
      </c>
      <c r="JA24" s="102">
        <v>21</v>
      </c>
      <c r="JB24" s="102">
        <v>11</v>
      </c>
      <c r="JC24" s="102">
        <v>8</v>
      </c>
      <c r="JD24" s="102">
        <v>6</v>
      </c>
      <c r="JE24" s="103">
        <v>79</v>
      </c>
      <c r="JF24" s="104">
        <v>114</v>
      </c>
      <c r="JG24" s="101">
        <v>19</v>
      </c>
      <c r="JH24" s="102">
        <v>18</v>
      </c>
      <c r="JI24" s="103">
        <v>37</v>
      </c>
      <c r="JJ24" s="413">
        <v>0</v>
      </c>
      <c r="JK24" s="102">
        <v>26</v>
      </c>
      <c r="JL24" s="102">
        <v>22</v>
      </c>
      <c r="JM24" s="102">
        <v>12</v>
      </c>
      <c r="JN24" s="102">
        <v>11</v>
      </c>
      <c r="JO24" s="102">
        <v>7</v>
      </c>
      <c r="JP24" s="103">
        <v>78</v>
      </c>
      <c r="JQ24" s="104">
        <v>115</v>
      </c>
      <c r="JR24" s="101">
        <v>0</v>
      </c>
      <c r="JS24" s="102">
        <v>0</v>
      </c>
      <c r="JT24" s="103">
        <v>0</v>
      </c>
      <c r="JU24" s="413">
        <v>0</v>
      </c>
      <c r="JV24" s="102">
        <v>0</v>
      </c>
      <c r="JW24" s="102">
        <v>0</v>
      </c>
      <c r="JX24" s="102">
        <v>0</v>
      </c>
      <c r="JY24" s="102">
        <v>0</v>
      </c>
      <c r="JZ24" s="102">
        <v>0</v>
      </c>
      <c r="KA24" s="103">
        <v>0</v>
      </c>
      <c r="KB24" s="104">
        <v>0</v>
      </c>
      <c r="KC24" s="101">
        <v>57</v>
      </c>
      <c r="KD24" s="102">
        <v>58</v>
      </c>
      <c r="KE24" s="103">
        <v>115</v>
      </c>
      <c r="KF24" s="413">
        <v>0</v>
      </c>
      <c r="KG24" s="102">
        <v>86</v>
      </c>
      <c r="KH24" s="102">
        <v>74</v>
      </c>
      <c r="KI24" s="102">
        <v>39</v>
      </c>
      <c r="KJ24" s="102">
        <v>28</v>
      </c>
      <c r="KK24" s="102">
        <v>19</v>
      </c>
      <c r="KL24" s="103">
        <v>246</v>
      </c>
      <c r="KM24" s="104">
        <v>361</v>
      </c>
    </row>
    <row r="25" spans="2:299" s="70" customFormat="1" ht="21" customHeight="1" x14ac:dyDescent="0.2">
      <c r="B25" s="106" t="s">
        <v>22</v>
      </c>
      <c r="C25" s="96">
        <v>15</v>
      </c>
      <c r="D25" s="97">
        <v>15</v>
      </c>
      <c r="E25" s="98">
        <v>30</v>
      </c>
      <c r="F25" s="413">
        <v>0</v>
      </c>
      <c r="G25" s="97">
        <v>47</v>
      </c>
      <c r="H25" s="97">
        <v>29</v>
      </c>
      <c r="I25" s="97">
        <v>23</v>
      </c>
      <c r="J25" s="97">
        <v>18</v>
      </c>
      <c r="K25" s="97">
        <v>9</v>
      </c>
      <c r="L25" s="99">
        <v>126</v>
      </c>
      <c r="M25" s="100">
        <v>156</v>
      </c>
      <c r="N25" s="101">
        <v>0</v>
      </c>
      <c r="O25" s="102">
        <v>0</v>
      </c>
      <c r="P25" s="103">
        <v>0</v>
      </c>
      <c r="Q25" s="413">
        <v>0</v>
      </c>
      <c r="R25" s="102">
        <v>0</v>
      </c>
      <c r="S25" s="102">
        <v>0</v>
      </c>
      <c r="T25" s="102">
        <v>0</v>
      </c>
      <c r="U25" s="102">
        <v>0</v>
      </c>
      <c r="V25" s="102">
        <v>0</v>
      </c>
      <c r="W25" s="103">
        <v>0</v>
      </c>
      <c r="X25" s="104">
        <v>0</v>
      </c>
      <c r="Y25" s="101">
        <v>0</v>
      </c>
      <c r="Z25" s="102">
        <v>1</v>
      </c>
      <c r="AA25" s="103">
        <v>1</v>
      </c>
      <c r="AB25" s="413">
        <v>0</v>
      </c>
      <c r="AC25" s="102">
        <v>0</v>
      </c>
      <c r="AD25" s="102">
        <v>0</v>
      </c>
      <c r="AE25" s="102">
        <v>1</v>
      </c>
      <c r="AF25" s="102">
        <v>0</v>
      </c>
      <c r="AG25" s="102">
        <v>1</v>
      </c>
      <c r="AH25" s="103">
        <v>2</v>
      </c>
      <c r="AI25" s="104">
        <v>3</v>
      </c>
      <c r="AJ25" s="101">
        <v>0</v>
      </c>
      <c r="AK25" s="102">
        <v>0</v>
      </c>
      <c r="AL25" s="103">
        <v>0</v>
      </c>
      <c r="AM25" s="413">
        <v>0</v>
      </c>
      <c r="AN25" s="102">
        <v>5</v>
      </c>
      <c r="AO25" s="102">
        <v>3</v>
      </c>
      <c r="AP25" s="102">
        <v>2</v>
      </c>
      <c r="AQ25" s="102">
        <v>1</v>
      </c>
      <c r="AR25" s="102">
        <v>1</v>
      </c>
      <c r="AS25" s="103">
        <v>12</v>
      </c>
      <c r="AT25" s="104">
        <v>12</v>
      </c>
      <c r="AU25" s="101">
        <v>1</v>
      </c>
      <c r="AV25" s="102">
        <v>4</v>
      </c>
      <c r="AW25" s="103">
        <v>5</v>
      </c>
      <c r="AX25" s="413">
        <v>0</v>
      </c>
      <c r="AY25" s="102">
        <v>10</v>
      </c>
      <c r="AZ25" s="102">
        <v>4</v>
      </c>
      <c r="BA25" s="102">
        <v>3</v>
      </c>
      <c r="BB25" s="102">
        <v>1</v>
      </c>
      <c r="BC25" s="102">
        <v>3</v>
      </c>
      <c r="BD25" s="103">
        <v>21</v>
      </c>
      <c r="BE25" s="104">
        <v>26</v>
      </c>
      <c r="BF25" s="101">
        <v>9</v>
      </c>
      <c r="BG25" s="102">
        <v>6</v>
      </c>
      <c r="BH25" s="103">
        <v>15</v>
      </c>
      <c r="BI25" s="413">
        <v>0</v>
      </c>
      <c r="BJ25" s="102">
        <v>16</v>
      </c>
      <c r="BK25" s="102">
        <v>8</v>
      </c>
      <c r="BL25" s="102">
        <v>7</v>
      </c>
      <c r="BM25" s="102">
        <v>9</v>
      </c>
      <c r="BN25" s="102">
        <v>1</v>
      </c>
      <c r="BO25" s="103">
        <v>41</v>
      </c>
      <c r="BP25" s="104">
        <v>56</v>
      </c>
      <c r="BQ25" s="101">
        <v>5</v>
      </c>
      <c r="BR25" s="102">
        <v>4</v>
      </c>
      <c r="BS25" s="103">
        <v>9</v>
      </c>
      <c r="BT25" s="413">
        <v>0</v>
      </c>
      <c r="BU25" s="102">
        <v>16</v>
      </c>
      <c r="BV25" s="102">
        <v>14</v>
      </c>
      <c r="BW25" s="102">
        <v>10</v>
      </c>
      <c r="BX25" s="102">
        <v>7</v>
      </c>
      <c r="BY25" s="102">
        <v>3</v>
      </c>
      <c r="BZ25" s="103">
        <v>50</v>
      </c>
      <c r="CA25" s="104">
        <v>59</v>
      </c>
      <c r="CB25" s="101">
        <v>0</v>
      </c>
      <c r="CC25" s="102">
        <v>0</v>
      </c>
      <c r="CD25" s="103">
        <v>0</v>
      </c>
      <c r="CE25" s="413">
        <v>0</v>
      </c>
      <c r="CF25" s="102">
        <v>0</v>
      </c>
      <c r="CG25" s="102">
        <v>0</v>
      </c>
      <c r="CH25" s="102">
        <v>0</v>
      </c>
      <c r="CI25" s="102">
        <v>0</v>
      </c>
      <c r="CJ25" s="102">
        <v>0</v>
      </c>
      <c r="CK25" s="103">
        <v>0</v>
      </c>
      <c r="CL25" s="104">
        <v>0</v>
      </c>
      <c r="CM25" s="101">
        <v>15</v>
      </c>
      <c r="CN25" s="102">
        <v>15</v>
      </c>
      <c r="CO25" s="103">
        <v>30</v>
      </c>
      <c r="CP25" s="413">
        <v>0</v>
      </c>
      <c r="CQ25" s="102">
        <v>47</v>
      </c>
      <c r="CR25" s="102">
        <v>29</v>
      </c>
      <c r="CS25" s="102">
        <v>23</v>
      </c>
      <c r="CT25" s="102">
        <v>18</v>
      </c>
      <c r="CU25" s="102">
        <v>9</v>
      </c>
      <c r="CV25" s="103">
        <v>126</v>
      </c>
      <c r="CW25" s="104">
        <v>156</v>
      </c>
      <c r="CX25" s="105">
        <v>1</v>
      </c>
      <c r="CY25" s="97">
        <v>2</v>
      </c>
      <c r="CZ25" s="98">
        <v>3</v>
      </c>
      <c r="DA25" s="413">
        <v>0</v>
      </c>
      <c r="DB25" s="97">
        <v>7</v>
      </c>
      <c r="DC25" s="97">
        <v>7</v>
      </c>
      <c r="DD25" s="97">
        <v>7</v>
      </c>
      <c r="DE25" s="97">
        <v>3</v>
      </c>
      <c r="DF25" s="97">
        <v>0</v>
      </c>
      <c r="DG25" s="99">
        <v>24</v>
      </c>
      <c r="DH25" s="100">
        <v>27</v>
      </c>
      <c r="DI25" s="101">
        <v>0</v>
      </c>
      <c r="DJ25" s="102">
        <v>0</v>
      </c>
      <c r="DK25" s="103">
        <v>0</v>
      </c>
      <c r="DL25" s="413">
        <v>0</v>
      </c>
      <c r="DM25" s="102">
        <v>0</v>
      </c>
      <c r="DN25" s="102">
        <v>0</v>
      </c>
      <c r="DO25" s="102">
        <v>0</v>
      </c>
      <c r="DP25" s="102">
        <v>0</v>
      </c>
      <c r="DQ25" s="102">
        <v>0</v>
      </c>
      <c r="DR25" s="103">
        <v>0</v>
      </c>
      <c r="DS25" s="104">
        <v>0</v>
      </c>
      <c r="DT25" s="101">
        <v>0</v>
      </c>
      <c r="DU25" s="102">
        <v>1</v>
      </c>
      <c r="DV25" s="103">
        <v>1</v>
      </c>
      <c r="DW25" s="413">
        <v>0</v>
      </c>
      <c r="DX25" s="102">
        <v>0</v>
      </c>
      <c r="DY25" s="102">
        <v>0</v>
      </c>
      <c r="DZ25" s="102">
        <v>1</v>
      </c>
      <c r="EA25" s="102">
        <v>0</v>
      </c>
      <c r="EB25" s="102">
        <v>0</v>
      </c>
      <c r="EC25" s="103">
        <v>1</v>
      </c>
      <c r="ED25" s="104">
        <v>2</v>
      </c>
      <c r="EE25" s="101">
        <v>0</v>
      </c>
      <c r="EF25" s="102">
        <v>0</v>
      </c>
      <c r="EG25" s="103">
        <v>0</v>
      </c>
      <c r="EH25" s="413">
        <v>0</v>
      </c>
      <c r="EI25" s="102">
        <v>0</v>
      </c>
      <c r="EJ25" s="102">
        <v>1</v>
      </c>
      <c r="EK25" s="102">
        <v>1</v>
      </c>
      <c r="EL25" s="102">
        <v>0</v>
      </c>
      <c r="EM25" s="102">
        <v>0</v>
      </c>
      <c r="EN25" s="103">
        <v>2</v>
      </c>
      <c r="EO25" s="104">
        <v>2</v>
      </c>
      <c r="EP25" s="101">
        <v>0</v>
      </c>
      <c r="EQ25" s="102">
        <v>1</v>
      </c>
      <c r="ER25" s="103">
        <v>1</v>
      </c>
      <c r="ES25" s="413">
        <v>0</v>
      </c>
      <c r="ET25" s="102">
        <v>1</v>
      </c>
      <c r="EU25" s="102">
        <v>2</v>
      </c>
      <c r="EV25" s="102">
        <v>1</v>
      </c>
      <c r="EW25" s="102">
        <v>0</v>
      </c>
      <c r="EX25" s="102">
        <v>0</v>
      </c>
      <c r="EY25" s="103">
        <v>4</v>
      </c>
      <c r="EZ25" s="104">
        <v>5</v>
      </c>
      <c r="FA25" s="101">
        <v>1</v>
      </c>
      <c r="FB25" s="102">
        <v>0</v>
      </c>
      <c r="FC25" s="103">
        <v>1</v>
      </c>
      <c r="FD25" s="413">
        <v>0</v>
      </c>
      <c r="FE25" s="102">
        <v>2</v>
      </c>
      <c r="FF25" s="102">
        <v>3</v>
      </c>
      <c r="FG25" s="102">
        <v>0</v>
      </c>
      <c r="FH25" s="102">
        <v>0</v>
      </c>
      <c r="FI25" s="102">
        <v>0</v>
      </c>
      <c r="FJ25" s="103">
        <v>5</v>
      </c>
      <c r="FK25" s="104">
        <v>6</v>
      </c>
      <c r="FL25" s="101">
        <v>0</v>
      </c>
      <c r="FM25" s="102">
        <v>0</v>
      </c>
      <c r="FN25" s="103">
        <v>0</v>
      </c>
      <c r="FO25" s="413">
        <v>0</v>
      </c>
      <c r="FP25" s="102">
        <v>4</v>
      </c>
      <c r="FQ25" s="102">
        <v>1</v>
      </c>
      <c r="FR25" s="102">
        <v>4</v>
      </c>
      <c r="FS25" s="102">
        <v>3</v>
      </c>
      <c r="FT25" s="102">
        <v>0</v>
      </c>
      <c r="FU25" s="103">
        <v>12</v>
      </c>
      <c r="FV25" s="104">
        <v>12</v>
      </c>
      <c r="FW25" s="101">
        <v>0</v>
      </c>
      <c r="FX25" s="102">
        <v>0</v>
      </c>
      <c r="FY25" s="103">
        <v>0</v>
      </c>
      <c r="FZ25" s="413">
        <v>0</v>
      </c>
      <c r="GA25" s="102">
        <v>0</v>
      </c>
      <c r="GB25" s="102">
        <v>0</v>
      </c>
      <c r="GC25" s="102">
        <v>0</v>
      </c>
      <c r="GD25" s="102">
        <v>0</v>
      </c>
      <c r="GE25" s="102">
        <v>0</v>
      </c>
      <c r="GF25" s="103">
        <v>0</v>
      </c>
      <c r="GG25" s="104">
        <v>0</v>
      </c>
      <c r="GH25" s="101">
        <v>1</v>
      </c>
      <c r="GI25" s="102">
        <v>2</v>
      </c>
      <c r="GJ25" s="103">
        <v>3</v>
      </c>
      <c r="GK25" s="413">
        <v>0</v>
      </c>
      <c r="GL25" s="102">
        <v>7</v>
      </c>
      <c r="GM25" s="102">
        <v>7</v>
      </c>
      <c r="GN25" s="102">
        <v>7</v>
      </c>
      <c r="GO25" s="102">
        <v>3</v>
      </c>
      <c r="GP25" s="102">
        <v>0</v>
      </c>
      <c r="GQ25" s="103">
        <v>24</v>
      </c>
      <c r="GR25" s="104">
        <v>27</v>
      </c>
      <c r="GS25" s="105">
        <v>16</v>
      </c>
      <c r="GT25" s="97">
        <v>17</v>
      </c>
      <c r="GU25" s="98">
        <v>33</v>
      </c>
      <c r="GV25" s="413">
        <v>0</v>
      </c>
      <c r="GW25" s="97">
        <v>54</v>
      </c>
      <c r="GX25" s="97">
        <v>36</v>
      </c>
      <c r="GY25" s="97">
        <v>30</v>
      </c>
      <c r="GZ25" s="97">
        <v>21</v>
      </c>
      <c r="HA25" s="97">
        <v>9</v>
      </c>
      <c r="HB25" s="99">
        <v>150</v>
      </c>
      <c r="HC25" s="100">
        <v>183</v>
      </c>
      <c r="HD25" s="101">
        <v>0</v>
      </c>
      <c r="HE25" s="102">
        <v>0</v>
      </c>
      <c r="HF25" s="103">
        <v>0</v>
      </c>
      <c r="HG25" s="413">
        <v>0</v>
      </c>
      <c r="HH25" s="102">
        <v>0</v>
      </c>
      <c r="HI25" s="102">
        <v>0</v>
      </c>
      <c r="HJ25" s="102">
        <v>0</v>
      </c>
      <c r="HK25" s="102">
        <v>0</v>
      </c>
      <c r="HL25" s="102">
        <v>0</v>
      </c>
      <c r="HM25" s="103">
        <v>0</v>
      </c>
      <c r="HN25" s="104">
        <v>0</v>
      </c>
      <c r="HO25" s="101">
        <v>0</v>
      </c>
      <c r="HP25" s="102">
        <v>2</v>
      </c>
      <c r="HQ25" s="103">
        <v>2</v>
      </c>
      <c r="HR25" s="413">
        <v>0</v>
      </c>
      <c r="HS25" s="102">
        <v>0</v>
      </c>
      <c r="HT25" s="102">
        <v>0</v>
      </c>
      <c r="HU25" s="102">
        <v>2</v>
      </c>
      <c r="HV25" s="102">
        <v>0</v>
      </c>
      <c r="HW25" s="102">
        <v>1</v>
      </c>
      <c r="HX25" s="103">
        <v>3</v>
      </c>
      <c r="HY25" s="104">
        <v>5</v>
      </c>
      <c r="HZ25" s="101">
        <v>0</v>
      </c>
      <c r="IA25" s="102">
        <v>0</v>
      </c>
      <c r="IB25" s="103">
        <v>0</v>
      </c>
      <c r="IC25" s="413">
        <v>0</v>
      </c>
      <c r="ID25" s="102">
        <v>5</v>
      </c>
      <c r="IE25" s="102">
        <v>4</v>
      </c>
      <c r="IF25" s="102">
        <v>3</v>
      </c>
      <c r="IG25" s="102">
        <v>1</v>
      </c>
      <c r="IH25" s="102">
        <v>1</v>
      </c>
      <c r="II25" s="103">
        <v>14</v>
      </c>
      <c r="IJ25" s="104">
        <v>14</v>
      </c>
      <c r="IK25" s="101">
        <v>1</v>
      </c>
      <c r="IL25" s="102">
        <v>5</v>
      </c>
      <c r="IM25" s="103">
        <v>6</v>
      </c>
      <c r="IN25" s="413">
        <v>0</v>
      </c>
      <c r="IO25" s="102">
        <v>11</v>
      </c>
      <c r="IP25" s="102">
        <v>6</v>
      </c>
      <c r="IQ25" s="102">
        <v>4</v>
      </c>
      <c r="IR25" s="102">
        <v>1</v>
      </c>
      <c r="IS25" s="102">
        <v>3</v>
      </c>
      <c r="IT25" s="103">
        <v>25</v>
      </c>
      <c r="IU25" s="104">
        <v>31</v>
      </c>
      <c r="IV25" s="101">
        <v>10</v>
      </c>
      <c r="IW25" s="102">
        <v>6</v>
      </c>
      <c r="IX25" s="103">
        <v>16</v>
      </c>
      <c r="IY25" s="413">
        <v>0</v>
      </c>
      <c r="IZ25" s="102">
        <v>18</v>
      </c>
      <c r="JA25" s="102">
        <v>11</v>
      </c>
      <c r="JB25" s="102">
        <v>7</v>
      </c>
      <c r="JC25" s="102">
        <v>9</v>
      </c>
      <c r="JD25" s="102">
        <v>1</v>
      </c>
      <c r="JE25" s="103">
        <v>46</v>
      </c>
      <c r="JF25" s="104">
        <v>62</v>
      </c>
      <c r="JG25" s="101">
        <v>5</v>
      </c>
      <c r="JH25" s="102">
        <v>4</v>
      </c>
      <c r="JI25" s="103">
        <v>9</v>
      </c>
      <c r="JJ25" s="413">
        <v>0</v>
      </c>
      <c r="JK25" s="102">
        <v>20</v>
      </c>
      <c r="JL25" s="102">
        <v>15</v>
      </c>
      <c r="JM25" s="102">
        <v>14</v>
      </c>
      <c r="JN25" s="102">
        <v>10</v>
      </c>
      <c r="JO25" s="102">
        <v>3</v>
      </c>
      <c r="JP25" s="103">
        <v>62</v>
      </c>
      <c r="JQ25" s="104">
        <v>71</v>
      </c>
      <c r="JR25" s="101">
        <v>0</v>
      </c>
      <c r="JS25" s="102">
        <v>0</v>
      </c>
      <c r="JT25" s="103">
        <v>0</v>
      </c>
      <c r="JU25" s="413">
        <v>0</v>
      </c>
      <c r="JV25" s="102">
        <v>0</v>
      </c>
      <c r="JW25" s="102">
        <v>0</v>
      </c>
      <c r="JX25" s="102">
        <v>0</v>
      </c>
      <c r="JY25" s="102">
        <v>0</v>
      </c>
      <c r="JZ25" s="102">
        <v>0</v>
      </c>
      <c r="KA25" s="103">
        <v>0</v>
      </c>
      <c r="KB25" s="104">
        <v>0</v>
      </c>
      <c r="KC25" s="101">
        <v>16</v>
      </c>
      <c r="KD25" s="102">
        <v>17</v>
      </c>
      <c r="KE25" s="103">
        <v>33</v>
      </c>
      <c r="KF25" s="413">
        <v>0</v>
      </c>
      <c r="KG25" s="102">
        <v>54</v>
      </c>
      <c r="KH25" s="102">
        <v>36</v>
      </c>
      <c r="KI25" s="102">
        <v>30</v>
      </c>
      <c r="KJ25" s="102">
        <v>21</v>
      </c>
      <c r="KK25" s="102">
        <v>9</v>
      </c>
      <c r="KL25" s="103">
        <v>150</v>
      </c>
      <c r="KM25" s="104">
        <v>183</v>
      </c>
    </row>
    <row r="26" spans="2:299" s="70" customFormat="1" ht="21" customHeight="1" x14ac:dyDescent="0.2">
      <c r="B26" s="106" t="s">
        <v>23</v>
      </c>
      <c r="C26" s="96">
        <v>42</v>
      </c>
      <c r="D26" s="97">
        <v>29</v>
      </c>
      <c r="E26" s="98">
        <v>71</v>
      </c>
      <c r="F26" s="413">
        <v>0</v>
      </c>
      <c r="G26" s="97">
        <v>51</v>
      </c>
      <c r="H26" s="97">
        <v>43</v>
      </c>
      <c r="I26" s="97">
        <v>23</v>
      </c>
      <c r="J26" s="97">
        <v>17</v>
      </c>
      <c r="K26" s="97">
        <v>17</v>
      </c>
      <c r="L26" s="99">
        <v>151</v>
      </c>
      <c r="M26" s="100">
        <v>222</v>
      </c>
      <c r="N26" s="101">
        <v>0</v>
      </c>
      <c r="O26" s="102">
        <v>1</v>
      </c>
      <c r="P26" s="103">
        <v>1</v>
      </c>
      <c r="Q26" s="413">
        <v>0</v>
      </c>
      <c r="R26" s="102">
        <v>0</v>
      </c>
      <c r="S26" s="102">
        <v>3</v>
      </c>
      <c r="T26" s="102">
        <v>1</v>
      </c>
      <c r="U26" s="102">
        <v>0</v>
      </c>
      <c r="V26" s="102">
        <v>0</v>
      </c>
      <c r="W26" s="103">
        <v>4</v>
      </c>
      <c r="X26" s="104">
        <v>5</v>
      </c>
      <c r="Y26" s="101">
        <v>0</v>
      </c>
      <c r="Z26" s="102">
        <v>1</v>
      </c>
      <c r="AA26" s="103">
        <v>1</v>
      </c>
      <c r="AB26" s="413">
        <v>0</v>
      </c>
      <c r="AC26" s="102">
        <v>0</v>
      </c>
      <c r="AD26" s="102">
        <v>2</v>
      </c>
      <c r="AE26" s="102">
        <v>0</v>
      </c>
      <c r="AF26" s="102">
        <v>0</v>
      </c>
      <c r="AG26" s="102">
        <v>1</v>
      </c>
      <c r="AH26" s="103">
        <v>3</v>
      </c>
      <c r="AI26" s="104">
        <v>4</v>
      </c>
      <c r="AJ26" s="101">
        <v>5</v>
      </c>
      <c r="AK26" s="102">
        <v>3</v>
      </c>
      <c r="AL26" s="103">
        <v>8</v>
      </c>
      <c r="AM26" s="413">
        <v>0</v>
      </c>
      <c r="AN26" s="102">
        <v>4</v>
      </c>
      <c r="AO26" s="102">
        <v>4</v>
      </c>
      <c r="AP26" s="102">
        <v>0</v>
      </c>
      <c r="AQ26" s="102">
        <v>1</v>
      </c>
      <c r="AR26" s="102">
        <v>3</v>
      </c>
      <c r="AS26" s="103">
        <v>12</v>
      </c>
      <c r="AT26" s="104">
        <v>20</v>
      </c>
      <c r="AU26" s="101">
        <v>11</v>
      </c>
      <c r="AV26" s="102">
        <v>12</v>
      </c>
      <c r="AW26" s="103">
        <v>23</v>
      </c>
      <c r="AX26" s="413">
        <v>0</v>
      </c>
      <c r="AY26" s="102">
        <v>14</v>
      </c>
      <c r="AZ26" s="102">
        <v>13</v>
      </c>
      <c r="BA26" s="102">
        <v>6</v>
      </c>
      <c r="BB26" s="102">
        <v>4</v>
      </c>
      <c r="BC26" s="102">
        <v>6</v>
      </c>
      <c r="BD26" s="103">
        <v>43</v>
      </c>
      <c r="BE26" s="104">
        <v>66</v>
      </c>
      <c r="BF26" s="101">
        <v>16</v>
      </c>
      <c r="BG26" s="102">
        <v>10</v>
      </c>
      <c r="BH26" s="103">
        <v>26</v>
      </c>
      <c r="BI26" s="413">
        <v>0</v>
      </c>
      <c r="BJ26" s="102">
        <v>26</v>
      </c>
      <c r="BK26" s="102">
        <v>9</v>
      </c>
      <c r="BL26" s="102">
        <v>8</v>
      </c>
      <c r="BM26" s="102">
        <v>4</v>
      </c>
      <c r="BN26" s="102">
        <v>4</v>
      </c>
      <c r="BO26" s="103">
        <v>51</v>
      </c>
      <c r="BP26" s="104">
        <v>77</v>
      </c>
      <c r="BQ26" s="101">
        <v>10</v>
      </c>
      <c r="BR26" s="102">
        <v>2</v>
      </c>
      <c r="BS26" s="103">
        <v>12</v>
      </c>
      <c r="BT26" s="413">
        <v>0</v>
      </c>
      <c r="BU26" s="102">
        <v>7</v>
      </c>
      <c r="BV26" s="102">
        <v>12</v>
      </c>
      <c r="BW26" s="102">
        <v>8</v>
      </c>
      <c r="BX26" s="102">
        <v>8</v>
      </c>
      <c r="BY26" s="102">
        <v>3</v>
      </c>
      <c r="BZ26" s="103">
        <v>38</v>
      </c>
      <c r="CA26" s="104">
        <v>50</v>
      </c>
      <c r="CB26" s="101">
        <v>0</v>
      </c>
      <c r="CC26" s="102">
        <v>0</v>
      </c>
      <c r="CD26" s="103">
        <v>0</v>
      </c>
      <c r="CE26" s="413">
        <v>0</v>
      </c>
      <c r="CF26" s="102">
        <v>0</v>
      </c>
      <c r="CG26" s="102">
        <v>0</v>
      </c>
      <c r="CH26" s="102">
        <v>0</v>
      </c>
      <c r="CI26" s="102">
        <v>0</v>
      </c>
      <c r="CJ26" s="102">
        <v>0</v>
      </c>
      <c r="CK26" s="103">
        <v>0</v>
      </c>
      <c r="CL26" s="104">
        <v>0</v>
      </c>
      <c r="CM26" s="101">
        <v>42</v>
      </c>
      <c r="CN26" s="102">
        <v>29</v>
      </c>
      <c r="CO26" s="103">
        <v>71</v>
      </c>
      <c r="CP26" s="413">
        <v>0</v>
      </c>
      <c r="CQ26" s="102">
        <v>51</v>
      </c>
      <c r="CR26" s="102">
        <v>43</v>
      </c>
      <c r="CS26" s="102">
        <v>23</v>
      </c>
      <c r="CT26" s="102">
        <v>17</v>
      </c>
      <c r="CU26" s="102">
        <v>17</v>
      </c>
      <c r="CV26" s="103">
        <v>151</v>
      </c>
      <c r="CW26" s="104">
        <v>222</v>
      </c>
      <c r="CX26" s="105">
        <v>2</v>
      </c>
      <c r="CY26" s="97">
        <v>3</v>
      </c>
      <c r="CZ26" s="98">
        <v>5</v>
      </c>
      <c r="DA26" s="413">
        <v>0</v>
      </c>
      <c r="DB26" s="97">
        <v>5</v>
      </c>
      <c r="DC26" s="97">
        <v>7</v>
      </c>
      <c r="DD26" s="97">
        <v>2</v>
      </c>
      <c r="DE26" s="97">
        <v>3</v>
      </c>
      <c r="DF26" s="97">
        <v>1</v>
      </c>
      <c r="DG26" s="99">
        <v>18</v>
      </c>
      <c r="DH26" s="100">
        <v>23</v>
      </c>
      <c r="DI26" s="101">
        <v>1</v>
      </c>
      <c r="DJ26" s="102">
        <v>0</v>
      </c>
      <c r="DK26" s="103">
        <v>1</v>
      </c>
      <c r="DL26" s="413">
        <v>0</v>
      </c>
      <c r="DM26" s="102">
        <v>0</v>
      </c>
      <c r="DN26" s="102">
        <v>0</v>
      </c>
      <c r="DO26" s="102">
        <v>0</v>
      </c>
      <c r="DP26" s="102">
        <v>0</v>
      </c>
      <c r="DQ26" s="102">
        <v>0</v>
      </c>
      <c r="DR26" s="103">
        <v>0</v>
      </c>
      <c r="DS26" s="104">
        <v>1</v>
      </c>
      <c r="DT26" s="101">
        <v>0</v>
      </c>
      <c r="DU26" s="102">
        <v>2</v>
      </c>
      <c r="DV26" s="103">
        <v>2</v>
      </c>
      <c r="DW26" s="413">
        <v>0</v>
      </c>
      <c r="DX26" s="102">
        <v>0</v>
      </c>
      <c r="DY26" s="102">
        <v>0</v>
      </c>
      <c r="DZ26" s="102">
        <v>0</v>
      </c>
      <c r="EA26" s="102">
        <v>0</v>
      </c>
      <c r="EB26" s="102">
        <v>0</v>
      </c>
      <c r="EC26" s="103">
        <v>0</v>
      </c>
      <c r="ED26" s="104">
        <v>2</v>
      </c>
      <c r="EE26" s="101">
        <v>0</v>
      </c>
      <c r="EF26" s="102">
        <v>0</v>
      </c>
      <c r="EG26" s="103">
        <v>0</v>
      </c>
      <c r="EH26" s="413">
        <v>0</v>
      </c>
      <c r="EI26" s="102">
        <v>1</v>
      </c>
      <c r="EJ26" s="102">
        <v>1</v>
      </c>
      <c r="EK26" s="102">
        <v>0</v>
      </c>
      <c r="EL26" s="102">
        <v>1</v>
      </c>
      <c r="EM26" s="102">
        <v>0</v>
      </c>
      <c r="EN26" s="103">
        <v>3</v>
      </c>
      <c r="EO26" s="104">
        <v>3</v>
      </c>
      <c r="EP26" s="101">
        <v>1</v>
      </c>
      <c r="EQ26" s="102">
        <v>0</v>
      </c>
      <c r="ER26" s="103">
        <v>1</v>
      </c>
      <c r="ES26" s="413">
        <v>0</v>
      </c>
      <c r="ET26" s="102">
        <v>3</v>
      </c>
      <c r="EU26" s="102">
        <v>1</v>
      </c>
      <c r="EV26" s="102">
        <v>0</v>
      </c>
      <c r="EW26" s="102">
        <v>0</v>
      </c>
      <c r="EX26" s="102">
        <v>0</v>
      </c>
      <c r="EY26" s="103">
        <v>4</v>
      </c>
      <c r="EZ26" s="104">
        <v>5</v>
      </c>
      <c r="FA26" s="101">
        <v>0</v>
      </c>
      <c r="FB26" s="102">
        <v>1</v>
      </c>
      <c r="FC26" s="103">
        <v>1</v>
      </c>
      <c r="FD26" s="413">
        <v>0</v>
      </c>
      <c r="FE26" s="102">
        <v>1</v>
      </c>
      <c r="FF26" s="102">
        <v>5</v>
      </c>
      <c r="FG26" s="102">
        <v>1</v>
      </c>
      <c r="FH26" s="102">
        <v>1</v>
      </c>
      <c r="FI26" s="102">
        <v>1</v>
      </c>
      <c r="FJ26" s="103">
        <v>9</v>
      </c>
      <c r="FK26" s="104">
        <v>10</v>
      </c>
      <c r="FL26" s="101">
        <v>0</v>
      </c>
      <c r="FM26" s="102">
        <v>0</v>
      </c>
      <c r="FN26" s="103">
        <v>0</v>
      </c>
      <c r="FO26" s="413">
        <v>0</v>
      </c>
      <c r="FP26" s="102">
        <v>0</v>
      </c>
      <c r="FQ26" s="102">
        <v>0</v>
      </c>
      <c r="FR26" s="102">
        <v>1</v>
      </c>
      <c r="FS26" s="102">
        <v>1</v>
      </c>
      <c r="FT26" s="102">
        <v>0</v>
      </c>
      <c r="FU26" s="103">
        <v>2</v>
      </c>
      <c r="FV26" s="104">
        <v>2</v>
      </c>
      <c r="FW26" s="101">
        <v>0</v>
      </c>
      <c r="FX26" s="102">
        <v>0</v>
      </c>
      <c r="FY26" s="103">
        <v>0</v>
      </c>
      <c r="FZ26" s="413">
        <v>0</v>
      </c>
      <c r="GA26" s="102">
        <v>0</v>
      </c>
      <c r="GB26" s="102">
        <v>0</v>
      </c>
      <c r="GC26" s="102">
        <v>0</v>
      </c>
      <c r="GD26" s="102">
        <v>0</v>
      </c>
      <c r="GE26" s="102">
        <v>0</v>
      </c>
      <c r="GF26" s="103">
        <v>0</v>
      </c>
      <c r="GG26" s="104">
        <v>0</v>
      </c>
      <c r="GH26" s="101">
        <v>2</v>
      </c>
      <c r="GI26" s="102">
        <v>3</v>
      </c>
      <c r="GJ26" s="103">
        <v>5</v>
      </c>
      <c r="GK26" s="413">
        <v>0</v>
      </c>
      <c r="GL26" s="102">
        <v>5</v>
      </c>
      <c r="GM26" s="102">
        <v>7</v>
      </c>
      <c r="GN26" s="102">
        <v>2</v>
      </c>
      <c r="GO26" s="102">
        <v>3</v>
      </c>
      <c r="GP26" s="102">
        <v>1</v>
      </c>
      <c r="GQ26" s="103">
        <v>18</v>
      </c>
      <c r="GR26" s="104">
        <v>23</v>
      </c>
      <c r="GS26" s="105">
        <v>44</v>
      </c>
      <c r="GT26" s="97">
        <v>32</v>
      </c>
      <c r="GU26" s="98">
        <v>76</v>
      </c>
      <c r="GV26" s="413">
        <v>0</v>
      </c>
      <c r="GW26" s="97">
        <v>56</v>
      </c>
      <c r="GX26" s="97">
        <v>50</v>
      </c>
      <c r="GY26" s="97">
        <v>25</v>
      </c>
      <c r="GZ26" s="97">
        <v>20</v>
      </c>
      <c r="HA26" s="97">
        <v>18</v>
      </c>
      <c r="HB26" s="99">
        <v>169</v>
      </c>
      <c r="HC26" s="100">
        <v>245</v>
      </c>
      <c r="HD26" s="101">
        <v>1</v>
      </c>
      <c r="HE26" s="102">
        <v>1</v>
      </c>
      <c r="HF26" s="103">
        <v>2</v>
      </c>
      <c r="HG26" s="413">
        <v>0</v>
      </c>
      <c r="HH26" s="102">
        <v>0</v>
      </c>
      <c r="HI26" s="102">
        <v>3</v>
      </c>
      <c r="HJ26" s="102">
        <v>1</v>
      </c>
      <c r="HK26" s="102">
        <v>0</v>
      </c>
      <c r="HL26" s="102">
        <v>0</v>
      </c>
      <c r="HM26" s="103">
        <v>4</v>
      </c>
      <c r="HN26" s="104">
        <v>6</v>
      </c>
      <c r="HO26" s="101">
        <v>0</v>
      </c>
      <c r="HP26" s="102">
        <v>3</v>
      </c>
      <c r="HQ26" s="103">
        <v>3</v>
      </c>
      <c r="HR26" s="413">
        <v>0</v>
      </c>
      <c r="HS26" s="102">
        <v>0</v>
      </c>
      <c r="HT26" s="102">
        <v>2</v>
      </c>
      <c r="HU26" s="102">
        <v>0</v>
      </c>
      <c r="HV26" s="102">
        <v>0</v>
      </c>
      <c r="HW26" s="102">
        <v>1</v>
      </c>
      <c r="HX26" s="103">
        <v>3</v>
      </c>
      <c r="HY26" s="104">
        <v>6</v>
      </c>
      <c r="HZ26" s="101">
        <v>5</v>
      </c>
      <c r="IA26" s="102">
        <v>3</v>
      </c>
      <c r="IB26" s="103">
        <v>8</v>
      </c>
      <c r="IC26" s="413">
        <v>0</v>
      </c>
      <c r="ID26" s="102">
        <v>5</v>
      </c>
      <c r="IE26" s="102">
        <v>5</v>
      </c>
      <c r="IF26" s="102">
        <v>0</v>
      </c>
      <c r="IG26" s="102">
        <v>2</v>
      </c>
      <c r="IH26" s="102">
        <v>3</v>
      </c>
      <c r="II26" s="103">
        <v>15</v>
      </c>
      <c r="IJ26" s="104">
        <v>23</v>
      </c>
      <c r="IK26" s="101">
        <v>12</v>
      </c>
      <c r="IL26" s="102">
        <v>12</v>
      </c>
      <c r="IM26" s="103">
        <v>24</v>
      </c>
      <c r="IN26" s="413">
        <v>0</v>
      </c>
      <c r="IO26" s="102">
        <v>17</v>
      </c>
      <c r="IP26" s="102">
        <v>14</v>
      </c>
      <c r="IQ26" s="102">
        <v>6</v>
      </c>
      <c r="IR26" s="102">
        <v>4</v>
      </c>
      <c r="IS26" s="102">
        <v>6</v>
      </c>
      <c r="IT26" s="103">
        <v>47</v>
      </c>
      <c r="IU26" s="104">
        <v>71</v>
      </c>
      <c r="IV26" s="101">
        <v>16</v>
      </c>
      <c r="IW26" s="102">
        <v>11</v>
      </c>
      <c r="IX26" s="103">
        <v>27</v>
      </c>
      <c r="IY26" s="413">
        <v>0</v>
      </c>
      <c r="IZ26" s="102">
        <v>27</v>
      </c>
      <c r="JA26" s="102">
        <v>14</v>
      </c>
      <c r="JB26" s="102">
        <v>9</v>
      </c>
      <c r="JC26" s="102">
        <v>5</v>
      </c>
      <c r="JD26" s="102">
        <v>5</v>
      </c>
      <c r="JE26" s="103">
        <v>60</v>
      </c>
      <c r="JF26" s="104">
        <v>87</v>
      </c>
      <c r="JG26" s="101">
        <v>10</v>
      </c>
      <c r="JH26" s="102">
        <v>2</v>
      </c>
      <c r="JI26" s="103">
        <v>12</v>
      </c>
      <c r="JJ26" s="413">
        <v>0</v>
      </c>
      <c r="JK26" s="102">
        <v>7</v>
      </c>
      <c r="JL26" s="102">
        <v>12</v>
      </c>
      <c r="JM26" s="102">
        <v>9</v>
      </c>
      <c r="JN26" s="102">
        <v>9</v>
      </c>
      <c r="JO26" s="102">
        <v>3</v>
      </c>
      <c r="JP26" s="103">
        <v>40</v>
      </c>
      <c r="JQ26" s="104">
        <v>52</v>
      </c>
      <c r="JR26" s="101">
        <v>0</v>
      </c>
      <c r="JS26" s="102">
        <v>0</v>
      </c>
      <c r="JT26" s="103">
        <v>0</v>
      </c>
      <c r="JU26" s="413">
        <v>0</v>
      </c>
      <c r="JV26" s="102">
        <v>0</v>
      </c>
      <c r="JW26" s="102">
        <v>0</v>
      </c>
      <c r="JX26" s="102">
        <v>0</v>
      </c>
      <c r="JY26" s="102">
        <v>0</v>
      </c>
      <c r="JZ26" s="102">
        <v>0</v>
      </c>
      <c r="KA26" s="103">
        <v>0</v>
      </c>
      <c r="KB26" s="104">
        <v>0</v>
      </c>
      <c r="KC26" s="101">
        <v>44</v>
      </c>
      <c r="KD26" s="102">
        <v>32</v>
      </c>
      <c r="KE26" s="103">
        <v>76</v>
      </c>
      <c r="KF26" s="413">
        <v>0</v>
      </c>
      <c r="KG26" s="102">
        <v>56</v>
      </c>
      <c r="KH26" s="102">
        <v>50</v>
      </c>
      <c r="KI26" s="102">
        <v>25</v>
      </c>
      <c r="KJ26" s="102">
        <v>20</v>
      </c>
      <c r="KK26" s="102">
        <v>18</v>
      </c>
      <c r="KL26" s="103">
        <v>169</v>
      </c>
      <c r="KM26" s="104">
        <v>245</v>
      </c>
    </row>
    <row r="27" spans="2:299" s="70" customFormat="1" ht="21" customHeight="1" x14ac:dyDescent="0.2">
      <c r="B27" s="106" t="s">
        <v>24</v>
      </c>
      <c r="C27" s="96">
        <v>27</v>
      </c>
      <c r="D27" s="97">
        <v>23</v>
      </c>
      <c r="E27" s="98">
        <v>50</v>
      </c>
      <c r="F27" s="413">
        <v>0</v>
      </c>
      <c r="G27" s="97">
        <v>36</v>
      </c>
      <c r="H27" s="97">
        <v>30</v>
      </c>
      <c r="I27" s="97">
        <v>23</v>
      </c>
      <c r="J27" s="97">
        <v>18</v>
      </c>
      <c r="K27" s="97">
        <v>10</v>
      </c>
      <c r="L27" s="99">
        <v>117</v>
      </c>
      <c r="M27" s="100">
        <v>167</v>
      </c>
      <c r="N27" s="101">
        <v>0</v>
      </c>
      <c r="O27" s="102">
        <v>0</v>
      </c>
      <c r="P27" s="103">
        <v>0</v>
      </c>
      <c r="Q27" s="413">
        <v>0</v>
      </c>
      <c r="R27" s="102">
        <v>0</v>
      </c>
      <c r="S27" s="102">
        <v>0</v>
      </c>
      <c r="T27" s="102">
        <v>0</v>
      </c>
      <c r="U27" s="102">
        <v>0</v>
      </c>
      <c r="V27" s="102">
        <v>0</v>
      </c>
      <c r="W27" s="103">
        <v>0</v>
      </c>
      <c r="X27" s="104">
        <v>0</v>
      </c>
      <c r="Y27" s="101">
        <v>0</v>
      </c>
      <c r="Z27" s="102">
        <v>1</v>
      </c>
      <c r="AA27" s="103">
        <v>1</v>
      </c>
      <c r="AB27" s="413">
        <v>0</v>
      </c>
      <c r="AC27" s="102">
        <v>2</v>
      </c>
      <c r="AD27" s="102">
        <v>0</v>
      </c>
      <c r="AE27" s="102">
        <v>1</v>
      </c>
      <c r="AF27" s="102">
        <v>1</v>
      </c>
      <c r="AG27" s="102">
        <v>1</v>
      </c>
      <c r="AH27" s="103">
        <v>5</v>
      </c>
      <c r="AI27" s="104">
        <v>6</v>
      </c>
      <c r="AJ27" s="101">
        <v>1</v>
      </c>
      <c r="AK27" s="102">
        <v>3</v>
      </c>
      <c r="AL27" s="103">
        <v>4</v>
      </c>
      <c r="AM27" s="413">
        <v>0</v>
      </c>
      <c r="AN27" s="102">
        <v>1</v>
      </c>
      <c r="AO27" s="102">
        <v>3</v>
      </c>
      <c r="AP27" s="102">
        <v>3</v>
      </c>
      <c r="AQ27" s="102">
        <v>2</v>
      </c>
      <c r="AR27" s="102">
        <v>0</v>
      </c>
      <c r="AS27" s="103">
        <v>9</v>
      </c>
      <c r="AT27" s="104">
        <v>13</v>
      </c>
      <c r="AU27" s="101">
        <v>3</v>
      </c>
      <c r="AV27" s="102">
        <v>2</v>
      </c>
      <c r="AW27" s="103">
        <v>5</v>
      </c>
      <c r="AX27" s="413">
        <v>0</v>
      </c>
      <c r="AY27" s="102">
        <v>9</v>
      </c>
      <c r="AZ27" s="102">
        <v>5</v>
      </c>
      <c r="BA27" s="102">
        <v>2</v>
      </c>
      <c r="BB27" s="102">
        <v>4</v>
      </c>
      <c r="BC27" s="102">
        <v>1</v>
      </c>
      <c r="BD27" s="103">
        <v>21</v>
      </c>
      <c r="BE27" s="104">
        <v>26</v>
      </c>
      <c r="BF27" s="101">
        <v>12</v>
      </c>
      <c r="BG27" s="102">
        <v>9</v>
      </c>
      <c r="BH27" s="103">
        <v>21</v>
      </c>
      <c r="BI27" s="413">
        <v>0</v>
      </c>
      <c r="BJ27" s="102">
        <v>9</v>
      </c>
      <c r="BK27" s="102">
        <v>10</v>
      </c>
      <c r="BL27" s="102">
        <v>7</v>
      </c>
      <c r="BM27" s="102">
        <v>6</v>
      </c>
      <c r="BN27" s="102">
        <v>2</v>
      </c>
      <c r="BO27" s="103">
        <v>34</v>
      </c>
      <c r="BP27" s="104">
        <v>55</v>
      </c>
      <c r="BQ27" s="101">
        <v>11</v>
      </c>
      <c r="BR27" s="102">
        <v>8</v>
      </c>
      <c r="BS27" s="103">
        <v>19</v>
      </c>
      <c r="BT27" s="413">
        <v>0</v>
      </c>
      <c r="BU27" s="102">
        <v>15</v>
      </c>
      <c r="BV27" s="102">
        <v>12</v>
      </c>
      <c r="BW27" s="102">
        <v>10</v>
      </c>
      <c r="BX27" s="102">
        <v>5</v>
      </c>
      <c r="BY27" s="102">
        <v>6</v>
      </c>
      <c r="BZ27" s="103">
        <v>48</v>
      </c>
      <c r="CA27" s="104">
        <v>67</v>
      </c>
      <c r="CB27" s="101">
        <v>0</v>
      </c>
      <c r="CC27" s="102">
        <v>0</v>
      </c>
      <c r="CD27" s="103">
        <v>0</v>
      </c>
      <c r="CE27" s="413">
        <v>0</v>
      </c>
      <c r="CF27" s="102">
        <v>0</v>
      </c>
      <c r="CG27" s="102">
        <v>0</v>
      </c>
      <c r="CH27" s="102">
        <v>0</v>
      </c>
      <c r="CI27" s="102">
        <v>0</v>
      </c>
      <c r="CJ27" s="102">
        <v>0</v>
      </c>
      <c r="CK27" s="103">
        <v>0</v>
      </c>
      <c r="CL27" s="104">
        <v>0</v>
      </c>
      <c r="CM27" s="101">
        <v>27</v>
      </c>
      <c r="CN27" s="102">
        <v>23</v>
      </c>
      <c r="CO27" s="103">
        <v>50</v>
      </c>
      <c r="CP27" s="413">
        <v>0</v>
      </c>
      <c r="CQ27" s="102">
        <v>36</v>
      </c>
      <c r="CR27" s="102">
        <v>30</v>
      </c>
      <c r="CS27" s="102">
        <v>23</v>
      </c>
      <c r="CT27" s="102">
        <v>18</v>
      </c>
      <c r="CU27" s="102">
        <v>10</v>
      </c>
      <c r="CV27" s="103">
        <v>117</v>
      </c>
      <c r="CW27" s="104">
        <v>167</v>
      </c>
      <c r="CX27" s="105">
        <v>5</v>
      </c>
      <c r="CY27" s="97">
        <v>2</v>
      </c>
      <c r="CZ27" s="98">
        <v>7</v>
      </c>
      <c r="DA27" s="413">
        <v>0</v>
      </c>
      <c r="DB27" s="97">
        <v>6</v>
      </c>
      <c r="DC27" s="97">
        <v>3</v>
      </c>
      <c r="DD27" s="97">
        <v>6</v>
      </c>
      <c r="DE27" s="97">
        <v>3</v>
      </c>
      <c r="DF27" s="97">
        <v>0</v>
      </c>
      <c r="DG27" s="99">
        <v>18</v>
      </c>
      <c r="DH27" s="100">
        <v>25</v>
      </c>
      <c r="DI27" s="101">
        <v>0</v>
      </c>
      <c r="DJ27" s="102">
        <v>0</v>
      </c>
      <c r="DK27" s="103">
        <v>0</v>
      </c>
      <c r="DL27" s="413">
        <v>0</v>
      </c>
      <c r="DM27" s="102">
        <v>1</v>
      </c>
      <c r="DN27" s="102">
        <v>0</v>
      </c>
      <c r="DO27" s="102">
        <v>0</v>
      </c>
      <c r="DP27" s="102">
        <v>0</v>
      </c>
      <c r="DQ27" s="102">
        <v>0</v>
      </c>
      <c r="DR27" s="103">
        <v>1</v>
      </c>
      <c r="DS27" s="104">
        <v>1</v>
      </c>
      <c r="DT27" s="101">
        <v>1</v>
      </c>
      <c r="DU27" s="102">
        <v>0</v>
      </c>
      <c r="DV27" s="103">
        <v>1</v>
      </c>
      <c r="DW27" s="413">
        <v>0</v>
      </c>
      <c r="DX27" s="102">
        <v>0</v>
      </c>
      <c r="DY27" s="102">
        <v>0</v>
      </c>
      <c r="DZ27" s="102">
        <v>0</v>
      </c>
      <c r="EA27" s="102">
        <v>0</v>
      </c>
      <c r="EB27" s="102">
        <v>0</v>
      </c>
      <c r="EC27" s="103">
        <v>0</v>
      </c>
      <c r="ED27" s="104">
        <v>1</v>
      </c>
      <c r="EE27" s="101">
        <v>0</v>
      </c>
      <c r="EF27" s="102">
        <v>0</v>
      </c>
      <c r="EG27" s="103">
        <v>0</v>
      </c>
      <c r="EH27" s="413">
        <v>0</v>
      </c>
      <c r="EI27" s="102">
        <v>1</v>
      </c>
      <c r="EJ27" s="102">
        <v>0</v>
      </c>
      <c r="EK27" s="102">
        <v>0</v>
      </c>
      <c r="EL27" s="102">
        <v>0</v>
      </c>
      <c r="EM27" s="102">
        <v>0</v>
      </c>
      <c r="EN27" s="103">
        <v>1</v>
      </c>
      <c r="EO27" s="104">
        <v>1</v>
      </c>
      <c r="EP27" s="101">
        <v>0</v>
      </c>
      <c r="EQ27" s="102">
        <v>1</v>
      </c>
      <c r="ER27" s="103">
        <v>1</v>
      </c>
      <c r="ES27" s="413">
        <v>0</v>
      </c>
      <c r="ET27" s="102">
        <v>1</v>
      </c>
      <c r="EU27" s="102">
        <v>0</v>
      </c>
      <c r="EV27" s="102">
        <v>1</v>
      </c>
      <c r="EW27" s="102">
        <v>1</v>
      </c>
      <c r="EX27" s="102">
        <v>0</v>
      </c>
      <c r="EY27" s="103">
        <v>3</v>
      </c>
      <c r="EZ27" s="104">
        <v>4</v>
      </c>
      <c r="FA27" s="101">
        <v>4</v>
      </c>
      <c r="FB27" s="102">
        <v>1</v>
      </c>
      <c r="FC27" s="103">
        <v>5</v>
      </c>
      <c r="FD27" s="413">
        <v>0</v>
      </c>
      <c r="FE27" s="102">
        <v>1</v>
      </c>
      <c r="FF27" s="102">
        <v>2</v>
      </c>
      <c r="FG27" s="102">
        <v>0</v>
      </c>
      <c r="FH27" s="102">
        <v>0</v>
      </c>
      <c r="FI27" s="102">
        <v>0</v>
      </c>
      <c r="FJ27" s="103">
        <v>3</v>
      </c>
      <c r="FK27" s="104">
        <v>8</v>
      </c>
      <c r="FL27" s="101">
        <v>0</v>
      </c>
      <c r="FM27" s="102">
        <v>0</v>
      </c>
      <c r="FN27" s="103">
        <v>0</v>
      </c>
      <c r="FO27" s="413">
        <v>0</v>
      </c>
      <c r="FP27" s="102">
        <v>2</v>
      </c>
      <c r="FQ27" s="102">
        <v>1</v>
      </c>
      <c r="FR27" s="102">
        <v>5</v>
      </c>
      <c r="FS27" s="102">
        <v>2</v>
      </c>
      <c r="FT27" s="102">
        <v>0</v>
      </c>
      <c r="FU27" s="103">
        <v>10</v>
      </c>
      <c r="FV27" s="104">
        <v>10</v>
      </c>
      <c r="FW27" s="101">
        <v>0</v>
      </c>
      <c r="FX27" s="102">
        <v>0</v>
      </c>
      <c r="FY27" s="103">
        <v>0</v>
      </c>
      <c r="FZ27" s="413">
        <v>0</v>
      </c>
      <c r="GA27" s="102">
        <v>0</v>
      </c>
      <c r="GB27" s="102">
        <v>0</v>
      </c>
      <c r="GC27" s="102">
        <v>0</v>
      </c>
      <c r="GD27" s="102">
        <v>0</v>
      </c>
      <c r="GE27" s="102">
        <v>0</v>
      </c>
      <c r="GF27" s="103">
        <v>0</v>
      </c>
      <c r="GG27" s="104">
        <v>0</v>
      </c>
      <c r="GH27" s="101">
        <v>5</v>
      </c>
      <c r="GI27" s="102">
        <v>2</v>
      </c>
      <c r="GJ27" s="103">
        <v>7</v>
      </c>
      <c r="GK27" s="413">
        <v>0</v>
      </c>
      <c r="GL27" s="102">
        <v>6</v>
      </c>
      <c r="GM27" s="102">
        <v>3</v>
      </c>
      <c r="GN27" s="102">
        <v>6</v>
      </c>
      <c r="GO27" s="102">
        <v>3</v>
      </c>
      <c r="GP27" s="102">
        <v>0</v>
      </c>
      <c r="GQ27" s="103">
        <v>18</v>
      </c>
      <c r="GR27" s="104">
        <v>25</v>
      </c>
      <c r="GS27" s="105">
        <v>32</v>
      </c>
      <c r="GT27" s="97">
        <v>25</v>
      </c>
      <c r="GU27" s="98">
        <v>57</v>
      </c>
      <c r="GV27" s="413">
        <v>0</v>
      </c>
      <c r="GW27" s="97">
        <v>42</v>
      </c>
      <c r="GX27" s="97">
        <v>33</v>
      </c>
      <c r="GY27" s="97">
        <v>29</v>
      </c>
      <c r="GZ27" s="97">
        <v>21</v>
      </c>
      <c r="HA27" s="97">
        <v>10</v>
      </c>
      <c r="HB27" s="99">
        <v>135</v>
      </c>
      <c r="HC27" s="100">
        <v>192</v>
      </c>
      <c r="HD27" s="101">
        <v>0</v>
      </c>
      <c r="HE27" s="102">
        <v>0</v>
      </c>
      <c r="HF27" s="103">
        <v>0</v>
      </c>
      <c r="HG27" s="413">
        <v>0</v>
      </c>
      <c r="HH27" s="102">
        <v>1</v>
      </c>
      <c r="HI27" s="102">
        <v>0</v>
      </c>
      <c r="HJ27" s="102">
        <v>0</v>
      </c>
      <c r="HK27" s="102">
        <v>0</v>
      </c>
      <c r="HL27" s="102">
        <v>0</v>
      </c>
      <c r="HM27" s="103">
        <v>1</v>
      </c>
      <c r="HN27" s="104">
        <v>1</v>
      </c>
      <c r="HO27" s="101">
        <v>1</v>
      </c>
      <c r="HP27" s="102">
        <v>1</v>
      </c>
      <c r="HQ27" s="103">
        <v>2</v>
      </c>
      <c r="HR27" s="413">
        <v>0</v>
      </c>
      <c r="HS27" s="102">
        <v>2</v>
      </c>
      <c r="HT27" s="102">
        <v>0</v>
      </c>
      <c r="HU27" s="102">
        <v>1</v>
      </c>
      <c r="HV27" s="102">
        <v>1</v>
      </c>
      <c r="HW27" s="102">
        <v>1</v>
      </c>
      <c r="HX27" s="103">
        <v>5</v>
      </c>
      <c r="HY27" s="104">
        <v>7</v>
      </c>
      <c r="HZ27" s="101">
        <v>1</v>
      </c>
      <c r="IA27" s="102">
        <v>3</v>
      </c>
      <c r="IB27" s="103">
        <v>4</v>
      </c>
      <c r="IC27" s="413">
        <v>0</v>
      </c>
      <c r="ID27" s="102">
        <v>2</v>
      </c>
      <c r="IE27" s="102">
        <v>3</v>
      </c>
      <c r="IF27" s="102">
        <v>3</v>
      </c>
      <c r="IG27" s="102">
        <v>2</v>
      </c>
      <c r="IH27" s="102">
        <v>0</v>
      </c>
      <c r="II27" s="103">
        <v>10</v>
      </c>
      <c r="IJ27" s="104">
        <v>14</v>
      </c>
      <c r="IK27" s="101">
        <v>3</v>
      </c>
      <c r="IL27" s="102">
        <v>3</v>
      </c>
      <c r="IM27" s="103">
        <v>6</v>
      </c>
      <c r="IN27" s="413">
        <v>0</v>
      </c>
      <c r="IO27" s="102">
        <v>10</v>
      </c>
      <c r="IP27" s="102">
        <v>5</v>
      </c>
      <c r="IQ27" s="102">
        <v>3</v>
      </c>
      <c r="IR27" s="102">
        <v>5</v>
      </c>
      <c r="IS27" s="102">
        <v>1</v>
      </c>
      <c r="IT27" s="103">
        <v>24</v>
      </c>
      <c r="IU27" s="104">
        <v>30</v>
      </c>
      <c r="IV27" s="101">
        <v>16</v>
      </c>
      <c r="IW27" s="102">
        <v>10</v>
      </c>
      <c r="IX27" s="103">
        <v>26</v>
      </c>
      <c r="IY27" s="413">
        <v>0</v>
      </c>
      <c r="IZ27" s="102">
        <v>10</v>
      </c>
      <c r="JA27" s="102">
        <v>12</v>
      </c>
      <c r="JB27" s="102">
        <v>7</v>
      </c>
      <c r="JC27" s="102">
        <v>6</v>
      </c>
      <c r="JD27" s="102">
        <v>2</v>
      </c>
      <c r="JE27" s="103">
        <v>37</v>
      </c>
      <c r="JF27" s="104">
        <v>63</v>
      </c>
      <c r="JG27" s="101">
        <v>11</v>
      </c>
      <c r="JH27" s="102">
        <v>8</v>
      </c>
      <c r="JI27" s="103">
        <v>19</v>
      </c>
      <c r="JJ27" s="413">
        <v>0</v>
      </c>
      <c r="JK27" s="102">
        <v>17</v>
      </c>
      <c r="JL27" s="102">
        <v>13</v>
      </c>
      <c r="JM27" s="102">
        <v>15</v>
      </c>
      <c r="JN27" s="102">
        <v>7</v>
      </c>
      <c r="JO27" s="102">
        <v>6</v>
      </c>
      <c r="JP27" s="103">
        <v>58</v>
      </c>
      <c r="JQ27" s="104">
        <v>77</v>
      </c>
      <c r="JR27" s="101">
        <v>0</v>
      </c>
      <c r="JS27" s="102">
        <v>0</v>
      </c>
      <c r="JT27" s="103">
        <v>0</v>
      </c>
      <c r="JU27" s="413">
        <v>0</v>
      </c>
      <c r="JV27" s="102">
        <v>0</v>
      </c>
      <c r="JW27" s="102">
        <v>0</v>
      </c>
      <c r="JX27" s="102">
        <v>0</v>
      </c>
      <c r="JY27" s="102">
        <v>0</v>
      </c>
      <c r="JZ27" s="102">
        <v>0</v>
      </c>
      <c r="KA27" s="103">
        <v>0</v>
      </c>
      <c r="KB27" s="104">
        <v>0</v>
      </c>
      <c r="KC27" s="101">
        <v>32</v>
      </c>
      <c r="KD27" s="102">
        <v>25</v>
      </c>
      <c r="KE27" s="103">
        <v>57</v>
      </c>
      <c r="KF27" s="413">
        <v>0</v>
      </c>
      <c r="KG27" s="102">
        <v>42</v>
      </c>
      <c r="KH27" s="102">
        <v>33</v>
      </c>
      <c r="KI27" s="102">
        <v>29</v>
      </c>
      <c r="KJ27" s="102">
        <v>21</v>
      </c>
      <c r="KK27" s="102">
        <v>10</v>
      </c>
      <c r="KL27" s="103">
        <v>135</v>
      </c>
      <c r="KM27" s="104">
        <v>192</v>
      </c>
    </row>
    <row r="28" spans="2:299" s="70" customFormat="1" ht="21" customHeight="1" x14ac:dyDescent="0.2">
      <c r="B28" s="106" t="s">
        <v>25</v>
      </c>
      <c r="C28" s="96">
        <v>10</v>
      </c>
      <c r="D28" s="97">
        <v>32</v>
      </c>
      <c r="E28" s="98">
        <v>42</v>
      </c>
      <c r="F28" s="413">
        <v>0</v>
      </c>
      <c r="G28" s="97">
        <v>25</v>
      </c>
      <c r="H28" s="97">
        <v>19</v>
      </c>
      <c r="I28" s="97">
        <v>11</v>
      </c>
      <c r="J28" s="97">
        <v>8</v>
      </c>
      <c r="K28" s="97">
        <v>2</v>
      </c>
      <c r="L28" s="99">
        <v>65</v>
      </c>
      <c r="M28" s="100">
        <v>107</v>
      </c>
      <c r="N28" s="101">
        <v>0</v>
      </c>
      <c r="O28" s="102">
        <v>0</v>
      </c>
      <c r="P28" s="103">
        <v>0</v>
      </c>
      <c r="Q28" s="413">
        <v>0</v>
      </c>
      <c r="R28" s="102">
        <v>1</v>
      </c>
      <c r="S28" s="102">
        <v>1</v>
      </c>
      <c r="T28" s="102">
        <v>0</v>
      </c>
      <c r="U28" s="102">
        <v>0</v>
      </c>
      <c r="V28" s="102">
        <v>0</v>
      </c>
      <c r="W28" s="103">
        <v>2</v>
      </c>
      <c r="X28" s="104">
        <v>2</v>
      </c>
      <c r="Y28" s="101">
        <v>1</v>
      </c>
      <c r="Z28" s="102">
        <v>1</v>
      </c>
      <c r="AA28" s="103">
        <v>2</v>
      </c>
      <c r="AB28" s="413">
        <v>0</v>
      </c>
      <c r="AC28" s="102">
        <v>0</v>
      </c>
      <c r="AD28" s="102">
        <v>2</v>
      </c>
      <c r="AE28" s="102">
        <v>0</v>
      </c>
      <c r="AF28" s="102">
        <v>2</v>
      </c>
      <c r="AG28" s="102">
        <v>0</v>
      </c>
      <c r="AH28" s="103">
        <v>4</v>
      </c>
      <c r="AI28" s="104">
        <v>6</v>
      </c>
      <c r="AJ28" s="101">
        <v>1</v>
      </c>
      <c r="AK28" s="102">
        <v>4</v>
      </c>
      <c r="AL28" s="103">
        <v>5</v>
      </c>
      <c r="AM28" s="413">
        <v>0</v>
      </c>
      <c r="AN28" s="102">
        <v>3</v>
      </c>
      <c r="AO28" s="102">
        <v>0</v>
      </c>
      <c r="AP28" s="102">
        <v>1</v>
      </c>
      <c r="AQ28" s="102">
        <v>2</v>
      </c>
      <c r="AR28" s="102">
        <v>0</v>
      </c>
      <c r="AS28" s="103">
        <v>6</v>
      </c>
      <c r="AT28" s="104">
        <v>11</v>
      </c>
      <c r="AU28" s="101">
        <v>2</v>
      </c>
      <c r="AV28" s="102">
        <v>14</v>
      </c>
      <c r="AW28" s="103">
        <v>16</v>
      </c>
      <c r="AX28" s="413">
        <v>0</v>
      </c>
      <c r="AY28" s="102">
        <v>7</v>
      </c>
      <c r="AZ28" s="102">
        <v>3</v>
      </c>
      <c r="BA28" s="102">
        <v>3</v>
      </c>
      <c r="BB28" s="102">
        <v>1</v>
      </c>
      <c r="BC28" s="102">
        <v>1</v>
      </c>
      <c r="BD28" s="103">
        <v>15</v>
      </c>
      <c r="BE28" s="104">
        <v>31</v>
      </c>
      <c r="BF28" s="101">
        <v>3</v>
      </c>
      <c r="BG28" s="102">
        <v>6</v>
      </c>
      <c r="BH28" s="103">
        <v>9</v>
      </c>
      <c r="BI28" s="413">
        <v>0</v>
      </c>
      <c r="BJ28" s="102">
        <v>9</v>
      </c>
      <c r="BK28" s="102">
        <v>6</v>
      </c>
      <c r="BL28" s="102">
        <v>4</v>
      </c>
      <c r="BM28" s="102">
        <v>1</v>
      </c>
      <c r="BN28" s="102">
        <v>0</v>
      </c>
      <c r="BO28" s="103">
        <v>20</v>
      </c>
      <c r="BP28" s="104">
        <v>29</v>
      </c>
      <c r="BQ28" s="101">
        <v>3</v>
      </c>
      <c r="BR28" s="102">
        <v>7</v>
      </c>
      <c r="BS28" s="103">
        <v>10</v>
      </c>
      <c r="BT28" s="413">
        <v>0</v>
      </c>
      <c r="BU28" s="102">
        <v>5</v>
      </c>
      <c r="BV28" s="102">
        <v>7</v>
      </c>
      <c r="BW28" s="102">
        <v>3</v>
      </c>
      <c r="BX28" s="102">
        <v>2</v>
      </c>
      <c r="BY28" s="102">
        <v>1</v>
      </c>
      <c r="BZ28" s="103">
        <v>18</v>
      </c>
      <c r="CA28" s="104">
        <v>28</v>
      </c>
      <c r="CB28" s="101">
        <v>0</v>
      </c>
      <c r="CC28" s="102">
        <v>0</v>
      </c>
      <c r="CD28" s="103">
        <v>0</v>
      </c>
      <c r="CE28" s="413">
        <v>0</v>
      </c>
      <c r="CF28" s="102">
        <v>0</v>
      </c>
      <c r="CG28" s="102">
        <v>0</v>
      </c>
      <c r="CH28" s="102">
        <v>0</v>
      </c>
      <c r="CI28" s="102">
        <v>0</v>
      </c>
      <c r="CJ28" s="102">
        <v>0</v>
      </c>
      <c r="CK28" s="103">
        <v>0</v>
      </c>
      <c r="CL28" s="104">
        <v>0</v>
      </c>
      <c r="CM28" s="101">
        <v>10</v>
      </c>
      <c r="CN28" s="102">
        <v>32</v>
      </c>
      <c r="CO28" s="103">
        <v>42</v>
      </c>
      <c r="CP28" s="413">
        <v>0</v>
      </c>
      <c r="CQ28" s="102">
        <v>25</v>
      </c>
      <c r="CR28" s="102">
        <v>19</v>
      </c>
      <c r="CS28" s="102">
        <v>11</v>
      </c>
      <c r="CT28" s="102">
        <v>8</v>
      </c>
      <c r="CU28" s="102">
        <v>2</v>
      </c>
      <c r="CV28" s="103">
        <v>65</v>
      </c>
      <c r="CW28" s="104">
        <v>107</v>
      </c>
      <c r="CX28" s="105">
        <v>2</v>
      </c>
      <c r="CY28" s="97">
        <v>1</v>
      </c>
      <c r="CZ28" s="98">
        <v>3</v>
      </c>
      <c r="DA28" s="413">
        <v>0</v>
      </c>
      <c r="DB28" s="97">
        <v>5</v>
      </c>
      <c r="DC28" s="97">
        <v>2</v>
      </c>
      <c r="DD28" s="97">
        <v>2</v>
      </c>
      <c r="DE28" s="97">
        <v>1</v>
      </c>
      <c r="DF28" s="97">
        <v>0</v>
      </c>
      <c r="DG28" s="99">
        <v>10</v>
      </c>
      <c r="DH28" s="100">
        <v>13</v>
      </c>
      <c r="DI28" s="101">
        <v>0</v>
      </c>
      <c r="DJ28" s="102">
        <v>1</v>
      </c>
      <c r="DK28" s="103">
        <v>1</v>
      </c>
      <c r="DL28" s="413">
        <v>0</v>
      </c>
      <c r="DM28" s="102">
        <v>0</v>
      </c>
      <c r="DN28" s="102">
        <v>0</v>
      </c>
      <c r="DO28" s="102">
        <v>0</v>
      </c>
      <c r="DP28" s="102">
        <v>0</v>
      </c>
      <c r="DQ28" s="102">
        <v>0</v>
      </c>
      <c r="DR28" s="103">
        <v>0</v>
      </c>
      <c r="DS28" s="104">
        <v>1</v>
      </c>
      <c r="DT28" s="101">
        <v>0</v>
      </c>
      <c r="DU28" s="102">
        <v>0</v>
      </c>
      <c r="DV28" s="103">
        <v>0</v>
      </c>
      <c r="DW28" s="413">
        <v>0</v>
      </c>
      <c r="DX28" s="102">
        <v>0</v>
      </c>
      <c r="DY28" s="102">
        <v>0</v>
      </c>
      <c r="DZ28" s="102">
        <v>0</v>
      </c>
      <c r="EA28" s="102">
        <v>0</v>
      </c>
      <c r="EB28" s="102">
        <v>0</v>
      </c>
      <c r="EC28" s="103">
        <v>0</v>
      </c>
      <c r="ED28" s="104">
        <v>0</v>
      </c>
      <c r="EE28" s="101">
        <v>0</v>
      </c>
      <c r="EF28" s="102">
        <v>0</v>
      </c>
      <c r="EG28" s="103">
        <v>0</v>
      </c>
      <c r="EH28" s="413">
        <v>0</v>
      </c>
      <c r="EI28" s="102">
        <v>0</v>
      </c>
      <c r="EJ28" s="102">
        <v>1</v>
      </c>
      <c r="EK28" s="102">
        <v>0</v>
      </c>
      <c r="EL28" s="102">
        <v>0</v>
      </c>
      <c r="EM28" s="102">
        <v>0</v>
      </c>
      <c r="EN28" s="103">
        <v>1</v>
      </c>
      <c r="EO28" s="104">
        <v>1</v>
      </c>
      <c r="EP28" s="101">
        <v>0</v>
      </c>
      <c r="EQ28" s="102">
        <v>0</v>
      </c>
      <c r="ER28" s="103">
        <v>0</v>
      </c>
      <c r="ES28" s="413">
        <v>0</v>
      </c>
      <c r="ET28" s="102">
        <v>0</v>
      </c>
      <c r="EU28" s="102">
        <v>1</v>
      </c>
      <c r="EV28" s="102">
        <v>0</v>
      </c>
      <c r="EW28" s="102">
        <v>0</v>
      </c>
      <c r="EX28" s="102">
        <v>0</v>
      </c>
      <c r="EY28" s="103">
        <v>1</v>
      </c>
      <c r="EZ28" s="104">
        <v>1</v>
      </c>
      <c r="FA28" s="101">
        <v>0</v>
      </c>
      <c r="FB28" s="102">
        <v>0</v>
      </c>
      <c r="FC28" s="103">
        <v>0</v>
      </c>
      <c r="FD28" s="413">
        <v>0</v>
      </c>
      <c r="FE28" s="102">
        <v>1</v>
      </c>
      <c r="FF28" s="102">
        <v>0</v>
      </c>
      <c r="FG28" s="102">
        <v>2</v>
      </c>
      <c r="FH28" s="102">
        <v>0</v>
      </c>
      <c r="FI28" s="102">
        <v>0</v>
      </c>
      <c r="FJ28" s="103">
        <v>3</v>
      </c>
      <c r="FK28" s="104">
        <v>3</v>
      </c>
      <c r="FL28" s="101">
        <v>2</v>
      </c>
      <c r="FM28" s="102">
        <v>0</v>
      </c>
      <c r="FN28" s="103">
        <v>2</v>
      </c>
      <c r="FO28" s="413">
        <v>0</v>
      </c>
      <c r="FP28" s="102">
        <v>4</v>
      </c>
      <c r="FQ28" s="102">
        <v>0</v>
      </c>
      <c r="FR28" s="102">
        <v>0</v>
      </c>
      <c r="FS28" s="102">
        <v>1</v>
      </c>
      <c r="FT28" s="102">
        <v>0</v>
      </c>
      <c r="FU28" s="103">
        <v>5</v>
      </c>
      <c r="FV28" s="104">
        <v>7</v>
      </c>
      <c r="FW28" s="101">
        <v>0</v>
      </c>
      <c r="FX28" s="102">
        <v>0</v>
      </c>
      <c r="FY28" s="103">
        <v>0</v>
      </c>
      <c r="FZ28" s="413">
        <v>0</v>
      </c>
      <c r="GA28" s="102">
        <v>0</v>
      </c>
      <c r="GB28" s="102">
        <v>0</v>
      </c>
      <c r="GC28" s="102">
        <v>0</v>
      </c>
      <c r="GD28" s="102">
        <v>0</v>
      </c>
      <c r="GE28" s="102">
        <v>0</v>
      </c>
      <c r="GF28" s="103">
        <v>0</v>
      </c>
      <c r="GG28" s="104">
        <v>0</v>
      </c>
      <c r="GH28" s="101">
        <v>2</v>
      </c>
      <c r="GI28" s="102">
        <v>1</v>
      </c>
      <c r="GJ28" s="103">
        <v>3</v>
      </c>
      <c r="GK28" s="413">
        <v>0</v>
      </c>
      <c r="GL28" s="102">
        <v>5</v>
      </c>
      <c r="GM28" s="102">
        <v>2</v>
      </c>
      <c r="GN28" s="102">
        <v>2</v>
      </c>
      <c r="GO28" s="102">
        <v>1</v>
      </c>
      <c r="GP28" s="102">
        <v>0</v>
      </c>
      <c r="GQ28" s="103">
        <v>10</v>
      </c>
      <c r="GR28" s="104">
        <v>13</v>
      </c>
      <c r="GS28" s="105">
        <v>12</v>
      </c>
      <c r="GT28" s="97">
        <v>33</v>
      </c>
      <c r="GU28" s="98">
        <v>45</v>
      </c>
      <c r="GV28" s="413">
        <v>0</v>
      </c>
      <c r="GW28" s="97">
        <v>30</v>
      </c>
      <c r="GX28" s="97">
        <v>21</v>
      </c>
      <c r="GY28" s="97">
        <v>13</v>
      </c>
      <c r="GZ28" s="97">
        <v>9</v>
      </c>
      <c r="HA28" s="97">
        <v>2</v>
      </c>
      <c r="HB28" s="99">
        <v>75</v>
      </c>
      <c r="HC28" s="100">
        <v>120</v>
      </c>
      <c r="HD28" s="101">
        <v>0</v>
      </c>
      <c r="HE28" s="102">
        <v>1</v>
      </c>
      <c r="HF28" s="103">
        <v>1</v>
      </c>
      <c r="HG28" s="413">
        <v>0</v>
      </c>
      <c r="HH28" s="102">
        <v>1</v>
      </c>
      <c r="HI28" s="102">
        <v>1</v>
      </c>
      <c r="HJ28" s="102">
        <v>0</v>
      </c>
      <c r="HK28" s="102">
        <v>0</v>
      </c>
      <c r="HL28" s="102">
        <v>0</v>
      </c>
      <c r="HM28" s="103">
        <v>2</v>
      </c>
      <c r="HN28" s="104">
        <v>3</v>
      </c>
      <c r="HO28" s="101">
        <v>1</v>
      </c>
      <c r="HP28" s="102">
        <v>1</v>
      </c>
      <c r="HQ28" s="103">
        <v>2</v>
      </c>
      <c r="HR28" s="413">
        <v>0</v>
      </c>
      <c r="HS28" s="102">
        <v>0</v>
      </c>
      <c r="HT28" s="102">
        <v>2</v>
      </c>
      <c r="HU28" s="102">
        <v>0</v>
      </c>
      <c r="HV28" s="102">
        <v>2</v>
      </c>
      <c r="HW28" s="102">
        <v>0</v>
      </c>
      <c r="HX28" s="103">
        <v>4</v>
      </c>
      <c r="HY28" s="104">
        <v>6</v>
      </c>
      <c r="HZ28" s="101">
        <v>1</v>
      </c>
      <c r="IA28" s="102">
        <v>4</v>
      </c>
      <c r="IB28" s="103">
        <v>5</v>
      </c>
      <c r="IC28" s="413">
        <v>0</v>
      </c>
      <c r="ID28" s="102">
        <v>3</v>
      </c>
      <c r="IE28" s="102">
        <v>1</v>
      </c>
      <c r="IF28" s="102">
        <v>1</v>
      </c>
      <c r="IG28" s="102">
        <v>2</v>
      </c>
      <c r="IH28" s="102">
        <v>0</v>
      </c>
      <c r="II28" s="103">
        <v>7</v>
      </c>
      <c r="IJ28" s="104">
        <v>12</v>
      </c>
      <c r="IK28" s="101">
        <v>2</v>
      </c>
      <c r="IL28" s="102">
        <v>14</v>
      </c>
      <c r="IM28" s="103">
        <v>16</v>
      </c>
      <c r="IN28" s="413">
        <v>0</v>
      </c>
      <c r="IO28" s="102">
        <v>7</v>
      </c>
      <c r="IP28" s="102">
        <v>4</v>
      </c>
      <c r="IQ28" s="102">
        <v>3</v>
      </c>
      <c r="IR28" s="102">
        <v>1</v>
      </c>
      <c r="IS28" s="102">
        <v>1</v>
      </c>
      <c r="IT28" s="103">
        <v>16</v>
      </c>
      <c r="IU28" s="104">
        <v>32</v>
      </c>
      <c r="IV28" s="101">
        <v>3</v>
      </c>
      <c r="IW28" s="102">
        <v>6</v>
      </c>
      <c r="IX28" s="103">
        <v>9</v>
      </c>
      <c r="IY28" s="413">
        <v>0</v>
      </c>
      <c r="IZ28" s="102">
        <v>10</v>
      </c>
      <c r="JA28" s="102">
        <v>6</v>
      </c>
      <c r="JB28" s="102">
        <v>6</v>
      </c>
      <c r="JC28" s="102">
        <v>1</v>
      </c>
      <c r="JD28" s="102">
        <v>0</v>
      </c>
      <c r="JE28" s="103">
        <v>23</v>
      </c>
      <c r="JF28" s="104">
        <v>32</v>
      </c>
      <c r="JG28" s="101">
        <v>5</v>
      </c>
      <c r="JH28" s="102">
        <v>7</v>
      </c>
      <c r="JI28" s="103">
        <v>12</v>
      </c>
      <c r="JJ28" s="413">
        <v>0</v>
      </c>
      <c r="JK28" s="102">
        <v>9</v>
      </c>
      <c r="JL28" s="102">
        <v>7</v>
      </c>
      <c r="JM28" s="102">
        <v>3</v>
      </c>
      <c r="JN28" s="102">
        <v>3</v>
      </c>
      <c r="JO28" s="102">
        <v>1</v>
      </c>
      <c r="JP28" s="103">
        <v>23</v>
      </c>
      <c r="JQ28" s="104">
        <v>35</v>
      </c>
      <c r="JR28" s="101">
        <v>0</v>
      </c>
      <c r="JS28" s="102">
        <v>0</v>
      </c>
      <c r="JT28" s="103">
        <v>0</v>
      </c>
      <c r="JU28" s="413">
        <v>0</v>
      </c>
      <c r="JV28" s="102">
        <v>0</v>
      </c>
      <c r="JW28" s="102">
        <v>0</v>
      </c>
      <c r="JX28" s="102">
        <v>0</v>
      </c>
      <c r="JY28" s="102">
        <v>0</v>
      </c>
      <c r="JZ28" s="102">
        <v>0</v>
      </c>
      <c r="KA28" s="103">
        <v>0</v>
      </c>
      <c r="KB28" s="104">
        <v>0</v>
      </c>
      <c r="KC28" s="101">
        <v>12</v>
      </c>
      <c r="KD28" s="102">
        <v>33</v>
      </c>
      <c r="KE28" s="103">
        <v>45</v>
      </c>
      <c r="KF28" s="413">
        <v>0</v>
      </c>
      <c r="KG28" s="102">
        <v>30</v>
      </c>
      <c r="KH28" s="102">
        <v>21</v>
      </c>
      <c r="KI28" s="102">
        <v>13</v>
      </c>
      <c r="KJ28" s="102">
        <v>9</v>
      </c>
      <c r="KK28" s="102">
        <v>2</v>
      </c>
      <c r="KL28" s="103">
        <v>75</v>
      </c>
      <c r="KM28" s="104">
        <v>120</v>
      </c>
    </row>
    <row r="29" spans="2:299" s="70" customFormat="1" ht="21" customHeight="1" x14ac:dyDescent="0.2">
      <c r="B29" s="106" t="s">
        <v>26</v>
      </c>
      <c r="C29" s="96">
        <v>28</v>
      </c>
      <c r="D29" s="97">
        <v>18</v>
      </c>
      <c r="E29" s="98">
        <v>46</v>
      </c>
      <c r="F29" s="413">
        <v>0</v>
      </c>
      <c r="G29" s="97">
        <v>32</v>
      </c>
      <c r="H29" s="97">
        <v>20</v>
      </c>
      <c r="I29" s="97">
        <v>18</v>
      </c>
      <c r="J29" s="97">
        <v>13</v>
      </c>
      <c r="K29" s="97">
        <v>8</v>
      </c>
      <c r="L29" s="99">
        <v>91</v>
      </c>
      <c r="M29" s="100">
        <v>137</v>
      </c>
      <c r="N29" s="101">
        <v>0</v>
      </c>
      <c r="O29" s="102">
        <v>0</v>
      </c>
      <c r="P29" s="103">
        <v>0</v>
      </c>
      <c r="Q29" s="413">
        <v>0</v>
      </c>
      <c r="R29" s="102">
        <v>0</v>
      </c>
      <c r="S29" s="102">
        <v>0</v>
      </c>
      <c r="T29" s="102">
        <v>1</v>
      </c>
      <c r="U29" s="102">
        <v>0</v>
      </c>
      <c r="V29" s="102">
        <v>0</v>
      </c>
      <c r="W29" s="103">
        <v>1</v>
      </c>
      <c r="X29" s="104">
        <v>1</v>
      </c>
      <c r="Y29" s="101">
        <v>0</v>
      </c>
      <c r="Z29" s="102">
        <v>0</v>
      </c>
      <c r="AA29" s="103">
        <v>0</v>
      </c>
      <c r="AB29" s="413">
        <v>0</v>
      </c>
      <c r="AC29" s="102">
        <v>3</v>
      </c>
      <c r="AD29" s="102">
        <v>0</v>
      </c>
      <c r="AE29" s="102">
        <v>0</v>
      </c>
      <c r="AF29" s="102">
        <v>0</v>
      </c>
      <c r="AG29" s="102">
        <v>0</v>
      </c>
      <c r="AH29" s="103">
        <v>3</v>
      </c>
      <c r="AI29" s="104">
        <v>3</v>
      </c>
      <c r="AJ29" s="101">
        <v>1</v>
      </c>
      <c r="AK29" s="102">
        <v>2</v>
      </c>
      <c r="AL29" s="103">
        <v>3</v>
      </c>
      <c r="AM29" s="413">
        <v>0</v>
      </c>
      <c r="AN29" s="102">
        <v>5</v>
      </c>
      <c r="AO29" s="102">
        <v>0</v>
      </c>
      <c r="AP29" s="102">
        <v>0</v>
      </c>
      <c r="AQ29" s="102">
        <v>0</v>
      </c>
      <c r="AR29" s="102">
        <v>0</v>
      </c>
      <c r="AS29" s="103">
        <v>5</v>
      </c>
      <c r="AT29" s="104">
        <v>8</v>
      </c>
      <c r="AU29" s="101">
        <v>10</v>
      </c>
      <c r="AV29" s="102">
        <v>7</v>
      </c>
      <c r="AW29" s="103">
        <v>17</v>
      </c>
      <c r="AX29" s="413">
        <v>0</v>
      </c>
      <c r="AY29" s="102">
        <v>6</v>
      </c>
      <c r="AZ29" s="102">
        <v>7</v>
      </c>
      <c r="BA29" s="102">
        <v>4</v>
      </c>
      <c r="BB29" s="102">
        <v>6</v>
      </c>
      <c r="BC29" s="102">
        <v>1</v>
      </c>
      <c r="BD29" s="103">
        <v>24</v>
      </c>
      <c r="BE29" s="104">
        <v>41</v>
      </c>
      <c r="BF29" s="101">
        <v>6</v>
      </c>
      <c r="BG29" s="102">
        <v>4</v>
      </c>
      <c r="BH29" s="103">
        <v>10</v>
      </c>
      <c r="BI29" s="413">
        <v>0</v>
      </c>
      <c r="BJ29" s="102">
        <v>8</v>
      </c>
      <c r="BK29" s="102">
        <v>9</v>
      </c>
      <c r="BL29" s="102">
        <v>7</v>
      </c>
      <c r="BM29" s="102">
        <v>4</v>
      </c>
      <c r="BN29" s="102">
        <v>4</v>
      </c>
      <c r="BO29" s="103">
        <v>32</v>
      </c>
      <c r="BP29" s="104">
        <v>42</v>
      </c>
      <c r="BQ29" s="101">
        <v>11</v>
      </c>
      <c r="BR29" s="102">
        <v>5</v>
      </c>
      <c r="BS29" s="103">
        <v>16</v>
      </c>
      <c r="BT29" s="413">
        <v>0</v>
      </c>
      <c r="BU29" s="102">
        <v>10</v>
      </c>
      <c r="BV29" s="102">
        <v>4</v>
      </c>
      <c r="BW29" s="102">
        <v>6</v>
      </c>
      <c r="BX29" s="102">
        <v>3</v>
      </c>
      <c r="BY29" s="102">
        <v>3</v>
      </c>
      <c r="BZ29" s="103">
        <v>26</v>
      </c>
      <c r="CA29" s="104">
        <v>42</v>
      </c>
      <c r="CB29" s="101">
        <v>0</v>
      </c>
      <c r="CC29" s="102">
        <v>0</v>
      </c>
      <c r="CD29" s="103">
        <v>0</v>
      </c>
      <c r="CE29" s="413">
        <v>0</v>
      </c>
      <c r="CF29" s="102">
        <v>0</v>
      </c>
      <c r="CG29" s="102">
        <v>0</v>
      </c>
      <c r="CH29" s="102">
        <v>0</v>
      </c>
      <c r="CI29" s="102">
        <v>0</v>
      </c>
      <c r="CJ29" s="102">
        <v>0</v>
      </c>
      <c r="CK29" s="103">
        <v>0</v>
      </c>
      <c r="CL29" s="104">
        <v>0</v>
      </c>
      <c r="CM29" s="101">
        <v>28</v>
      </c>
      <c r="CN29" s="102">
        <v>18</v>
      </c>
      <c r="CO29" s="103">
        <v>46</v>
      </c>
      <c r="CP29" s="413">
        <v>0</v>
      </c>
      <c r="CQ29" s="102">
        <v>32</v>
      </c>
      <c r="CR29" s="102">
        <v>20</v>
      </c>
      <c r="CS29" s="102">
        <v>18</v>
      </c>
      <c r="CT29" s="102">
        <v>13</v>
      </c>
      <c r="CU29" s="102">
        <v>8</v>
      </c>
      <c r="CV29" s="103">
        <v>91</v>
      </c>
      <c r="CW29" s="104">
        <v>137</v>
      </c>
      <c r="CX29" s="105">
        <v>2</v>
      </c>
      <c r="CY29" s="97">
        <v>4</v>
      </c>
      <c r="CZ29" s="98">
        <v>6</v>
      </c>
      <c r="DA29" s="413">
        <v>0</v>
      </c>
      <c r="DB29" s="97">
        <v>6</v>
      </c>
      <c r="DC29" s="97">
        <v>2</v>
      </c>
      <c r="DD29" s="97">
        <v>2</v>
      </c>
      <c r="DE29" s="97">
        <v>2</v>
      </c>
      <c r="DF29" s="97">
        <v>1</v>
      </c>
      <c r="DG29" s="99">
        <v>13</v>
      </c>
      <c r="DH29" s="100">
        <v>19</v>
      </c>
      <c r="DI29" s="101">
        <v>0</v>
      </c>
      <c r="DJ29" s="102">
        <v>1</v>
      </c>
      <c r="DK29" s="103">
        <v>1</v>
      </c>
      <c r="DL29" s="413">
        <v>0</v>
      </c>
      <c r="DM29" s="102">
        <v>0</v>
      </c>
      <c r="DN29" s="102">
        <v>0</v>
      </c>
      <c r="DO29" s="102">
        <v>0</v>
      </c>
      <c r="DP29" s="102">
        <v>0</v>
      </c>
      <c r="DQ29" s="102">
        <v>0</v>
      </c>
      <c r="DR29" s="103">
        <v>0</v>
      </c>
      <c r="DS29" s="104">
        <v>1</v>
      </c>
      <c r="DT29" s="101">
        <v>0</v>
      </c>
      <c r="DU29" s="102">
        <v>0</v>
      </c>
      <c r="DV29" s="103">
        <v>0</v>
      </c>
      <c r="DW29" s="413">
        <v>0</v>
      </c>
      <c r="DX29" s="102">
        <v>0</v>
      </c>
      <c r="DY29" s="102">
        <v>0</v>
      </c>
      <c r="DZ29" s="102">
        <v>0</v>
      </c>
      <c r="EA29" s="102">
        <v>1</v>
      </c>
      <c r="EB29" s="102">
        <v>0</v>
      </c>
      <c r="EC29" s="103">
        <v>1</v>
      </c>
      <c r="ED29" s="104">
        <v>1</v>
      </c>
      <c r="EE29" s="101">
        <v>1</v>
      </c>
      <c r="EF29" s="102">
        <v>0</v>
      </c>
      <c r="EG29" s="103">
        <v>1</v>
      </c>
      <c r="EH29" s="413">
        <v>0</v>
      </c>
      <c r="EI29" s="102">
        <v>0</v>
      </c>
      <c r="EJ29" s="102">
        <v>0</v>
      </c>
      <c r="EK29" s="102">
        <v>0</v>
      </c>
      <c r="EL29" s="102">
        <v>0</v>
      </c>
      <c r="EM29" s="102">
        <v>0</v>
      </c>
      <c r="EN29" s="103">
        <v>0</v>
      </c>
      <c r="EO29" s="104">
        <v>1</v>
      </c>
      <c r="EP29" s="101">
        <v>1</v>
      </c>
      <c r="EQ29" s="102">
        <v>0</v>
      </c>
      <c r="ER29" s="103">
        <v>1</v>
      </c>
      <c r="ES29" s="413">
        <v>0</v>
      </c>
      <c r="ET29" s="102">
        <v>2</v>
      </c>
      <c r="EU29" s="102">
        <v>1</v>
      </c>
      <c r="EV29" s="102">
        <v>0</v>
      </c>
      <c r="EW29" s="102">
        <v>0</v>
      </c>
      <c r="EX29" s="102">
        <v>0</v>
      </c>
      <c r="EY29" s="103">
        <v>3</v>
      </c>
      <c r="EZ29" s="104">
        <v>4</v>
      </c>
      <c r="FA29" s="101">
        <v>0</v>
      </c>
      <c r="FB29" s="102">
        <v>1</v>
      </c>
      <c r="FC29" s="103">
        <v>1</v>
      </c>
      <c r="FD29" s="413">
        <v>0</v>
      </c>
      <c r="FE29" s="102">
        <v>1</v>
      </c>
      <c r="FF29" s="102">
        <v>1</v>
      </c>
      <c r="FG29" s="102">
        <v>0</v>
      </c>
      <c r="FH29" s="102">
        <v>0</v>
      </c>
      <c r="FI29" s="102">
        <v>0</v>
      </c>
      <c r="FJ29" s="103">
        <v>2</v>
      </c>
      <c r="FK29" s="104">
        <v>3</v>
      </c>
      <c r="FL29" s="101">
        <v>0</v>
      </c>
      <c r="FM29" s="102">
        <v>2</v>
      </c>
      <c r="FN29" s="103">
        <v>2</v>
      </c>
      <c r="FO29" s="413">
        <v>0</v>
      </c>
      <c r="FP29" s="102">
        <v>3</v>
      </c>
      <c r="FQ29" s="102">
        <v>0</v>
      </c>
      <c r="FR29" s="102">
        <v>2</v>
      </c>
      <c r="FS29" s="102">
        <v>1</v>
      </c>
      <c r="FT29" s="102">
        <v>1</v>
      </c>
      <c r="FU29" s="103">
        <v>7</v>
      </c>
      <c r="FV29" s="104">
        <v>9</v>
      </c>
      <c r="FW29" s="101">
        <v>0</v>
      </c>
      <c r="FX29" s="102">
        <v>0</v>
      </c>
      <c r="FY29" s="103">
        <v>0</v>
      </c>
      <c r="FZ29" s="413">
        <v>0</v>
      </c>
      <c r="GA29" s="102">
        <v>0</v>
      </c>
      <c r="GB29" s="102">
        <v>0</v>
      </c>
      <c r="GC29" s="102">
        <v>0</v>
      </c>
      <c r="GD29" s="102">
        <v>0</v>
      </c>
      <c r="GE29" s="102">
        <v>0</v>
      </c>
      <c r="GF29" s="103">
        <v>0</v>
      </c>
      <c r="GG29" s="104">
        <v>0</v>
      </c>
      <c r="GH29" s="101">
        <v>2</v>
      </c>
      <c r="GI29" s="102">
        <v>4</v>
      </c>
      <c r="GJ29" s="103">
        <v>6</v>
      </c>
      <c r="GK29" s="413">
        <v>0</v>
      </c>
      <c r="GL29" s="102">
        <v>6</v>
      </c>
      <c r="GM29" s="102">
        <v>2</v>
      </c>
      <c r="GN29" s="102">
        <v>2</v>
      </c>
      <c r="GO29" s="102">
        <v>2</v>
      </c>
      <c r="GP29" s="102">
        <v>1</v>
      </c>
      <c r="GQ29" s="103">
        <v>13</v>
      </c>
      <c r="GR29" s="104">
        <v>19</v>
      </c>
      <c r="GS29" s="105">
        <v>30</v>
      </c>
      <c r="GT29" s="97">
        <v>22</v>
      </c>
      <c r="GU29" s="98">
        <v>52</v>
      </c>
      <c r="GV29" s="413">
        <v>0</v>
      </c>
      <c r="GW29" s="97">
        <v>38</v>
      </c>
      <c r="GX29" s="97">
        <v>22</v>
      </c>
      <c r="GY29" s="97">
        <v>20</v>
      </c>
      <c r="GZ29" s="97">
        <v>15</v>
      </c>
      <c r="HA29" s="97">
        <v>9</v>
      </c>
      <c r="HB29" s="99">
        <v>104</v>
      </c>
      <c r="HC29" s="100">
        <v>156</v>
      </c>
      <c r="HD29" s="101">
        <v>0</v>
      </c>
      <c r="HE29" s="102">
        <v>1</v>
      </c>
      <c r="HF29" s="103">
        <v>1</v>
      </c>
      <c r="HG29" s="413">
        <v>0</v>
      </c>
      <c r="HH29" s="102">
        <v>0</v>
      </c>
      <c r="HI29" s="102">
        <v>0</v>
      </c>
      <c r="HJ29" s="102">
        <v>1</v>
      </c>
      <c r="HK29" s="102">
        <v>0</v>
      </c>
      <c r="HL29" s="102">
        <v>0</v>
      </c>
      <c r="HM29" s="103">
        <v>1</v>
      </c>
      <c r="HN29" s="104">
        <v>2</v>
      </c>
      <c r="HO29" s="101">
        <v>0</v>
      </c>
      <c r="HP29" s="102">
        <v>0</v>
      </c>
      <c r="HQ29" s="103">
        <v>0</v>
      </c>
      <c r="HR29" s="413">
        <v>0</v>
      </c>
      <c r="HS29" s="102">
        <v>3</v>
      </c>
      <c r="HT29" s="102">
        <v>0</v>
      </c>
      <c r="HU29" s="102">
        <v>0</v>
      </c>
      <c r="HV29" s="102">
        <v>1</v>
      </c>
      <c r="HW29" s="102">
        <v>0</v>
      </c>
      <c r="HX29" s="103">
        <v>4</v>
      </c>
      <c r="HY29" s="104">
        <v>4</v>
      </c>
      <c r="HZ29" s="101">
        <v>2</v>
      </c>
      <c r="IA29" s="102">
        <v>2</v>
      </c>
      <c r="IB29" s="103">
        <v>4</v>
      </c>
      <c r="IC29" s="413">
        <v>0</v>
      </c>
      <c r="ID29" s="102">
        <v>5</v>
      </c>
      <c r="IE29" s="102">
        <v>0</v>
      </c>
      <c r="IF29" s="102">
        <v>0</v>
      </c>
      <c r="IG29" s="102">
        <v>0</v>
      </c>
      <c r="IH29" s="102">
        <v>0</v>
      </c>
      <c r="II29" s="103">
        <v>5</v>
      </c>
      <c r="IJ29" s="104">
        <v>9</v>
      </c>
      <c r="IK29" s="101">
        <v>11</v>
      </c>
      <c r="IL29" s="102">
        <v>7</v>
      </c>
      <c r="IM29" s="103">
        <v>18</v>
      </c>
      <c r="IN29" s="413">
        <v>0</v>
      </c>
      <c r="IO29" s="102">
        <v>8</v>
      </c>
      <c r="IP29" s="102">
        <v>8</v>
      </c>
      <c r="IQ29" s="102">
        <v>4</v>
      </c>
      <c r="IR29" s="102">
        <v>6</v>
      </c>
      <c r="IS29" s="102">
        <v>1</v>
      </c>
      <c r="IT29" s="103">
        <v>27</v>
      </c>
      <c r="IU29" s="104">
        <v>45</v>
      </c>
      <c r="IV29" s="101">
        <v>6</v>
      </c>
      <c r="IW29" s="102">
        <v>5</v>
      </c>
      <c r="IX29" s="103">
        <v>11</v>
      </c>
      <c r="IY29" s="413">
        <v>0</v>
      </c>
      <c r="IZ29" s="102">
        <v>9</v>
      </c>
      <c r="JA29" s="102">
        <v>10</v>
      </c>
      <c r="JB29" s="102">
        <v>7</v>
      </c>
      <c r="JC29" s="102">
        <v>4</v>
      </c>
      <c r="JD29" s="102">
        <v>4</v>
      </c>
      <c r="JE29" s="103">
        <v>34</v>
      </c>
      <c r="JF29" s="104">
        <v>45</v>
      </c>
      <c r="JG29" s="101">
        <v>11</v>
      </c>
      <c r="JH29" s="102">
        <v>7</v>
      </c>
      <c r="JI29" s="103">
        <v>18</v>
      </c>
      <c r="JJ29" s="413">
        <v>0</v>
      </c>
      <c r="JK29" s="102">
        <v>13</v>
      </c>
      <c r="JL29" s="102">
        <v>4</v>
      </c>
      <c r="JM29" s="102">
        <v>8</v>
      </c>
      <c r="JN29" s="102">
        <v>4</v>
      </c>
      <c r="JO29" s="102">
        <v>4</v>
      </c>
      <c r="JP29" s="103">
        <v>33</v>
      </c>
      <c r="JQ29" s="104">
        <v>51</v>
      </c>
      <c r="JR29" s="101">
        <v>0</v>
      </c>
      <c r="JS29" s="102">
        <v>0</v>
      </c>
      <c r="JT29" s="103">
        <v>0</v>
      </c>
      <c r="JU29" s="413">
        <v>0</v>
      </c>
      <c r="JV29" s="102">
        <v>0</v>
      </c>
      <c r="JW29" s="102">
        <v>0</v>
      </c>
      <c r="JX29" s="102">
        <v>0</v>
      </c>
      <c r="JY29" s="102">
        <v>0</v>
      </c>
      <c r="JZ29" s="102">
        <v>0</v>
      </c>
      <c r="KA29" s="103">
        <v>0</v>
      </c>
      <c r="KB29" s="104">
        <v>0</v>
      </c>
      <c r="KC29" s="101">
        <v>30</v>
      </c>
      <c r="KD29" s="102">
        <v>22</v>
      </c>
      <c r="KE29" s="103">
        <v>52</v>
      </c>
      <c r="KF29" s="413">
        <v>0</v>
      </c>
      <c r="KG29" s="102">
        <v>38</v>
      </c>
      <c r="KH29" s="102">
        <v>22</v>
      </c>
      <c r="KI29" s="102">
        <v>20</v>
      </c>
      <c r="KJ29" s="102">
        <v>15</v>
      </c>
      <c r="KK29" s="102">
        <v>9</v>
      </c>
      <c r="KL29" s="103">
        <v>104</v>
      </c>
      <c r="KM29" s="104">
        <v>156</v>
      </c>
    </row>
    <row r="30" spans="2:299" s="70" customFormat="1" ht="21" customHeight="1" x14ac:dyDescent="0.2">
      <c r="B30" s="106" t="s">
        <v>27</v>
      </c>
      <c r="C30" s="96">
        <v>31</v>
      </c>
      <c r="D30" s="97">
        <v>26</v>
      </c>
      <c r="E30" s="98">
        <v>57</v>
      </c>
      <c r="F30" s="413">
        <v>0</v>
      </c>
      <c r="G30" s="97">
        <v>21</v>
      </c>
      <c r="H30" s="97">
        <v>18</v>
      </c>
      <c r="I30" s="97">
        <v>13</v>
      </c>
      <c r="J30" s="97">
        <v>18</v>
      </c>
      <c r="K30" s="97">
        <v>12</v>
      </c>
      <c r="L30" s="99">
        <v>82</v>
      </c>
      <c r="M30" s="100">
        <v>139</v>
      </c>
      <c r="N30" s="101">
        <v>0</v>
      </c>
      <c r="O30" s="102">
        <v>1</v>
      </c>
      <c r="P30" s="103">
        <v>1</v>
      </c>
      <c r="Q30" s="413">
        <v>0</v>
      </c>
      <c r="R30" s="102">
        <v>0</v>
      </c>
      <c r="S30" s="102">
        <v>0</v>
      </c>
      <c r="T30" s="102">
        <v>0</v>
      </c>
      <c r="U30" s="102">
        <v>0</v>
      </c>
      <c r="V30" s="102">
        <v>1</v>
      </c>
      <c r="W30" s="103">
        <v>1</v>
      </c>
      <c r="X30" s="104">
        <v>2</v>
      </c>
      <c r="Y30" s="101">
        <v>1</v>
      </c>
      <c r="Z30" s="102">
        <v>0</v>
      </c>
      <c r="AA30" s="103">
        <v>1</v>
      </c>
      <c r="AB30" s="413">
        <v>0</v>
      </c>
      <c r="AC30" s="102">
        <v>1</v>
      </c>
      <c r="AD30" s="102">
        <v>0</v>
      </c>
      <c r="AE30" s="102">
        <v>0</v>
      </c>
      <c r="AF30" s="102">
        <v>0</v>
      </c>
      <c r="AG30" s="102">
        <v>1</v>
      </c>
      <c r="AH30" s="103">
        <v>2</v>
      </c>
      <c r="AI30" s="104">
        <v>3</v>
      </c>
      <c r="AJ30" s="101">
        <v>4</v>
      </c>
      <c r="AK30" s="102">
        <v>4</v>
      </c>
      <c r="AL30" s="103">
        <v>8</v>
      </c>
      <c r="AM30" s="413">
        <v>0</v>
      </c>
      <c r="AN30" s="102">
        <v>1</v>
      </c>
      <c r="AO30" s="102">
        <v>1</v>
      </c>
      <c r="AP30" s="102">
        <v>0</v>
      </c>
      <c r="AQ30" s="102">
        <v>2</v>
      </c>
      <c r="AR30" s="102">
        <v>1</v>
      </c>
      <c r="AS30" s="103">
        <v>5</v>
      </c>
      <c r="AT30" s="104">
        <v>13</v>
      </c>
      <c r="AU30" s="101">
        <v>8</v>
      </c>
      <c r="AV30" s="102">
        <v>6</v>
      </c>
      <c r="AW30" s="103">
        <v>14</v>
      </c>
      <c r="AX30" s="413">
        <v>0</v>
      </c>
      <c r="AY30" s="102">
        <v>3</v>
      </c>
      <c r="AZ30" s="102">
        <v>5</v>
      </c>
      <c r="BA30" s="102">
        <v>5</v>
      </c>
      <c r="BB30" s="102">
        <v>0</v>
      </c>
      <c r="BC30" s="102">
        <v>2</v>
      </c>
      <c r="BD30" s="103">
        <v>15</v>
      </c>
      <c r="BE30" s="104">
        <v>29</v>
      </c>
      <c r="BF30" s="101">
        <v>10</v>
      </c>
      <c r="BG30" s="102">
        <v>7</v>
      </c>
      <c r="BH30" s="103">
        <v>17</v>
      </c>
      <c r="BI30" s="413">
        <v>0</v>
      </c>
      <c r="BJ30" s="102">
        <v>9</v>
      </c>
      <c r="BK30" s="102">
        <v>5</v>
      </c>
      <c r="BL30" s="102">
        <v>5</v>
      </c>
      <c r="BM30" s="102">
        <v>5</v>
      </c>
      <c r="BN30" s="102">
        <v>4</v>
      </c>
      <c r="BO30" s="103">
        <v>28</v>
      </c>
      <c r="BP30" s="104">
        <v>45</v>
      </c>
      <c r="BQ30" s="101">
        <v>8</v>
      </c>
      <c r="BR30" s="102">
        <v>8</v>
      </c>
      <c r="BS30" s="103">
        <v>16</v>
      </c>
      <c r="BT30" s="413">
        <v>0</v>
      </c>
      <c r="BU30" s="102">
        <v>7</v>
      </c>
      <c r="BV30" s="102">
        <v>7</v>
      </c>
      <c r="BW30" s="102">
        <v>3</v>
      </c>
      <c r="BX30" s="102">
        <v>11</v>
      </c>
      <c r="BY30" s="102">
        <v>3</v>
      </c>
      <c r="BZ30" s="103">
        <v>31</v>
      </c>
      <c r="CA30" s="104">
        <v>47</v>
      </c>
      <c r="CB30" s="101">
        <v>0</v>
      </c>
      <c r="CC30" s="102">
        <v>0</v>
      </c>
      <c r="CD30" s="103">
        <v>0</v>
      </c>
      <c r="CE30" s="413">
        <v>0</v>
      </c>
      <c r="CF30" s="102">
        <v>0</v>
      </c>
      <c r="CG30" s="102">
        <v>0</v>
      </c>
      <c r="CH30" s="102">
        <v>0</v>
      </c>
      <c r="CI30" s="102">
        <v>0</v>
      </c>
      <c r="CJ30" s="102">
        <v>0</v>
      </c>
      <c r="CK30" s="103">
        <v>0</v>
      </c>
      <c r="CL30" s="104">
        <v>0</v>
      </c>
      <c r="CM30" s="101">
        <v>31</v>
      </c>
      <c r="CN30" s="102">
        <v>26</v>
      </c>
      <c r="CO30" s="103">
        <v>57</v>
      </c>
      <c r="CP30" s="413">
        <v>0</v>
      </c>
      <c r="CQ30" s="102">
        <v>21</v>
      </c>
      <c r="CR30" s="102">
        <v>18</v>
      </c>
      <c r="CS30" s="102">
        <v>13</v>
      </c>
      <c r="CT30" s="102">
        <v>18</v>
      </c>
      <c r="CU30" s="102">
        <v>12</v>
      </c>
      <c r="CV30" s="103">
        <v>82</v>
      </c>
      <c r="CW30" s="104">
        <v>139</v>
      </c>
      <c r="CX30" s="105">
        <v>6</v>
      </c>
      <c r="CY30" s="97">
        <v>4</v>
      </c>
      <c r="CZ30" s="98">
        <v>10</v>
      </c>
      <c r="DA30" s="413">
        <v>0</v>
      </c>
      <c r="DB30" s="97">
        <v>2</v>
      </c>
      <c r="DC30" s="97">
        <v>1</v>
      </c>
      <c r="DD30" s="97">
        <v>3</v>
      </c>
      <c r="DE30" s="97">
        <v>2</v>
      </c>
      <c r="DF30" s="97">
        <v>0</v>
      </c>
      <c r="DG30" s="99">
        <v>8</v>
      </c>
      <c r="DH30" s="100">
        <v>18</v>
      </c>
      <c r="DI30" s="101">
        <v>0</v>
      </c>
      <c r="DJ30" s="102">
        <v>0</v>
      </c>
      <c r="DK30" s="103">
        <v>0</v>
      </c>
      <c r="DL30" s="413">
        <v>0</v>
      </c>
      <c r="DM30" s="102">
        <v>0</v>
      </c>
      <c r="DN30" s="102">
        <v>0</v>
      </c>
      <c r="DO30" s="102">
        <v>0</v>
      </c>
      <c r="DP30" s="102">
        <v>0</v>
      </c>
      <c r="DQ30" s="102">
        <v>0</v>
      </c>
      <c r="DR30" s="103">
        <v>0</v>
      </c>
      <c r="DS30" s="104">
        <v>0</v>
      </c>
      <c r="DT30" s="101">
        <v>1</v>
      </c>
      <c r="DU30" s="102">
        <v>0</v>
      </c>
      <c r="DV30" s="103">
        <v>1</v>
      </c>
      <c r="DW30" s="413">
        <v>0</v>
      </c>
      <c r="DX30" s="102">
        <v>0</v>
      </c>
      <c r="DY30" s="102">
        <v>0</v>
      </c>
      <c r="DZ30" s="102">
        <v>0</v>
      </c>
      <c r="EA30" s="102">
        <v>1</v>
      </c>
      <c r="EB30" s="102">
        <v>0</v>
      </c>
      <c r="EC30" s="103">
        <v>1</v>
      </c>
      <c r="ED30" s="104">
        <v>2</v>
      </c>
      <c r="EE30" s="101">
        <v>0</v>
      </c>
      <c r="EF30" s="102">
        <v>0</v>
      </c>
      <c r="EG30" s="103">
        <v>0</v>
      </c>
      <c r="EH30" s="413">
        <v>0</v>
      </c>
      <c r="EI30" s="102">
        <v>0</v>
      </c>
      <c r="EJ30" s="102">
        <v>0</v>
      </c>
      <c r="EK30" s="102">
        <v>0</v>
      </c>
      <c r="EL30" s="102">
        <v>0</v>
      </c>
      <c r="EM30" s="102">
        <v>0</v>
      </c>
      <c r="EN30" s="103">
        <v>0</v>
      </c>
      <c r="EO30" s="104">
        <v>0</v>
      </c>
      <c r="EP30" s="101">
        <v>2</v>
      </c>
      <c r="EQ30" s="102">
        <v>0</v>
      </c>
      <c r="ER30" s="103">
        <v>2</v>
      </c>
      <c r="ES30" s="413">
        <v>0</v>
      </c>
      <c r="ET30" s="102">
        <v>0</v>
      </c>
      <c r="EU30" s="102">
        <v>0</v>
      </c>
      <c r="EV30" s="102">
        <v>0</v>
      </c>
      <c r="EW30" s="102">
        <v>0</v>
      </c>
      <c r="EX30" s="102">
        <v>0</v>
      </c>
      <c r="EY30" s="103">
        <v>0</v>
      </c>
      <c r="EZ30" s="104">
        <v>2</v>
      </c>
      <c r="FA30" s="101">
        <v>1</v>
      </c>
      <c r="FB30" s="102">
        <v>1</v>
      </c>
      <c r="FC30" s="103">
        <v>2</v>
      </c>
      <c r="FD30" s="413">
        <v>0</v>
      </c>
      <c r="FE30" s="102">
        <v>2</v>
      </c>
      <c r="FF30" s="102">
        <v>1</v>
      </c>
      <c r="FG30" s="102">
        <v>1</v>
      </c>
      <c r="FH30" s="102">
        <v>0</v>
      </c>
      <c r="FI30" s="102">
        <v>0</v>
      </c>
      <c r="FJ30" s="103">
        <v>4</v>
      </c>
      <c r="FK30" s="104">
        <v>6</v>
      </c>
      <c r="FL30" s="101">
        <v>2</v>
      </c>
      <c r="FM30" s="102">
        <v>3</v>
      </c>
      <c r="FN30" s="103">
        <v>5</v>
      </c>
      <c r="FO30" s="413">
        <v>0</v>
      </c>
      <c r="FP30" s="102">
        <v>0</v>
      </c>
      <c r="FQ30" s="102">
        <v>0</v>
      </c>
      <c r="FR30" s="102">
        <v>2</v>
      </c>
      <c r="FS30" s="102">
        <v>1</v>
      </c>
      <c r="FT30" s="102">
        <v>0</v>
      </c>
      <c r="FU30" s="103">
        <v>3</v>
      </c>
      <c r="FV30" s="104">
        <v>8</v>
      </c>
      <c r="FW30" s="101">
        <v>0</v>
      </c>
      <c r="FX30" s="102">
        <v>0</v>
      </c>
      <c r="FY30" s="103">
        <v>0</v>
      </c>
      <c r="FZ30" s="413">
        <v>0</v>
      </c>
      <c r="GA30" s="102">
        <v>0</v>
      </c>
      <c r="GB30" s="102">
        <v>0</v>
      </c>
      <c r="GC30" s="102">
        <v>0</v>
      </c>
      <c r="GD30" s="102">
        <v>0</v>
      </c>
      <c r="GE30" s="102">
        <v>0</v>
      </c>
      <c r="GF30" s="103">
        <v>0</v>
      </c>
      <c r="GG30" s="104">
        <v>0</v>
      </c>
      <c r="GH30" s="101">
        <v>6</v>
      </c>
      <c r="GI30" s="102">
        <v>4</v>
      </c>
      <c r="GJ30" s="103">
        <v>10</v>
      </c>
      <c r="GK30" s="413">
        <v>0</v>
      </c>
      <c r="GL30" s="102">
        <v>2</v>
      </c>
      <c r="GM30" s="102">
        <v>1</v>
      </c>
      <c r="GN30" s="102">
        <v>3</v>
      </c>
      <c r="GO30" s="102">
        <v>2</v>
      </c>
      <c r="GP30" s="102">
        <v>0</v>
      </c>
      <c r="GQ30" s="103">
        <v>8</v>
      </c>
      <c r="GR30" s="104">
        <v>18</v>
      </c>
      <c r="GS30" s="105">
        <v>37</v>
      </c>
      <c r="GT30" s="97">
        <v>30</v>
      </c>
      <c r="GU30" s="98">
        <v>67</v>
      </c>
      <c r="GV30" s="413">
        <v>0</v>
      </c>
      <c r="GW30" s="97">
        <v>23</v>
      </c>
      <c r="GX30" s="97">
        <v>19</v>
      </c>
      <c r="GY30" s="97">
        <v>16</v>
      </c>
      <c r="GZ30" s="97">
        <v>20</v>
      </c>
      <c r="HA30" s="97">
        <v>12</v>
      </c>
      <c r="HB30" s="99">
        <v>90</v>
      </c>
      <c r="HC30" s="100">
        <v>157</v>
      </c>
      <c r="HD30" s="101">
        <v>0</v>
      </c>
      <c r="HE30" s="102">
        <v>1</v>
      </c>
      <c r="HF30" s="103">
        <v>1</v>
      </c>
      <c r="HG30" s="413">
        <v>0</v>
      </c>
      <c r="HH30" s="102">
        <v>0</v>
      </c>
      <c r="HI30" s="102">
        <v>0</v>
      </c>
      <c r="HJ30" s="102">
        <v>0</v>
      </c>
      <c r="HK30" s="102">
        <v>0</v>
      </c>
      <c r="HL30" s="102">
        <v>1</v>
      </c>
      <c r="HM30" s="103">
        <v>1</v>
      </c>
      <c r="HN30" s="104">
        <v>2</v>
      </c>
      <c r="HO30" s="101">
        <v>2</v>
      </c>
      <c r="HP30" s="102">
        <v>0</v>
      </c>
      <c r="HQ30" s="103">
        <v>2</v>
      </c>
      <c r="HR30" s="413">
        <v>0</v>
      </c>
      <c r="HS30" s="102">
        <v>1</v>
      </c>
      <c r="HT30" s="102">
        <v>0</v>
      </c>
      <c r="HU30" s="102">
        <v>0</v>
      </c>
      <c r="HV30" s="102">
        <v>1</v>
      </c>
      <c r="HW30" s="102">
        <v>1</v>
      </c>
      <c r="HX30" s="103">
        <v>3</v>
      </c>
      <c r="HY30" s="104">
        <v>5</v>
      </c>
      <c r="HZ30" s="101">
        <v>4</v>
      </c>
      <c r="IA30" s="102">
        <v>4</v>
      </c>
      <c r="IB30" s="103">
        <v>8</v>
      </c>
      <c r="IC30" s="413">
        <v>0</v>
      </c>
      <c r="ID30" s="102">
        <v>1</v>
      </c>
      <c r="IE30" s="102">
        <v>1</v>
      </c>
      <c r="IF30" s="102">
        <v>0</v>
      </c>
      <c r="IG30" s="102">
        <v>2</v>
      </c>
      <c r="IH30" s="102">
        <v>1</v>
      </c>
      <c r="II30" s="103">
        <v>5</v>
      </c>
      <c r="IJ30" s="104">
        <v>13</v>
      </c>
      <c r="IK30" s="101">
        <v>10</v>
      </c>
      <c r="IL30" s="102">
        <v>6</v>
      </c>
      <c r="IM30" s="103">
        <v>16</v>
      </c>
      <c r="IN30" s="413">
        <v>0</v>
      </c>
      <c r="IO30" s="102">
        <v>3</v>
      </c>
      <c r="IP30" s="102">
        <v>5</v>
      </c>
      <c r="IQ30" s="102">
        <v>5</v>
      </c>
      <c r="IR30" s="102">
        <v>0</v>
      </c>
      <c r="IS30" s="102">
        <v>2</v>
      </c>
      <c r="IT30" s="103">
        <v>15</v>
      </c>
      <c r="IU30" s="104">
        <v>31</v>
      </c>
      <c r="IV30" s="101">
        <v>11</v>
      </c>
      <c r="IW30" s="102">
        <v>8</v>
      </c>
      <c r="IX30" s="103">
        <v>19</v>
      </c>
      <c r="IY30" s="413">
        <v>0</v>
      </c>
      <c r="IZ30" s="102">
        <v>11</v>
      </c>
      <c r="JA30" s="102">
        <v>6</v>
      </c>
      <c r="JB30" s="102">
        <v>6</v>
      </c>
      <c r="JC30" s="102">
        <v>5</v>
      </c>
      <c r="JD30" s="102">
        <v>4</v>
      </c>
      <c r="JE30" s="103">
        <v>32</v>
      </c>
      <c r="JF30" s="104">
        <v>51</v>
      </c>
      <c r="JG30" s="101">
        <v>10</v>
      </c>
      <c r="JH30" s="102">
        <v>11</v>
      </c>
      <c r="JI30" s="103">
        <v>21</v>
      </c>
      <c r="JJ30" s="413">
        <v>0</v>
      </c>
      <c r="JK30" s="102">
        <v>7</v>
      </c>
      <c r="JL30" s="102">
        <v>7</v>
      </c>
      <c r="JM30" s="102">
        <v>5</v>
      </c>
      <c r="JN30" s="102">
        <v>12</v>
      </c>
      <c r="JO30" s="102">
        <v>3</v>
      </c>
      <c r="JP30" s="103">
        <v>34</v>
      </c>
      <c r="JQ30" s="104">
        <v>55</v>
      </c>
      <c r="JR30" s="101">
        <v>0</v>
      </c>
      <c r="JS30" s="102">
        <v>0</v>
      </c>
      <c r="JT30" s="103">
        <v>0</v>
      </c>
      <c r="JU30" s="413">
        <v>0</v>
      </c>
      <c r="JV30" s="102">
        <v>0</v>
      </c>
      <c r="JW30" s="102">
        <v>0</v>
      </c>
      <c r="JX30" s="102">
        <v>0</v>
      </c>
      <c r="JY30" s="102">
        <v>0</v>
      </c>
      <c r="JZ30" s="102">
        <v>0</v>
      </c>
      <c r="KA30" s="103">
        <v>0</v>
      </c>
      <c r="KB30" s="104">
        <v>0</v>
      </c>
      <c r="KC30" s="101">
        <v>37</v>
      </c>
      <c r="KD30" s="102">
        <v>30</v>
      </c>
      <c r="KE30" s="103">
        <v>67</v>
      </c>
      <c r="KF30" s="413">
        <v>0</v>
      </c>
      <c r="KG30" s="102">
        <v>23</v>
      </c>
      <c r="KH30" s="102">
        <v>19</v>
      </c>
      <c r="KI30" s="102">
        <v>16</v>
      </c>
      <c r="KJ30" s="102">
        <v>20</v>
      </c>
      <c r="KK30" s="102">
        <v>12</v>
      </c>
      <c r="KL30" s="103">
        <v>90</v>
      </c>
      <c r="KM30" s="104">
        <v>157</v>
      </c>
    </row>
    <row r="31" spans="2:299" s="70" customFormat="1" ht="21" customHeight="1" x14ac:dyDescent="0.2">
      <c r="B31" s="106" t="s">
        <v>28</v>
      </c>
      <c r="C31" s="96">
        <v>1</v>
      </c>
      <c r="D31" s="97">
        <v>6</v>
      </c>
      <c r="E31" s="98">
        <v>7</v>
      </c>
      <c r="F31" s="413">
        <v>0</v>
      </c>
      <c r="G31" s="97">
        <v>13</v>
      </c>
      <c r="H31" s="97">
        <v>8</v>
      </c>
      <c r="I31" s="97">
        <v>3</v>
      </c>
      <c r="J31" s="97">
        <v>2</v>
      </c>
      <c r="K31" s="97">
        <v>1</v>
      </c>
      <c r="L31" s="99">
        <v>27</v>
      </c>
      <c r="M31" s="100">
        <v>34</v>
      </c>
      <c r="N31" s="101">
        <v>0</v>
      </c>
      <c r="O31" s="102">
        <v>0</v>
      </c>
      <c r="P31" s="103">
        <v>0</v>
      </c>
      <c r="Q31" s="413">
        <v>0</v>
      </c>
      <c r="R31" s="102">
        <v>0</v>
      </c>
      <c r="S31" s="102">
        <v>0</v>
      </c>
      <c r="T31" s="102">
        <v>0</v>
      </c>
      <c r="U31" s="102">
        <v>0</v>
      </c>
      <c r="V31" s="102">
        <v>0</v>
      </c>
      <c r="W31" s="103">
        <v>0</v>
      </c>
      <c r="X31" s="104">
        <v>0</v>
      </c>
      <c r="Y31" s="101">
        <v>0</v>
      </c>
      <c r="Z31" s="102">
        <v>0</v>
      </c>
      <c r="AA31" s="103">
        <v>0</v>
      </c>
      <c r="AB31" s="413">
        <v>0</v>
      </c>
      <c r="AC31" s="102">
        <v>1</v>
      </c>
      <c r="AD31" s="102">
        <v>0</v>
      </c>
      <c r="AE31" s="102">
        <v>0</v>
      </c>
      <c r="AF31" s="102">
        <v>0</v>
      </c>
      <c r="AG31" s="102">
        <v>0</v>
      </c>
      <c r="AH31" s="103">
        <v>1</v>
      </c>
      <c r="AI31" s="104">
        <v>1</v>
      </c>
      <c r="AJ31" s="101">
        <v>0</v>
      </c>
      <c r="AK31" s="102">
        <v>2</v>
      </c>
      <c r="AL31" s="103">
        <v>2</v>
      </c>
      <c r="AM31" s="413">
        <v>0</v>
      </c>
      <c r="AN31" s="102">
        <v>3</v>
      </c>
      <c r="AO31" s="102">
        <v>1</v>
      </c>
      <c r="AP31" s="102">
        <v>0</v>
      </c>
      <c r="AQ31" s="102">
        <v>0</v>
      </c>
      <c r="AR31" s="102">
        <v>0</v>
      </c>
      <c r="AS31" s="103">
        <v>4</v>
      </c>
      <c r="AT31" s="104">
        <v>6</v>
      </c>
      <c r="AU31" s="101">
        <v>1</v>
      </c>
      <c r="AV31" s="102">
        <v>2</v>
      </c>
      <c r="AW31" s="103">
        <v>3</v>
      </c>
      <c r="AX31" s="413">
        <v>0</v>
      </c>
      <c r="AY31" s="102">
        <v>3</v>
      </c>
      <c r="AZ31" s="102">
        <v>1</v>
      </c>
      <c r="BA31" s="102">
        <v>0</v>
      </c>
      <c r="BB31" s="102">
        <v>0</v>
      </c>
      <c r="BC31" s="102">
        <v>0</v>
      </c>
      <c r="BD31" s="103">
        <v>4</v>
      </c>
      <c r="BE31" s="104">
        <v>7</v>
      </c>
      <c r="BF31" s="101">
        <v>0</v>
      </c>
      <c r="BG31" s="102">
        <v>2</v>
      </c>
      <c r="BH31" s="103">
        <v>2</v>
      </c>
      <c r="BI31" s="413">
        <v>0</v>
      </c>
      <c r="BJ31" s="102">
        <v>4</v>
      </c>
      <c r="BK31" s="102">
        <v>4</v>
      </c>
      <c r="BL31" s="102">
        <v>1</v>
      </c>
      <c r="BM31" s="102">
        <v>1</v>
      </c>
      <c r="BN31" s="102">
        <v>0</v>
      </c>
      <c r="BO31" s="103">
        <v>10</v>
      </c>
      <c r="BP31" s="104">
        <v>12</v>
      </c>
      <c r="BQ31" s="101">
        <v>0</v>
      </c>
      <c r="BR31" s="102">
        <v>0</v>
      </c>
      <c r="BS31" s="103">
        <v>0</v>
      </c>
      <c r="BT31" s="413">
        <v>0</v>
      </c>
      <c r="BU31" s="102">
        <v>2</v>
      </c>
      <c r="BV31" s="102">
        <v>2</v>
      </c>
      <c r="BW31" s="102">
        <v>2</v>
      </c>
      <c r="BX31" s="102">
        <v>1</v>
      </c>
      <c r="BY31" s="102">
        <v>1</v>
      </c>
      <c r="BZ31" s="103">
        <v>8</v>
      </c>
      <c r="CA31" s="104">
        <v>8</v>
      </c>
      <c r="CB31" s="101">
        <v>0</v>
      </c>
      <c r="CC31" s="102">
        <v>0</v>
      </c>
      <c r="CD31" s="103">
        <v>0</v>
      </c>
      <c r="CE31" s="413">
        <v>0</v>
      </c>
      <c r="CF31" s="102">
        <v>0</v>
      </c>
      <c r="CG31" s="102">
        <v>0</v>
      </c>
      <c r="CH31" s="102">
        <v>0</v>
      </c>
      <c r="CI31" s="102">
        <v>0</v>
      </c>
      <c r="CJ31" s="102">
        <v>0</v>
      </c>
      <c r="CK31" s="103">
        <v>0</v>
      </c>
      <c r="CL31" s="104">
        <v>0</v>
      </c>
      <c r="CM31" s="101">
        <v>1</v>
      </c>
      <c r="CN31" s="102">
        <v>6</v>
      </c>
      <c r="CO31" s="103">
        <v>7</v>
      </c>
      <c r="CP31" s="413">
        <v>0</v>
      </c>
      <c r="CQ31" s="102">
        <v>13</v>
      </c>
      <c r="CR31" s="102">
        <v>8</v>
      </c>
      <c r="CS31" s="102">
        <v>3</v>
      </c>
      <c r="CT31" s="102">
        <v>2</v>
      </c>
      <c r="CU31" s="102">
        <v>1</v>
      </c>
      <c r="CV31" s="103">
        <v>27</v>
      </c>
      <c r="CW31" s="104">
        <v>34</v>
      </c>
      <c r="CX31" s="105">
        <v>0</v>
      </c>
      <c r="CY31" s="97">
        <v>0</v>
      </c>
      <c r="CZ31" s="98">
        <v>0</v>
      </c>
      <c r="DA31" s="413">
        <v>0</v>
      </c>
      <c r="DB31" s="97">
        <v>1</v>
      </c>
      <c r="DC31" s="97">
        <v>1</v>
      </c>
      <c r="DD31" s="97">
        <v>0</v>
      </c>
      <c r="DE31" s="97">
        <v>1</v>
      </c>
      <c r="DF31" s="97">
        <v>1</v>
      </c>
      <c r="DG31" s="99">
        <v>4</v>
      </c>
      <c r="DH31" s="100">
        <v>4</v>
      </c>
      <c r="DI31" s="101">
        <v>0</v>
      </c>
      <c r="DJ31" s="102">
        <v>0</v>
      </c>
      <c r="DK31" s="103">
        <v>0</v>
      </c>
      <c r="DL31" s="413">
        <v>0</v>
      </c>
      <c r="DM31" s="102">
        <v>0</v>
      </c>
      <c r="DN31" s="102">
        <v>0</v>
      </c>
      <c r="DO31" s="102">
        <v>0</v>
      </c>
      <c r="DP31" s="102">
        <v>0</v>
      </c>
      <c r="DQ31" s="102">
        <v>0</v>
      </c>
      <c r="DR31" s="103">
        <v>0</v>
      </c>
      <c r="DS31" s="104">
        <v>0</v>
      </c>
      <c r="DT31" s="101">
        <v>0</v>
      </c>
      <c r="DU31" s="102">
        <v>0</v>
      </c>
      <c r="DV31" s="103">
        <v>0</v>
      </c>
      <c r="DW31" s="413">
        <v>0</v>
      </c>
      <c r="DX31" s="102">
        <v>0</v>
      </c>
      <c r="DY31" s="102">
        <v>0</v>
      </c>
      <c r="DZ31" s="102">
        <v>0</v>
      </c>
      <c r="EA31" s="102">
        <v>0</v>
      </c>
      <c r="EB31" s="102">
        <v>0</v>
      </c>
      <c r="EC31" s="103">
        <v>0</v>
      </c>
      <c r="ED31" s="104">
        <v>0</v>
      </c>
      <c r="EE31" s="101">
        <v>0</v>
      </c>
      <c r="EF31" s="102">
        <v>0</v>
      </c>
      <c r="EG31" s="103">
        <v>0</v>
      </c>
      <c r="EH31" s="413">
        <v>0</v>
      </c>
      <c r="EI31" s="102">
        <v>0</v>
      </c>
      <c r="EJ31" s="102">
        <v>0</v>
      </c>
      <c r="EK31" s="102">
        <v>0</v>
      </c>
      <c r="EL31" s="102">
        <v>0</v>
      </c>
      <c r="EM31" s="102">
        <v>0</v>
      </c>
      <c r="EN31" s="103">
        <v>0</v>
      </c>
      <c r="EO31" s="104">
        <v>0</v>
      </c>
      <c r="EP31" s="101">
        <v>0</v>
      </c>
      <c r="EQ31" s="102">
        <v>0</v>
      </c>
      <c r="ER31" s="103">
        <v>0</v>
      </c>
      <c r="ES31" s="413">
        <v>0</v>
      </c>
      <c r="ET31" s="102">
        <v>0</v>
      </c>
      <c r="EU31" s="102">
        <v>0</v>
      </c>
      <c r="EV31" s="102">
        <v>0</v>
      </c>
      <c r="EW31" s="102">
        <v>0</v>
      </c>
      <c r="EX31" s="102">
        <v>0</v>
      </c>
      <c r="EY31" s="103">
        <v>0</v>
      </c>
      <c r="EZ31" s="104">
        <v>0</v>
      </c>
      <c r="FA31" s="101">
        <v>0</v>
      </c>
      <c r="FB31" s="102">
        <v>0</v>
      </c>
      <c r="FC31" s="103">
        <v>0</v>
      </c>
      <c r="FD31" s="413">
        <v>0</v>
      </c>
      <c r="FE31" s="102">
        <v>1</v>
      </c>
      <c r="FF31" s="102">
        <v>1</v>
      </c>
      <c r="FG31" s="102">
        <v>0</v>
      </c>
      <c r="FH31" s="102">
        <v>0</v>
      </c>
      <c r="FI31" s="102">
        <v>1</v>
      </c>
      <c r="FJ31" s="103">
        <v>3</v>
      </c>
      <c r="FK31" s="104">
        <v>3</v>
      </c>
      <c r="FL31" s="101">
        <v>0</v>
      </c>
      <c r="FM31" s="102">
        <v>0</v>
      </c>
      <c r="FN31" s="103">
        <v>0</v>
      </c>
      <c r="FO31" s="413">
        <v>0</v>
      </c>
      <c r="FP31" s="102">
        <v>0</v>
      </c>
      <c r="FQ31" s="102">
        <v>0</v>
      </c>
      <c r="FR31" s="102">
        <v>0</v>
      </c>
      <c r="FS31" s="102">
        <v>1</v>
      </c>
      <c r="FT31" s="102">
        <v>0</v>
      </c>
      <c r="FU31" s="103">
        <v>1</v>
      </c>
      <c r="FV31" s="104">
        <v>1</v>
      </c>
      <c r="FW31" s="101">
        <v>0</v>
      </c>
      <c r="FX31" s="102">
        <v>0</v>
      </c>
      <c r="FY31" s="103">
        <v>0</v>
      </c>
      <c r="FZ31" s="413">
        <v>0</v>
      </c>
      <c r="GA31" s="102">
        <v>0</v>
      </c>
      <c r="GB31" s="102">
        <v>0</v>
      </c>
      <c r="GC31" s="102">
        <v>0</v>
      </c>
      <c r="GD31" s="102">
        <v>0</v>
      </c>
      <c r="GE31" s="102">
        <v>0</v>
      </c>
      <c r="GF31" s="103">
        <v>0</v>
      </c>
      <c r="GG31" s="104">
        <v>0</v>
      </c>
      <c r="GH31" s="101">
        <v>0</v>
      </c>
      <c r="GI31" s="102">
        <v>0</v>
      </c>
      <c r="GJ31" s="103">
        <v>0</v>
      </c>
      <c r="GK31" s="413">
        <v>0</v>
      </c>
      <c r="GL31" s="102">
        <v>1</v>
      </c>
      <c r="GM31" s="102">
        <v>1</v>
      </c>
      <c r="GN31" s="102">
        <v>0</v>
      </c>
      <c r="GO31" s="102">
        <v>1</v>
      </c>
      <c r="GP31" s="102">
        <v>1</v>
      </c>
      <c r="GQ31" s="103">
        <v>4</v>
      </c>
      <c r="GR31" s="104">
        <v>4</v>
      </c>
      <c r="GS31" s="105">
        <v>1</v>
      </c>
      <c r="GT31" s="97">
        <v>6</v>
      </c>
      <c r="GU31" s="98">
        <v>7</v>
      </c>
      <c r="GV31" s="413">
        <v>0</v>
      </c>
      <c r="GW31" s="97">
        <v>14</v>
      </c>
      <c r="GX31" s="97">
        <v>9</v>
      </c>
      <c r="GY31" s="97">
        <v>3</v>
      </c>
      <c r="GZ31" s="97">
        <v>3</v>
      </c>
      <c r="HA31" s="97">
        <v>2</v>
      </c>
      <c r="HB31" s="99">
        <v>31</v>
      </c>
      <c r="HC31" s="100">
        <v>38</v>
      </c>
      <c r="HD31" s="101">
        <v>0</v>
      </c>
      <c r="HE31" s="102">
        <v>0</v>
      </c>
      <c r="HF31" s="103">
        <v>0</v>
      </c>
      <c r="HG31" s="413">
        <v>0</v>
      </c>
      <c r="HH31" s="102">
        <v>0</v>
      </c>
      <c r="HI31" s="102">
        <v>0</v>
      </c>
      <c r="HJ31" s="102">
        <v>0</v>
      </c>
      <c r="HK31" s="102">
        <v>0</v>
      </c>
      <c r="HL31" s="102">
        <v>0</v>
      </c>
      <c r="HM31" s="103">
        <v>0</v>
      </c>
      <c r="HN31" s="104">
        <v>0</v>
      </c>
      <c r="HO31" s="101">
        <v>0</v>
      </c>
      <c r="HP31" s="102">
        <v>0</v>
      </c>
      <c r="HQ31" s="103">
        <v>0</v>
      </c>
      <c r="HR31" s="413">
        <v>0</v>
      </c>
      <c r="HS31" s="102">
        <v>1</v>
      </c>
      <c r="HT31" s="102">
        <v>0</v>
      </c>
      <c r="HU31" s="102">
        <v>0</v>
      </c>
      <c r="HV31" s="102">
        <v>0</v>
      </c>
      <c r="HW31" s="102">
        <v>0</v>
      </c>
      <c r="HX31" s="103">
        <v>1</v>
      </c>
      <c r="HY31" s="104">
        <v>1</v>
      </c>
      <c r="HZ31" s="101">
        <v>0</v>
      </c>
      <c r="IA31" s="102">
        <v>2</v>
      </c>
      <c r="IB31" s="103">
        <v>2</v>
      </c>
      <c r="IC31" s="413">
        <v>0</v>
      </c>
      <c r="ID31" s="102">
        <v>3</v>
      </c>
      <c r="IE31" s="102">
        <v>1</v>
      </c>
      <c r="IF31" s="102">
        <v>0</v>
      </c>
      <c r="IG31" s="102">
        <v>0</v>
      </c>
      <c r="IH31" s="102">
        <v>0</v>
      </c>
      <c r="II31" s="103">
        <v>4</v>
      </c>
      <c r="IJ31" s="104">
        <v>6</v>
      </c>
      <c r="IK31" s="101">
        <v>1</v>
      </c>
      <c r="IL31" s="102">
        <v>2</v>
      </c>
      <c r="IM31" s="103">
        <v>3</v>
      </c>
      <c r="IN31" s="413">
        <v>0</v>
      </c>
      <c r="IO31" s="102">
        <v>3</v>
      </c>
      <c r="IP31" s="102">
        <v>1</v>
      </c>
      <c r="IQ31" s="102">
        <v>0</v>
      </c>
      <c r="IR31" s="102">
        <v>0</v>
      </c>
      <c r="IS31" s="102">
        <v>0</v>
      </c>
      <c r="IT31" s="103">
        <v>4</v>
      </c>
      <c r="IU31" s="104">
        <v>7</v>
      </c>
      <c r="IV31" s="101">
        <v>0</v>
      </c>
      <c r="IW31" s="102">
        <v>2</v>
      </c>
      <c r="IX31" s="103">
        <v>2</v>
      </c>
      <c r="IY31" s="413">
        <v>0</v>
      </c>
      <c r="IZ31" s="102">
        <v>5</v>
      </c>
      <c r="JA31" s="102">
        <v>5</v>
      </c>
      <c r="JB31" s="102">
        <v>1</v>
      </c>
      <c r="JC31" s="102">
        <v>1</v>
      </c>
      <c r="JD31" s="102">
        <v>1</v>
      </c>
      <c r="JE31" s="103">
        <v>13</v>
      </c>
      <c r="JF31" s="104">
        <v>15</v>
      </c>
      <c r="JG31" s="101">
        <v>0</v>
      </c>
      <c r="JH31" s="102">
        <v>0</v>
      </c>
      <c r="JI31" s="103">
        <v>0</v>
      </c>
      <c r="JJ31" s="413">
        <v>0</v>
      </c>
      <c r="JK31" s="102">
        <v>2</v>
      </c>
      <c r="JL31" s="102">
        <v>2</v>
      </c>
      <c r="JM31" s="102">
        <v>2</v>
      </c>
      <c r="JN31" s="102">
        <v>2</v>
      </c>
      <c r="JO31" s="102">
        <v>1</v>
      </c>
      <c r="JP31" s="103">
        <v>9</v>
      </c>
      <c r="JQ31" s="104">
        <v>9</v>
      </c>
      <c r="JR31" s="101">
        <v>0</v>
      </c>
      <c r="JS31" s="102">
        <v>0</v>
      </c>
      <c r="JT31" s="103">
        <v>0</v>
      </c>
      <c r="JU31" s="413">
        <v>0</v>
      </c>
      <c r="JV31" s="102">
        <v>0</v>
      </c>
      <c r="JW31" s="102">
        <v>0</v>
      </c>
      <c r="JX31" s="102">
        <v>0</v>
      </c>
      <c r="JY31" s="102">
        <v>0</v>
      </c>
      <c r="JZ31" s="102">
        <v>0</v>
      </c>
      <c r="KA31" s="103">
        <v>0</v>
      </c>
      <c r="KB31" s="104">
        <v>0</v>
      </c>
      <c r="KC31" s="101">
        <v>1</v>
      </c>
      <c r="KD31" s="102">
        <v>6</v>
      </c>
      <c r="KE31" s="103">
        <v>7</v>
      </c>
      <c r="KF31" s="413">
        <v>0</v>
      </c>
      <c r="KG31" s="102">
        <v>14</v>
      </c>
      <c r="KH31" s="102">
        <v>9</v>
      </c>
      <c r="KI31" s="102">
        <v>3</v>
      </c>
      <c r="KJ31" s="102">
        <v>3</v>
      </c>
      <c r="KK31" s="102">
        <v>2</v>
      </c>
      <c r="KL31" s="103">
        <v>31</v>
      </c>
      <c r="KM31" s="104">
        <v>38</v>
      </c>
    </row>
    <row r="32" spans="2:299" s="70" customFormat="1" ht="21" customHeight="1" x14ac:dyDescent="0.2">
      <c r="B32" s="106" t="s">
        <v>29</v>
      </c>
      <c r="C32" s="96">
        <v>5</v>
      </c>
      <c r="D32" s="97">
        <v>1</v>
      </c>
      <c r="E32" s="98">
        <v>6</v>
      </c>
      <c r="F32" s="413">
        <v>0</v>
      </c>
      <c r="G32" s="97">
        <v>5</v>
      </c>
      <c r="H32" s="97">
        <v>5</v>
      </c>
      <c r="I32" s="97">
        <v>8</v>
      </c>
      <c r="J32" s="97">
        <v>3</v>
      </c>
      <c r="K32" s="97">
        <v>4</v>
      </c>
      <c r="L32" s="99">
        <v>25</v>
      </c>
      <c r="M32" s="100">
        <v>31</v>
      </c>
      <c r="N32" s="101">
        <v>0</v>
      </c>
      <c r="O32" s="102">
        <v>0</v>
      </c>
      <c r="P32" s="103">
        <v>0</v>
      </c>
      <c r="Q32" s="413">
        <v>0</v>
      </c>
      <c r="R32" s="102">
        <v>1</v>
      </c>
      <c r="S32" s="102">
        <v>1</v>
      </c>
      <c r="T32" s="102">
        <v>0</v>
      </c>
      <c r="U32" s="102">
        <v>0</v>
      </c>
      <c r="V32" s="102">
        <v>0</v>
      </c>
      <c r="W32" s="103">
        <v>2</v>
      </c>
      <c r="X32" s="104">
        <v>2</v>
      </c>
      <c r="Y32" s="101">
        <v>0</v>
      </c>
      <c r="Z32" s="102">
        <v>0</v>
      </c>
      <c r="AA32" s="103">
        <v>0</v>
      </c>
      <c r="AB32" s="413">
        <v>0</v>
      </c>
      <c r="AC32" s="102">
        <v>0</v>
      </c>
      <c r="AD32" s="102">
        <v>1</v>
      </c>
      <c r="AE32" s="102">
        <v>1</v>
      </c>
      <c r="AF32" s="102">
        <v>0</v>
      </c>
      <c r="AG32" s="102">
        <v>0</v>
      </c>
      <c r="AH32" s="103">
        <v>2</v>
      </c>
      <c r="AI32" s="104">
        <v>2</v>
      </c>
      <c r="AJ32" s="101">
        <v>1</v>
      </c>
      <c r="AK32" s="102">
        <v>0</v>
      </c>
      <c r="AL32" s="103">
        <v>1</v>
      </c>
      <c r="AM32" s="413">
        <v>0</v>
      </c>
      <c r="AN32" s="102">
        <v>1</v>
      </c>
      <c r="AO32" s="102">
        <v>0</v>
      </c>
      <c r="AP32" s="102">
        <v>1</v>
      </c>
      <c r="AQ32" s="102">
        <v>0</v>
      </c>
      <c r="AR32" s="102">
        <v>2</v>
      </c>
      <c r="AS32" s="103">
        <v>4</v>
      </c>
      <c r="AT32" s="104">
        <v>5</v>
      </c>
      <c r="AU32" s="101">
        <v>3</v>
      </c>
      <c r="AV32" s="102">
        <v>1</v>
      </c>
      <c r="AW32" s="103">
        <v>4</v>
      </c>
      <c r="AX32" s="413">
        <v>0</v>
      </c>
      <c r="AY32" s="102">
        <v>2</v>
      </c>
      <c r="AZ32" s="102">
        <v>0</v>
      </c>
      <c r="BA32" s="102">
        <v>2</v>
      </c>
      <c r="BB32" s="102">
        <v>1</v>
      </c>
      <c r="BC32" s="102">
        <v>0</v>
      </c>
      <c r="BD32" s="103">
        <v>5</v>
      </c>
      <c r="BE32" s="104">
        <v>9</v>
      </c>
      <c r="BF32" s="101">
        <v>0</v>
      </c>
      <c r="BG32" s="102">
        <v>0</v>
      </c>
      <c r="BH32" s="103">
        <v>0</v>
      </c>
      <c r="BI32" s="413">
        <v>0</v>
      </c>
      <c r="BJ32" s="102">
        <v>1</v>
      </c>
      <c r="BK32" s="102">
        <v>1</v>
      </c>
      <c r="BL32" s="102">
        <v>2</v>
      </c>
      <c r="BM32" s="102">
        <v>0</v>
      </c>
      <c r="BN32" s="102">
        <v>0</v>
      </c>
      <c r="BO32" s="103">
        <v>4</v>
      </c>
      <c r="BP32" s="104">
        <v>4</v>
      </c>
      <c r="BQ32" s="101">
        <v>1</v>
      </c>
      <c r="BR32" s="102">
        <v>0</v>
      </c>
      <c r="BS32" s="103">
        <v>1</v>
      </c>
      <c r="BT32" s="413">
        <v>0</v>
      </c>
      <c r="BU32" s="102">
        <v>0</v>
      </c>
      <c r="BV32" s="102">
        <v>2</v>
      </c>
      <c r="BW32" s="102">
        <v>2</v>
      </c>
      <c r="BX32" s="102">
        <v>2</v>
      </c>
      <c r="BY32" s="102">
        <v>2</v>
      </c>
      <c r="BZ32" s="103">
        <v>8</v>
      </c>
      <c r="CA32" s="104">
        <v>9</v>
      </c>
      <c r="CB32" s="101">
        <v>0</v>
      </c>
      <c r="CC32" s="102">
        <v>0</v>
      </c>
      <c r="CD32" s="103">
        <v>0</v>
      </c>
      <c r="CE32" s="413">
        <v>0</v>
      </c>
      <c r="CF32" s="102">
        <v>0</v>
      </c>
      <c r="CG32" s="102">
        <v>0</v>
      </c>
      <c r="CH32" s="102">
        <v>0</v>
      </c>
      <c r="CI32" s="102">
        <v>0</v>
      </c>
      <c r="CJ32" s="102">
        <v>0</v>
      </c>
      <c r="CK32" s="103">
        <v>0</v>
      </c>
      <c r="CL32" s="104">
        <v>0</v>
      </c>
      <c r="CM32" s="101">
        <v>5</v>
      </c>
      <c r="CN32" s="102">
        <v>1</v>
      </c>
      <c r="CO32" s="103">
        <v>6</v>
      </c>
      <c r="CP32" s="413">
        <v>0</v>
      </c>
      <c r="CQ32" s="102">
        <v>5</v>
      </c>
      <c r="CR32" s="102">
        <v>5</v>
      </c>
      <c r="CS32" s="102">
        <v>8</v>
      </c>
      <c r="CT32" s="102">
        <v>3</v>
      </c>
      <c r="CU32" s="102">
        <v>4</v>
      </c>
      <c r="CV32" s="103">
        <v>25</v>
      </c>
      <c r="CW32" s="104">
        <v>31</v>
      </c>
      <c r="CX32" s="105">
        <v>0</v>
      </c>
      <c r="CY32" s="97">
        <v>1</v>
      </c>
      <c r="CZ32" s="98">
        <v>1</v>
      </c>
      <c r="DA32" s="413">
        <v>0</v>
      </c>
      <c r="DB32" s="97">
        <v>1</v>
      </c>
      <c r="DC32" s="97">
        <v>2</v>
      </c>
      <c r="DD32" s="97">
        <v>0</v>
      </c>
      <c r="DE32" s="97">
        <v>1</v>
      </c>
      <c r="DF32" s="97">
        <v>0</v>
      </c>
      <c r="DG32" s="99">
        <v>4</v>
      </c>
      <c r="DH32" s="100">
        <v>5</v>
      </c>
      <c r="DI32" s="101">
        <v>0</v>
      </c>
      <c r="DJ32" s="102">
        <v>0</v>
      </c>
      <c r="DK32" s="103">
        <v>0</v>
      </c>
      <c r="DL32" s="413">
        <v>0</v>
      </c>
      <c r="DM32" s="102">
        <v>0</v>
      </c>
      <c r="DN32" s="102">
        <v>0</v>
      </c>
      <c r="DO32" s="102">
        <v>0</v>
      </c>
      <c r="DP32" s="102">
        <v>0</v>
      </c>
      <c r="DQ32" s="102">
        <v>0</v>
      </c>
      <c r="DR32" s="103">
        <v>0</v>
      </c>
      <c r="DS32" s="104">
        <v>0</v>
      </c>
      <c r="DT32" s="101">
        <v>0</v>
      </c>
      <c r="DU32" s="102">
        <v>1</v>
      </c>
      <c r="DV32" s="103">
        <v>1</v>
      </c>
      <c r="DW32" s="413">
        <v>0</v>
      </c>
      <c r="DX32" s="102">
        <v>0</v>
      </c>
      <c r="DY32" s="102">
        <v>1</v>
      </c>
      <c r="DZ32" s="102">
        <v>0</v>
      </c>
      <c r="EA32" s="102">
        <v>0</v>
      </c>
      <c r="EB32" s="102">
        <v>0</v>
      </c>
      <c r="EC32" s="103">
        <v>1</v>
      </c>
      <c r="ED32" s="104">
        <v>2</v>
      </c>
      <c r="EE32" s="101">
        <v>0</v>
      </c>
      <c r="EF32" s="102">
        <v>0</v>
      </c>
      <c r="EG32" s="103">
        <v>0</v>
      </c>
      <c r="EH32" s="413">
        <v>0</v>
      </c>
      <c r="EI32" s="102">
        <v>0</v>
      </c>
      <c r="EJ32" s="102">
        <v>0</v>
      </c>
      <c r="EK32" s="102">
        <v>0</v>
      </c>
      <c r="EL32" s="102">
        <v>0</v>
      </c>
      <c r="EM32" s="102">
        <v>0</v>
      </c>
      <c r="EN32" s="103">
        <v>0</v>
      </c>
      <c r="EO32" s="104">
        <v>0</v>
      </c>
      <c r="EP32" s="101">
        <v>0</v>
      </c>
      <c r="EQ32" s="102">
        <v>0</v>
      </c>
      <c r="ER32" s="103">
        <v>0</v>
      </c>
      <c r="ES32" s="413">
        <v>0</v>
      </c>
      <c r="ET32" s="102">
        <v>0</v>
      </c>
      <c r="EU32" s="102">
        <v>1</v>
      </c>
      <c r="EV32" s="102">
        <v>0</v>
      </c>
      <c r="EW32" s="102">
        <v>0</v>
      </c>
      <c r="EX32" s="102">
        <v>0</v>
      </c>
      <c r="EY32" s="103">
        <v>1</v>
      </c>
      <c r="EZ32" s="104">
        <v>1</v>
      </c>
      <c r="FA32" s="101">
        <v>0</v>
      </c>
      <c r="FB32" s="102">
        <v>0</v>
      </c>
      <c r="FC32" s="103">
        <v>0</v>
      </c>
      <c r="FD32" s="413">
        <v>0</v>
      </c>
      <c r="FE32" s="102">
        <v>0</v>
      </c>
      <c r="FF32" s="102">
        <v>0</v>
      </c>
      <c r="FG32" s="102">
        <v>0</v>
      </c>
      <c r="FH32" s="102">
        <v>1</v>
      </c>
      <c r="FI32" s="102">
        <v>0</v>
      </c>
      <c r="FJ32" s="103">
        <v>1</v>
      </c>
      <c r="FK32" s="104">
        <v>1</v>
      </c>
      <c r="FL32" s="101">
        <v>0</v>
      </c>
      <c r="FM32" s="102">
        <v>0</v>
      </c>
      <c r="FN32" s="103">
        <v>0</v>
      </c>
      <c r="FO32" s="413">
        <v>0</v>
      </c>
      <c r="FP32" s="102">
        <v>1</v>
      </c>
      <c r="FQ32" s="102">
        <v>0</v>
      </c>
      <c r="FR32" s="102">
        <v>0</v>
      </c>
      <c r="FS32" s="102">
        <v>0</v>
      </c>
      <c r="FT32" s="102">
        <v>0</v>
      </c>
      <c r="FU32" s="103">
        <v>1</v>
      </c>
      <c r="FV32" s="104">
        <v>1</v>
      </c>
      <c r="FW32" s="101">
        <v>0</v>
      </c>
      <c r="FX32" s="102">
        <v>0</v>
      </c>
      <c r="FY32" s="103">
        <v>0</v>
      </c>
      <c r="FZ32" s="413">
        <v>0</v>
      </c>
      <c r="GA32" s="102">
        <v>0</v>
      </c>
      <c r="GB32" s="102">
        <v>0</v>
      </c>
      <c r="GC32" s="102">
        <v>0</v>
      </c>
      <c r="GD32" s="102">
        <v>0</v>
      </c>
      <c r="GE32" s="102">
        <v>0</v>
      </c>
      <c r="GF32" s="103">
        <v>0</v>
      </c>
      <c r="GG32" s="104">
        <v>0</v>
      </c>
      <c r="GH32" s="101">
        <v>0</v>
      </c>
      <c r="GI32" s="102">
        <v>1</v>
      </c>
      <c r="GJ32" s="103">
        <v>1</v>
      </c>
      <c r="GK32" s="413">
        <v>0</v>
      </c>
      <c r="GL32" s="102">
        <v>1</v>
      </c>
      <c r="GM32" s="102">
        <v>2</v>
      </c>
      <c r="GN32" s="102">
        <v>0</v>
      </c>
      <c r="GO32" s="102">
        <v>1</v>
      </c>
      <c r="GP32" s="102">
        <v>0</v>
      </c>
      <c r="GQ32" s="103">
        <v>4</v>
      </c>
      <c r="GR32" s="104">
        <v>5</v>
      </c>
      <c r="GS32" s="105">
        <v>5</v>
      </c>
      <c r="GT32" s="97">
        <v>2</v>
      </c>
      <c r="GU32" s="98">
        <v>7</v>
      </c>
      <c r="GV32" s="413">
        <v>0</v>
      </c>
      <c r="GW32" s="97">
        <v>6</v>
      </c>
      <c r="GX32" s="97">
        <v>7</v>
      </c>
      <c r="GY32" s="97">
        <v>8</v>
      </c>
      <c r="GZ32" s="97">
        <v>4</v>
      </c>
      <c r="HA32" s="97">
        <v>4</v>
      </c>
      <c r="HB32" s="99">
        <v>29</v>
      </c>
      <c r="HC32" s="100">
        <v>36</v>
      </c>
      <c r="HD32" s="101">
        <v>0</v>
      </c>
      <c r="HE32" s="102">
        <v>0</v>
      </c>
      <c r="HF32" s="103">
        <v>0</v>
      </c>
      <c r="HG32" s="413">
        <v>0</v>
      </c>
      <c r="HH32" s="102">
        <v>1</v>
      </c>
      <c r="HI32" s="102">
        <v>1</v>
      </c>
      <c r="HJ32" s="102">
        <v>0</v>
      </c>
      <c r="HK32" s="102">
        <v>0</v>
      </c>
      <c r="HL32" s="102">
        <v>0</v>
      </c>
      <c r="HM32" s="103">
        <v>2</v>
      </c>
      <c r="HN32" s="104">
        <v>2</v>
      </c>
      <c r="HO32" s="101">
        <v>0</v>
      </c>
      <c r="HP32" s="102">
        <v>1</v>
      </c>
      <c r="HQ32" s="103">
        <v>1</v>
      </c>
      <c r="HR32" s="413">
        <v>0</v>
      </c>
      <c r="HS32" s="102">
        <v>0</v>
      </c>
      <c r="HT32" s="102">
        <v>2</v>
      </c>
      <c r="HU32" s="102">
        <v>1</v>
      </c>
      <c r="HV32" s="102">
        <v>0</v>
      </c>
      <c r="HW32" s="102">
        <v>0</v>
      </c>
      <c r="HX32" s="103">
        <v>3</v>
      </c>
      <c r="HY32" s="104">
        <v>4</v>
      </c>
      <c r="HZ32" s="101">
        <v>1</v>
      </c>
      <c r="IA32" s="102">
        <v>0</v>
      </c>
      <c r="IB32" s="103">
        <v>1</v>
      </c>
      <c r="IC32" s="413">
        <v>0</v>
      </c>
      <c r="ID32" s="102">
        <v>1</v>
      </c>
      <c r="IE32" s="102">
        <v>0</v>
      </c>
      <c r="IF32" s="102">
        <v>1</v>
      </c>
      <c r="IG32" s="102">
        <v>0</v>
      </c>
      <c r="IH32" s="102">
        <v>2</v>
      </c>
      <c r="II32" s="103">
        <v>4</v>
      </c>
      <c r="IJ32" s="104">
        <v>5</v>
      </c>
      <c r="IK32" s="101">
        <v>3</v>
      </c>
      <c r="IL32" s="102">
        <v>1</v>
      </c>
      <c r="IM32" s="103">
        <v>4</v>
      </c>
      <c r="IN32" s="413">
        <v>0</v>
      </c>
      <c r="IO32" s="102">
        <v>2</v>
      </c>
      <c r="IP32" s="102">
        <v>1</v>
      </c>
      <c r="IQ32" s="102">
        <v>2</v>
      </c>
      <c r="IR32" s="102">
        <v>1</v>
      </c>
      <c r="IS32" s="102">
        <v>0</v>
      </c>
      <c r="IT32" s="103">
        <v>6</v>
      </c>
      <c r="IU32" s="104">
        <v>10</v>
      </c>
      <c r="IV32" s="101">
        <v>0</v>
      </c>
      <c r="IW32" s="102">
        <v>0</v>
      </c>
      <c r="IX32" s="103">
        <v>0</v>
      </c>
      <c r="IY32" s="413">
        <v>0</v>
      </c>
      <c r="IZ32" s="102">
        <v>1</v>
      </c>
      <c r="JA32" s="102">
        <v>1</v>
      </c>
      <c r="JB32" s="102">
        <v>2</v>
      </c>
      <c r="JC32" s="102">
        <v>1</v>
      </c>
      <c r="JD32" s="102">
        <v>0</v>
      </c>
      <c r="JE32" s="103">
        <v>5</v>
      </c>
      <c r="JF32" s="104">
        <v>5</v>
      </c>
      <c r="JG32" s="101">
        <v>1</v>
      </c>
      <c r="JH32" s="102">
        <v>0</v>
      </c>
      <c r="JI32" s="103">
        <v>1</v>
      </c>
      <c r="JJ32" s="413">
        <v>0</v>
      </c>
      <c r="JK32" s="102">
        <v>1</v>
      </c>
      <c r="JL32" s="102">
        <v>2</v>
      </c>
      <c r="JM32" s="102">
        <v>2</v>
      </c>
      <c r="JN32" s="102">
        <v>2</v>
      </c>
      <c r="JO32" s="102">
        <v>2</v>
      </c>
      <c r="JP32" s="103">
        <v>9</v>
      </c>
      <c r="JQ32" s="104">
        <v>10</v>
      </c>
      <c r="JR32" s="101">
        <v>0</v>
      </c>
      <c r="JS32" s="102">
        <v>0</v>
      </c>
      <c r="JT32" s="103">
        <v>0</v>
      </c>
      <c r="JU32" s="413">
        <v>0</v>
      </c>
      <c r="JV32" s="102">
        <v>0</v>
      </c>
      <c r="JW32" s="102">
        <v>0</v>
      </c>
      <c r="JX32" s="102">
        <v>0</v>
      </c>
      <c r="JY32" s="102">
        <v>0</v>
      </c>
      <c r="JZ32" s="102">
        <v>0</v>
      </c>
      <c r="KA32" s="103">
        <v>0</v>
      </c>
      <c r="KB32" s="104">
        <v>0</v>
      </c>
      <c r="KC32" s="101">
        <v>5</v>
      </c>
      <c r="KD32" s="102">
        <v>2</v>
      </c>
      <c r="KE32" s="103">
        <v>7</v>
      </c>
      <c r="KF32" s="413">
        <v>0</v>
      </c>
      <c r="KG32" s="102">
        <v>6</v>
      </c>
      <c r="KH32" s="102">
        <v>7</v>
      </c>
      <c r="KI32" s="102">
        <v>8</v>
      </c>
      <c r="KJ32" s="102">
        <v>4</v>
      </c>
      <c r="KK32" s="102">
        <v>4</v>
      </c>
      <c r="KL32" s="103">
        <v>29</v>
      </c>
      <c r="KM32" s="104">
        <v>36</v>
      </c>
    </row>
    <row r="33" spans="2:299" s="70" customFormat="1" ht="21" customHeight="1" x14ac:dyDescent="0.2">
      <c r="B33" s="106" t="s">
        <v>30</v>
      </c>
      <c r="C33" s="96">
        <v>3</v>
      </c>
      <c r="D33" s="97">
        <v>2</v>
      </c>
      <c r="E33" s="98">
        <v>5</v>
      </c>
      <c r="F33" s="413">
        <v>0</v>
      </c>
      <c r="G33" s="97">
        <v>7</v>
      </c>
      <c r="H33" s="97">
        <v>2</v>
      </c>
      <c r="I33" s="97">
        <v>5</v>
      </c>
      <c r="J33" s="97">
        <v>5</v>
      </c>
      <c r="K33" s="97">
        <v>1</v>
      </c>
      <c r="L33" s="99">
        <v>20</v>
      </c>
      <c r="M33" s="100">
        <v>25</v>
      </c>
      <c r="N33" s="101">
        <v>0</v>
      </c>
      <c r="O33" s="102">
        <v>0</v>
      </c>
      <c r="P33" s="103">
        <v>0</v>
      </c>
      <c r="Q33" s="413">
        <v>0</v>
      </c>
      <c r="R33" s="102">
        <v>0</v>
      </c>
      <c r="S33" s="102">
        <v>0</v>
      </c>
      <c r="T33" s="102">
        <v>0</v>
      </c>
      <c r="U33" s="102">
        <v>0</v>
      </c>
      <c r="V33" s="102">
        <v>0</v>
      </c>
      <c r="W33" s="103">
        <v>0</v>
      </c>
      <c r="X33" s="104">
        <v>0</v>
      </c>
      <c r="Y33" s="101">
        <v>0</v>
      </c>
      <c r="Z33" s="102">
        <v>0</v>
      </c>
      <c r="AA33" s="103">
        <v>0</v>
      </c>
      <c r="AB33" s="413">
        <v>0</v>
      </c>
      <c r="AC33" s="102">
        <v>0</v>
      </c>
      <c r="AD33" s="102">
        <v>0</v>
      </c>
      <c r="AE33" s="102">
        <v>0</v>
      </c>
      <c r="AF33" s="102">
        <v>1</v>
      </c>
      <c r="AG33" s="102">
        <v>0</v>
      </c>
      <c r="AH33" s="103">
        <v>1</v>
      </c>
      <c r="AI33" s="104">
        <v>1</v>
      </c>
      <c r="AJ33" s="101">
        <v>1</v>
      </c>
      <c r="AK33" s="102">
        <v>0</v>
      </c>
      <c r="AL33" s="103">
        <v>1</v>
      </c>
      <c r="AM33" s="413">
        <v>0</v>
      </c>
      <c r="AN33" s="102">
        <v>0</v>
      </c>
      <c r="AO33" s="102">
        <v>0</v>
      </c>
      <c r="AP33" s="102">
        <v>1</v>
      </c>
      <c r="AQ33" s="102">
        <v>0</v>
      </c>
      <c r="AR33" s="102">
        <v>1</v>
      </c>
      <c r="AS33" s="103">
        <v>2</v>
      </c>
      <c r="AT33" s="104">
        <v>3</v>
      </c>
      <c r="AU33" s="101">
        <v>1</v>
      </c>
      <c r="AV33" s="102">
        <v>0</v>
      </c>
      <c r="AW33" s="103">
        <v>1</v>
      </c>
      <c r="AX33" s="413">
        <v>0</v>
      </c>
      <c r="AY33" s="102">
        <v>3</v>
      </c>
      <c r="AZ33" s="102">
        <v>0</v>
      </c>
      <c r="BA33" s="102">
        <v>1</v>
      </c>
      <c r="BB33" s="102">
        <v>1</v>
      </c>
      <c r="BC33" s="102">
        <v>0</v>
      </c>
      <c r="BD33" s="103">
        <v>5</v>
      </c>
      <c r="BE33" s="104">
        <v>6</v>
      </c>
      <c r="BF33" s="101">
        <v>0</v>
      </c>
      <c r="BG33" s="102">
        <v>1</v>
      </c>
      <c r="BH33" s="103">
        <v>1</v>
      </c>
      <c r="BI33" s="413">
        <v>0</v>
      </c>
      <c r="BJ33" s="102">
        <v>1</v>
      </c>
      <c r="BK33" s="102">
        <v>1</v>
      </c>
      <c r="BL33" s="102">
        <v>0</v>
      </c>
      <c r="BM33" s="102">
        <v>0</v>
      </c>
      <c r="BN33" s="102">
        <v>0</v>
      </c>
      <c r="BO33" s="103">
        <v>2</v>
      </c>
      <c r="BP33" s="104">
        <v>3</v>
      </c>
      <c r="BQ33" s="101">
        <v>1</v>
      </c>
      <c r="BR33" s="102">
        <v>1</v>
      </c>
      <c r="BS33" s="103">
        <v>2</v>
      </c>
      <c r="BT33" s="413">
        <v>0</v>
      </c>
      <c r="BU33" s="102">
        <v>3</v>
      </c>
      <c r="BV33" s="102">
        <v>1</v>
      </c>
      <c r="BW33" s="102">
        <v>3</v>
      </c>
      <c r="BX33" s="102">
        <v>3</v>
      </c>
      <c r="BY33" s="102">
        <v>0</v>
      </c>
      <c r="BZ33" s="103">
        <v>10</v>
      </c>
      <c r="CA33" s="104">
        <v>12</v>
      </c>
      <c r="CB33" s="101">
        <v>0</v>
      </c>
      <c r="CC33" s="102">
        <v>0</v>
      </c>
      <c r="CD33" s="103">
        <v>0</v>
      </c>
      <c r="CE33" s="413">
        <v>0</v>
      </c>
      <c r="CF33" s="102">
        <v>0</v>
      </c>
      <c r="CG33" s="102">
        <v>0</v>
      </c>
      <c r="CH33" s="102">
        <v>0</v>
      </c>
      <c r="CI33" s="102">
        <v>0</v>
      </c>
      <c r="CJ33" s="102">
        <v>0</v>
      </c>
      <c r="CK33" s="103">
        <v>0</v>
      </c>
      <c r="CL33" s="104">
        <v>0</v>
      </c>
      <c r="CM33" s="101">
        <v>3</v>
      </c>
      <c r="CN33" s="102">
        <v>2</v>
      </c>
      <c r="CO33" s="103">
        <v>5</v>
      </c>
      <c r="CP33" s="413">
        <v>0</v>
      </c>
      <c r="CQ33" s="102">
        <v>7</v>
      </c>
      <c r="CR33" s="102">
        <v>2</v>
      </c>
      <c r="CS33" s="102">
        <v>5</v>
      </c>
      <c r="CT33" s="102">
        <v>5</v>
      </c>
      <c r="CU33" s="102">
        <v>1</v>
      </c>
      <c r="CV33" s="103">
        <v>20</v>
      </c>
      <c r="CW33" s="104">
        <v>25</v>
      </c>
      <c r="CX33" s="105">
        <v>0</v>
      </c>
      <c r="CY33" s="97">
        <v>0</v>
      </c>
      <c r="CZ33" s="98">
        <v>0</v>
      </c>
      <c r="DA33" s="413">
        <v>0</v>
      </c>
      <c r="DB33" s="97">
        <v>0</v>
      </c>
      <c r="DC33" s="97">
        <v>2</v>
      </c>
      <c r="DD33" s="97">
        <v>0</v>
      </c>
      <c r="DE33" s="97">
        <v>3</v>
      </c>
      <c r="DF33" s="97">
        <v>2</v>
      </c>
      <c r="DG33" s="99">
        <v>7</v>
      </c>
      <c r="DH33" s="100">
        <v>7</v>
      </c>
      <c r="DI33" s="101">
        <v>0</v>
      </c>
      <c r="DJ33" s="102">
        <v>0</v>
      </c>
      <c r="DK33" s="103">
        <v>0</v>
      </c>
      <c r="DL33" s="413">
        <v>0</v>
      </c>
      <c r="DM33" s="102">
        <v>0</v>
      </c>
      <c r="DN33" s="102">
        <v>0</v>
      </c>
      <c r="DO33" s="102">
        <v>0</v>
      </c>
      <c r="DP33" s="102">
        <v>0</v>
      </c>
      <c r="DQ33" s="102">
        <v>0</v>
      </c>
      <c r="DR33" s="103">
        <v>0</v>
      </c>
      <c r="DS33" s="104">
        <v>0</v>
      </c>
      <c r="DT33" s="101">
        <v>0</v>
      </c>
      <c r="DU33" s="102">
        <v>0</v>
      </c>
      <c r="DV33" s="103">
        <v>0</v>
      </c>
      <c r="DW33" s="413">
        <v>0</v>
      </c>
      <c r="DX33" s="102">
        <v>0</v>
      </c>
      <c r="DY33" s="102">
        <v>0</v>
      </c>
      <c r="DZ33" s="102">
        <v>0</v>
      </c>
      <c r="EA33" s="102">
        <v>0</v>
      </c>
      <c r="EB33" s="102">
        <v>0</v>
      </c>
      <c r="EC33" s="103">
        <v>0</v>
      </c>
      <c r="ED33" s="104">
        <v>0</v>
      </c>
      <c r="EE33" s="101">
        <v>0</v>
      </c>
      <c r="EF33" s="102">
        <v>0</v>
      </c>
      <c r="EG33" s="103">
        <v>0</v>
      </c>
      <c r="EH33" s="413">
        <v>0</v>
      </c>
      <c r="EI33" s="102">
        <v>0</v>
      </c>
      <c r="EJ33" s="102">
        <v>0</v>
      </c>
      <c r="EK33" s="102">
        <v>0</v>
      </c>
      <c r="EL33" s="102">
        <v>0</v>
      </c>
      <c r="EM33" s="102">
        <v>0</v>
      </c>
      <c r="EN33" s="103">
        <v>0</v>
      </c>
      <c r="EO33" s="104">
        <v>0</v>
      </c>
      <c r="EP33" s="101">
        <v>0</v>
      </c>
      <c r="EQ33" s="102">
        <v>0</v>
      </c>
      <c r="ER33" s="103">
        <v>0</v>
      </c>
      <c r="ES33" s="413">
        <v>0</v>
      </c>
      <c r="ET33" s="102">
        <v>0</v>
      </c>
      <c r="EU33" s="102">
        <v>1</v>
      </c>
      <c r="EV33" s="102">
        <v>0</v>
      </c>
      <c r="EW33" s="102">
        <v>0</v>
      </c>
      <c r="EX33" s="102">
        <v>0</v>
      </c>
      <c r="EY33" s="103">
        <v>1</v>
      </c>
      <c r="EZ33" s="104">
        <v>1</v>
      </c>
      <c r="FA33" s="101">
        <v>0</v>
      </c>
      <c r="FB33" s="102">
        <v>0</v>
      </c>
      <c r="FC33" s="103">
        <v>0</v>
      </c>
      <c r="FD33" s="413">
        <v>0</v>
      </c>
      <c r="FE33" s="102">
        <v>0</v>
      </c>
      <c r="FF33" s="102">
        <v>0</v>
      </c>
      <c r="FG33" s="102">
        <v>0</v>
      </c>
      <c r="FH33" s="102">
        <v>1</v>
      </c>
      <c r="FI33" s="102">
        <v>0</v>
      </c>
      <c r="FJ33" s="103">
        <v>1</v>
      </c>
      <c r="FK33" s="104">
        <v>1</v>
      </c>
      <c r="FL33" s="101">
        <v>0</v>
      </c>
      <c r="FM33" s="102">
        <v>0</v>
      </c>
      <c r="FN33" s="103">
        <v>0</v>
      </c>
      <c r="FO33" s="413">
        <v>0</v>
      </c>
      <c r="FP33" s="102">
        <v>0</v>
      </c>
      <c r="FQ33" s="102">
        <v>1</v>
      </c>
      <c r="FR33" s="102">
        <v>0</v>
      </c>
      <c r="FS33" s="102">
        <v>2</v>
      </c>
      <c r="FT33" s="102">
        <v>2</v>
      </c>
      <c r="FU33" s="103">
        <v>5</v>
      </c>
      <c r="FV33" s="104">
        <v>5</v>
      </c>
      <c r="FW33" s="101">
        <v>0</v>
      </c>
      <c r="FX33" s="102">
        <v>0</v>
      </c>
      <c r="FY33" s="103">
        <v>0</v>
      </c>
      <c r="FZ33" s="413">
        <v>0</v>
      </c>
      <c r="GA33" s="102">
        <v>0</v>
      </c>
      <c r="GB33" s="102">
        <v>0</v>
      </c>
      <c r="GC33" s="102">
        <v>0</v>
      </c>
      <c r="GD33" s="102">
        <v>0</v>
      </c>
      <c r="GE33" s="102">
        <v>0</v>
      </c>
      <c r="GF33" s="103">
        <v>0</v>
      </c>
      <c r="GG33" s="104">
        <v>0</v>
      </c>
      <c r="GH33" s="101">
        <v>0</v>
      </c>
      <c r="GI33" s="102">
        <v>0</v>
      </c>
      <c r="GJ33" s="103">
        <v>0</v>
      </c>
      <c r="GK33" s="413">
        <v>0</v>
      </c>
      <c r="GL33" s="102">
        <v>0</v>
      </c>
      <c r="GM33" s="102">
        <v>2</v>
      </c>
      <c r="GN33" s="102">
        <v>0</v>
      </c>
      <c r="GO33" s="102">
        <v>3</v>
      </c>
      <c r="GP33" s="102">
        <v>2</v>
      </c>
      <c r="GQ33" s="103">
        <v>7</v>
      </c>
      <c r="GR33" s="104">
        <v>7</v>
      </c>
      <c r="GS33" s="105">
        <v>3</v>
      </c>
      <c r="GT33" s="97">
        <v>2</v>
      </c>
      <c r="GU33" s="98">
        <v>5</v>
      </c>
      <c r="GV33" s="413">
        <v>0</v>
      </c>
      <c r="GW33" s="97">
        <v>7</v>
      </c>
      <c r="GX33" s="97">
        <v>4</v>
      </c>
      <c r="GY33" s="97">
        <v>5</v>
      </c>
      <c r="GZ33" s="97">
        <v>8</v>
      </c>
      <c r="HA33" s="97">
        <v>3</v>
      </c>
      <c r="HB33" s="99">
        <v>27</v>
      </c>
      <c r="HC33" s="100">
        <v>32</v>
      </c>
      <c r="HD33" s="101">
        <v>0</v>
      </c>
      <c r="HE33" s="102">
        <v>0</v>
      </c>
      <c r="HF33" s="103">
        <v>0</v>
      </c>
      <c r="HG33" s="413">
        <v>0</v>
      </c>
      <c r="HH33" s="102">
        <v>0</v>
      </c>
      <c r="HI33" s="102">
        <v>0</v>
      </c>
      <c r="HJ33" s="102">
        <v>0</v>
      </c>
      <c r="HK33" s="102">
        <v>0</v>
      </c>
      <c r="HL33" s="102">
        <v>0</v>
      </c>
      <c r="HM33" s="103">
        <v>0</v>
      </c>
      <c r="HN33" s="104">
        <v>0</v>
      </c>
      <c r="HO33" s="101">
        <v>0</v>
      </c>
      <c r="HP33" s="102">
        <v>0</v>
      </c>
      <c r="HQ33" s="103">
        <v>0</v>
      </c>
      <c r="HR33" s="413">
        <v>0</v>
      </c>
      <c r="HS33" s="102">
        <v>0</v>
      </c>
      <c r="HT33" s="102">
        <v>0</v>
      </c>
      <c r="HU33" s="102">
        <v>0</v>
      </c>
      <c r="HV33" s="102">
        <v>1</v>
      </c>
      <c r="HW33" s="102">
        <v>0</v>
      </c>
      <c r="HX33" s="103">
        <v>1</v>
      </c>
      <c r="HY33" s="104">
        <v>1</v>
      </c>
      <c r="HZ33" s="101">
        <v>1</v>
      </c>
      <c r="IA33" s="102">
        <v>0</v>
      </c>
      <c r="IB33" s="103">
        <v>1</v>
      </c>
      <c r="IC33" s="413">
        <v>0</v>
      </c>
      <c r="ID33" s="102">
        <v>0</v>
      </c>
      <c r="IE33" s="102">
        <v>0</v>
      </c>
      <c r="IF33" s="102">
        <v>1</v>
      </c>
      <c r="IG33" s="102">
        <v>0</v>
      </c>
      <c r="IH33" s="102">
        <v>1</v>
      </c>
      <c r="II33" s="103">
        <v>2</v>
      </c>
      <c r="IJ33" s="104">
        <v>3</v>
      </c>
      <c r="IK33" s="101">
        <v>1</v>
      </c>
      <c r="IL33" s="102">
        <v>0</v>
      </c>
      <c r="IM33" s="103">
        <v>1</v>
      </c>
      <c r="IN33" s="413">
        <v>0</v>
      </c>
      <c r="IO33" s="102">
        <v>3</v>
      </c>
      <c r="IP33" s="102">
        <v>1</v>
      </c>
      <c r="IQ33" s="102">
        <v>1</v>
      </c>
      <c r="IR33" s="102">
        <v>1</v>
      </c>
      <c r="IS33" s="102">
        <v>0</v>
      </c>
      <c r="IT33" s="103">
        <v>6</v>
      </c>
      <c r="IU33" s="104">
        <v>7</v>
      </c>
      <c r="IV33" s="101">
        <v>0</v>
      </c>
      <c r="IW33" s="102">
        <v>1</v>
      </c>
      <c r="IX33" s="103">
        <v>1</v>
      </c>
      <c r="IY33" s="413">
        <v>0</v>
      </c>
      <c r="IZ33" s="102">
        <v>1</v>
      </c>
      <c r="JA33" s="102">
        <v>1</v>
      </c>
      <c r="JB33" s="102">
        <v>0</v>
      </c>
      <c r="JC33" s="102">
        <v>1</v>
      </c>
      <c r="JD33" s="102">
        <v>0</v>
      </c>
      <c r="JE33" s="103">
        <v>3</v>
      </c>
      <c r="JF33" s="104">
        <v>4</v>
      </c>
      <c r="JG33" s="101">
        <v>1</v>
      </c>
      <c r="JH33" s="102">
        <v>1</v>
      </c>
      <c r="JI33" s="103">
        <v>2</v>
      </c>
      <c r="JJ33" s="413">
        <v>0</v>
      </c>
      <c r="JK33" s="102">
        <v>3</v>
      </c>
      <c r="JL33" s="102">
        <v>2</v>
      </c>
      <c r="JM33" s="102">
        <v>3</v>
      </c>
      <c r="JN33" s="102">
        <v>5</v>
      </c>
      <c r="JO33" s="102">
        <v>2</v>
      </c>
      <c r="JP33" s="103">
        <v>15</v>
      </c>
      <c r="JQ33" s="104">
        <v>17</v>
      </c>
      <c r="JR33" s="101">
        <v>0</v>
      </c>
      <c r="JS33" s="102">
        <v>0</v>
      </c>
      <c r="JT33" s="103">
        <v>0</v>
      </c>
      <c r="JU33" s="413">
        <v>0</v>
      </c>
      <c r="JV33" s="102">
        <v>0</v>
      </c>
      <c r="JW33" s="102">
        <v>0</v>
      </c>
      <c r="JX33" s="102">
        <v>0</v>
      </c>
      <c r="JY33" s="102">
        <v>0</v>
      </c>
      <c r="JZ33" s="102">
        <v>0</v>
      </c>
      <c r="KA33" s="103">
        <v>0</v>
      </c>
      <c r="KB33" s="104">
        <v>0</v>
      </c>
      <c r="KC33" s="101">
        <v>3</v>
      </c>
      <c r="KD33" s="102">
        <v>2</v>
      </c>
      <c r="KE33" s="103">
        <v>5</v>
      </c>
      <c r="KF33" s="413">
        <v>0</v>
      </c>
      <c r="KG33" s="102">
        <v>7</v>
      </c>
      <c r="KH33" s="102">
        <v>4</v>
      </c>
      <c r="KI33" s="102">
        <v>5</v>
      </c>
      <c r="KJ33" s="102">
        <v>8</v>
      </c>
      <c r="KK33" s="102">
        <v>3</v>
      </c>
      <c r="KL33" s="103">
        <v>27</v>
      </c>
      <c r="KM33" s="104">
        <v>32</v>
      </c>
    </row>
    <row r="34" spans="2:299" s="70" customFormat="1" ht="21" customHeight="1" x14ac:dyDescent="0.2">
      <c r="B34" s="106" t="s">
        <v>31</v>
      </c>
      <c r="C34" s="96">
        <v>6</v>
      </c>
      <c r="D34" s="97">
        <v>8</v>
      </c>
      <c r="E34" s="98">
        <v>14</v>
      </c>
      <c r="F34" s="413">
        <v>0</v>
      </c>
      <c r="G34" s="97">
        <v>7</v>
      </c>
      <c r="H34" s="97">
        <v>6</v>
      </c>
      <c r="I34" s="97">
        <v>4</v>
      </c>
      <c r="J34" s="97">
        <v>5</v>
      </c>
      <c r="K34" s="97">
        <v>0</v>
      </c>
      <c r="L34" s="99">
        <v>22</v>
      </c>
      <c r="M34" s="100">
        <v>36</v>
      </c>
      <c r="N34" s="101">
        <v>0</v>
      </c>
      <c r="O34" s="102">
        <v>0</v>
      </c>
      <c r="P34" s="103">
        <v>0</v>
      </c>
      <c r="Q34" s="413">
        <v>0</v>
      </c>
      <c r="R34" s="102">
        <v>0</v>
      </c>
      <c r="S34" s="102">
        <v>0</v>
      </c>
      <c r="T34" s="102">
        <v>0</v>
      </c>
      <c r="U34" s="102">
        <v>0</v>
      </c>
      <c r="V34" s="102">
        <v>0</v>
      </c>
      <c r="W34" s="103">
        <v>0</v>
      </c>
      <c r="X34" s="104">
        <v>0</v>
      </c>
      <c r="Y34" s="101">
        <v>0</v>
      </c>
      <c r="Z34" s="102">
        <v>0</v>
      </c>
      <c r="AA34" s="103">
        <v>0</v>
      </c>
      <c r="AB34" s="413">
        <v>0</v>
      </c>
      <c r="AC34" s="102">
        <v>0</v>
      </c>
      <c r="AD34" s="102">
        <v>0</v>
      </c>
      <c r="AE34" s="102">
        <v>0</v>
      </c>
      <c r="AF34" s="102">
        <v>1</v>
      </c>
      <c r="AG34" s="102">
        <v>0</v>
      </c>
      <c r="AH34" s="103">
        <v>1</v>
      </c>
      <c r="AI34" s="104">
        <v>1</v>
      </c>
      <c r="AJ34" s="101">
        <v>1</v>
      </c>
      <c r="AK34" s="102">
        <v>1</v>
      </c>
      <c r="AL34" s="103">
        <v>2</v>
      </c>
      <c r="AM34" s="413">
        <v>0</v>
      </c>
      <c r="AN34" s="102">
        <v>0</v>
      </c>
      <c r="AO34" s="102">
        <v>0</v>
      </c>
      <c r="AP34" s="102">
        <v>1</v>
      </c>
      <c r="AQ34" s="102">
        <v>0</v>
      </c>
      <c r="AR34" s="102">
        <v>0</v>
      </c>
      <c r="AS34" s="103">
        <v>1</v>
      </c>
      <c r="AT34" s="104">
        <v>3</v>
      </c>
      <c r="AU34" s="101">
        <v>1</v>
      </c>
      <c r="AV34" s="102">
        <v>1</v>
      </c>
      <c r="AW34" s="103">
        <v>2</v>
      </c>
      <c r="AX34" s="413">
        <v>0</v>
      </c>
      <c r="AY34" s="102">
        <v>1</v>
      </c>
      <c r="AZ34" s="102">
        <v>2</v>
      </c>
      <c r="BA34" s="102">
        <v>0</v>
      </c>
      <c r="BB34" s="102">
        <v>1</v>
      </c>
      <c r="BC34" s="102">
        <v>0</v>
      </c>
      <c r="BD34" s="103">
        <v>4</v>
      </c>
      <c r="BE34" s="104">
        <v>6</v>
      </c>
      <c r="BF34" s="101">
        <v>1</v>
      </c>
      <c r="BG34" s="102">
        <v>3</v>
      </c>
      <c r="BH34" s="103">
        <v>4</v>
      </c>
      <c r="BI34" s="413">
        <v>0</v>
      </c>
      <c r="BJ34" s="102">
        <v>4</v>
      </c>
      <c r="BK34" s="102">
        <v>4</v>
      </c>
      <c r="BL34" s="102">
        <v>1</v>
      </c>
      <c r="BM34" s="102">
        <v>1</v>
      </c>
      <c r="BN34" s="102">
        <v>0</v>
      </c>
      <c r="BO34" s="103">
        <v>10</v>
      </c>
      <c r="BP34" s="104">
        <v>14</v>
      </c>
      <c r="BQ34" s="101">
        <v>3</v>
      </c>
      <c r="BR34" s="102">
        <v>3</v>
      </c>
      <c r="BS34" s="103">
        <v>6</v>
      </c>
      <c r="BT34" s="413">
        <v>0</v>
      </c>
      <c r="BU34" s="102">
        <v>2</v>
      </c>
      <c r="BV34" s="102">
        <v>0</v>
      </c>
      <c r="BW34" s="102">
        <v>2</v>
      </c>
      <c r="BX34" s="102">
        <v>2</v>
      </c>
      <c r="BY34" s="102">
        <v>0</v>
      </c>
      <c r="BZ34" s="103">
        <v>6</v>
      </c>
      <c r="CA34" s="104">
        <v>12</v>
      </c>
      <c r="CB34" s="101">
        <v>0</v>
      </c>
      <c r="CC34" s="102">
        <v>0</v>
      </c>
      <c r="CD34" s="103">
        <v>0</v>
      </c>
      <c r="CE34" s="413">
        <v>0</v>
      </c>
      <c r="CF34" s="102">
        <v>0</v>
      </c>
      <c r="CG34" s="102">
        <v>0</v>
      </c>
      <c r="CH34" s="102">
        <v>0</v>
      </c>
      <c r="CI34" s="102">
        <v>0</v>
      </c>
      <c r="CJ34" s="102">
        <v>0</v>
      </c>
      <c r="CK34" s="103">
        <v>0</v>
      </c>
      <c r="CL34" s="104">
        <v>0</v>
      </c>
      <c r="CM34" s="101">
        <v>6</v>
      </c>
      <c r="CN34" s="102">
        <v>8</v>
      </c>
      <c r="CO34" s="103">
        <v>14</v>
      </c>
      <c r="CP34" s="413">
        <v>0</v>
      </c>
      <c r="CQ34" s="102">
        <v>7</v>
      </c>
      <c r="CR34" s="102">
        <v>6</v>
      </c>
      <c r="CS34" s="102">
        <v>4</v>
      </c>
      <c r="CT34" s="102">
        <v>5</v>
      </c>
      <c r="CU34" s="102">
        <v>0</v>
      </c>
      <c r="CV34" s="103">
        <v>22</v>
      </c>
      <c r="CW34" s="104">
        <v>36</v>
      </c>
      <c r="CX34" s="105">
        <v>1</v>
      </c>
      <c r="CY34" s="97">
        <v>0</v>
      </c>
      <c r="CZ34" s="98">
        <v>1</v>
      </c>
      <c r="DA34" s="413">
        <v>0</v>
      </c>
      <c r="DB34" s="97">
        <v>3</v>
      </c>
      <c r="DC34" s="97">
        <v>2</v>
      </c>
      <c r="DD34" s="97">
        <v>0</v>
      </c>
      <c r="DE34" s="97">
        <v>1</v>
      </c>
      <c r="DF34" s="97">
        <v>1</v>
      </c>
      <c r="DG34" s="99">
        <v>7</v>
      </c>
      <c r="DH34" s="100">
        <v>8</v>
      </c>
      <c r="DI34" s="101">
        <v>0</v>
      </c>
      <c r="DJ34" s="102">
        <v>0</v>
      </c>
      <c r="DK34" s="103">
        <v>0</v>
      </c>
      <c r="DL34" s="413">
        <v>0</v>
      </c>
      <c r="DM34" s="102">
        <v>0</v>
      </c>
      <c r="DN34" s="102">
        <v>0</v>
      </c>
      <c r="DO34" s="102">
        <v>0</v>
      </c>
      <c r="DP34" s="102">
        <v>0</v>
      </c>
      <c r="DQ34" s="102">
        <v>0</v>
      </c>
      <c r="DR34" s="103">
        <v>0</v>
      </c>
      <c r="DS34" s="104">
        <v>0</v>
      </c>
      <c r="DT34" s="101">
        <v>0</v>
      </c>
      <c r="DU34" s="102">
        <v>0</v>
      </c>
      <c r="DV34" s="103">
        <v>0</v>
      </c>
      <c r="DW34" s="413">
        <v>0</v>
      </c>
      <c r="DX34" s="102">
        <v>0</v>
      </c>
      <c r="DY34" s="102">
        <v>0</v>
      </c>
      <c r="DZ34" s="102">
        <v>0</v>
      </c>
      <c r="EA34" s="102">
        <v>0</v>
      </c>
      <c r="EB34" s="102">
        <v>0</v>
      </c>
      <c r="EC34" s="103">
        <v>0</v>
      </c>
      <c r="ED34" s="104">
        <v>0</v>
      </c>
      <c r="EE34" s="101">
        <v>0</v>
      </c>
      <c r="EF34" s="102">
        <v>0</v>
      </c>
      <c r="EG34" s="103">
        <v>0</v>
      </c>
      <c r="EH34" s="413">
        <v>0</v>
      </c>
      <c r="EI34" s="102">
        <v>0</v>
      </c>
      <c r="EJ34" s="102">
        <v>0</v>
      </c>
      <c r="EK34" s="102">
        <v>0</v>
      </c>
      <c r="EL34" s="102">
        <v>0</v>
      </c>
      <c r="EM34" s="102">
        <v>0</v>
      </c>
      <c r="EN34" s="103">
        <v>0</v>
      </c>
      <c r="EO34" s="104">
        <v>0</v>
      </c>
      <c r="EP34" s="101">
        <v>1</v>
      </c>
      <c r="EQ34" s="102">
        <v>0</v>
      </c>
      <c r="ER34" s="103">
        <v>1</v>
      </c>
      <c r="ES34" s="413">
        <v>0</v>
      </c>
      <c r="ET34" s="102">
        <v>0</v>
      </c>
      <c r="EU34" s="102">
        <v>1</v>
      </c>
      <c r="EV34" s="102">
        <v>0</v>
      </c>
      <c r="EW34" s="102">
        <v>0</v>
      </c>
      <c r="EX34" s="102">
        <v>0</v>
      </c>
      <c r="EY34" s="103">
        <v>1</v>
      </c>
      <c r="EZ34" s="104">
        <v>2</v>
      </c>
      <c r="FA34" s="101">
        <v>0</v>
      </c>
      <c r="FB34" s="102">
        <v>0</v>
      </c>
      <c r="FC34" s="103">
        <v>0</v>
      </c>
      <c r="FD34" s="413">
        <v>0</v>
      </c>
      <c r="FE34" s="102">
        <v>0</v>
      </c>
      <c r="FF34" s="102">
        <v>0</v>
      </c>
      <c r="FG34" s="102">
        <v>0</v>
      </c>
      <c r="FH34" s="102">
        <v>0</v>
      </c>
      <c r="FI34" s="102">
        <v>0</v>
      </c>
      <c r="FJ34" s="103">
        <v>0</v>
      </c>
      <c r="FK34" s="104">
        <v>0</v>
      </c>
      <c r="FL34" s="101">
        <v>0</v>
      </c>
      <c r="FM34" s="102">
        <v>0</v>
      </c>
      <c r="FN34" s="103">
        <v>0</v>
      </c>
      <c r="FO34" s="413">
        <v>0</v>
      </c>
      <c r="FP34" s="102">
        <v>3</v>
      </c>
      <c r="FQ34" s="102">
        <v>1</v>
      </c>
      <c r="FR34" s="102">
        <v>0</v>
      </c>
      <c r="FS34" s="102">
        <v>1</v>
      </c>
      <c r="FT34" s="102">
        <v>1</v>
      </c>
      <c r="FU34" s="103">
        <v>6</v>
      </c>
      <c r="FV34" s="104">
        <v>6</v>
      </c>
      <c r="FW34" s="101">
        <v>0</v>
      </c>
      <c r="FX34" s="102">
        <v>0</v>
      </c>
      <c r="FY34" s="103">
        <v>0</v>
      </c>
      <c r="FZ34" s="413">
        <v>0</v>
      </c>
      <c r="GA34" s="102">
        <v>0</v>
      </c>
      <c r="GB34" s="102">
        <v>0</v>
      </c>
      <c r="GC34" s="102">
        <v>0</v>
      </c>
      <c r="GD34" s="102">
        <v>0</v>
      </c>
      <c r="GE34" s="102">
        <v>0</v>
      </c>
      <c r="GF34" s="103">
        <v>0</v>
      </c>
      <c r="GG34" s="104">
        <v>0</v>
      </c>
      <c r="GH34" s="101">
        <v>1</v>
      </c>
      <c r="GI34" s="102">
        <v>0</v>
      </c>
      <c r="GJ34" s="103">
        <v>1</v>
      </c>
      <c r="GK34" s="413">
        <v>0</v>
      </c>
      <c r="GL34" s="102">
        <v>3</v>
      </c>
      <c r="GM34" s="102">
        <v>2</v>
      </c>
      <c r="GN34" s="102">
        <v>0</v>
      </c>
      <c r="GO34" s="102">
        <v>1</v>
      </c>
      <c r="GP34" s="102">
        <v>1</v>
      </c>
      <c r="GQ34" s="103">
        <v>7</v>
      </c>
      <c r="GR34" s="104">
        <v>8</v>
      </c>
      <c r="GS34" s="105">
        <v>7</v>
      </c>
      <c r="GT34" s="97">
        <v>8</v>
      </c>
      <c r="GU34" s="98">
        <v>15</v>
      </c>
      <c r="GV34" s="413">
        <v>0</v>
      </c>
      <c r="GW34" s="97">
        <v>10</v>
      </c>
      <c r="GX34" s="97">
        <v>8</v>
      </c>
      <c r="GY34" s="97">
        <v>4</v>
      </c>
      <c r="GZ34" s="97">
        <v>6</v>
      </c>
      <c r="HA34" s="97">
        <v>1</v>
      </c>
      <c r="HB34" s="99">
        <v>29</v>
      </c>
      <c r="HC34" s="100">
        <v>44</v>
      </c>
      <c r="HD34" s="101">
        <v>0</v>
      </c>
      <c r="HE34" s="102">
        <v>0</v>
      </c>
      <c r="HF34" s="103">
        <v>0</v>
      </c>
      <c r="HG34" s="413">
        <v>0</v>
      </c>
      <c r="HH34" s="102">
        <v>0</v>
      </c>
      <c r="HI34" s="102">
        <v>0</v>
      </c>
      <c r="HJ34" s="102">
        <v>0</v>
      </c>
      <c r="HK34" s="102">
        <v>0</v>
      </c>
      <c r="HL34" s="102">
        <v>0</v>
      </c>
      <c r="HM34" s="103">
        <v>0</v>
      </c>
      <c r="HN34" s="104">
        <v>0</v>
      </c>
      <c r="HO34" s="101">
        <v>0</v>
      </c>
      <c r="HP34" s="102">
        <v>0</v>
      </c>
      <c r="HQ34" s="103">
        <v>0</v>
      </c>
      <c r="HR34" s="413">
        <v>0</v>
      </c>
      <c r="HS34" s="102">
        <v>0</v>
      </c>
      <c r="HT34" s="102">
        <v>0</v>
      </c>
      <c r="HU34" s="102">
        <v>0</v>
      </c>
      <c r="HV34" s="102">
        <v>1</v>
      </c>
      <c r="HW34" s="102">
        <v>0</v>
      </c>
      <c r="HX34" s="103">
        <v>1</v>
      </c>
      <c r="HY34" s="104">
        <v>1</v>
      </c>
      <c r="HZ34" s="101">
        <v>1</v>
      </c>
      <c r="IA34" s="102">
        <v>1</v>
      </c>
      <c r="IB34" s="103">
        <v>2</v>
      </c>
      <c r="IC34" s="413">
        <v>0</v>
      </c>
      <c r="ID34" s="102">
        <v>0</v>
      </c>
      <c r="IE34" s="102">
        <v>0</v>
      </c>
      <c r="IF34" s="102">
        <v>1</v>
      </c>
      <c r="IG34" s="102">
        <v>0</v>
      </c>
      <c r="IH34" s="102">
        <v>0</v>
      </c>
      <c r="II34" s="103">
        <v>1</v>
      </c>
      <c r="IJ34" s="104">
        <v>3</v>
      </c>
      <c r="IK34" s="101">
        <v>2</v>
      </c>
      <c r="IL34" s="102">
        <v>1</v>
      </c>
      <c r="IM34" s="103">
        <v>3</v>
      </c>
      <c r="IN34" s="413">
        <v>0</v>
      </c>
      <c r="IO34" s="102">
        <v>1</v>
      </c>
      <c r="IP34" s="102">
        <v>3</v>
      </c>
      <c r="IQ34" s="102">
        <v>0</v>
      </c>
      <c r="IR34" s="102">
        <v>1</v>
      </c>
      <c r="IS34" s="102">
        <v>0</v>
      </c>
      <c r="IT34" s="103">
        <v>5</v>
      </c>
      <c r="IU34" s="104">
        <v>8</v>
      </c>
      <c r="IV34" s="101">
        <v>1</v>
      </c>
      <c r="IW34" s="102">
        <v>3</v>
      </c>
      <c r="IX34" s="103">
        <v>4</v>
      </c>
      <c r="IY34" s="413">
        <v>0</v>
      </c>
      <c r="IZ34" s="102">
        <v>4</v>
      </c>
      <c r="JA34" s="102">
        <v>4</v>
      </c>
      <c r="JB34" s="102">
        <v>1</v>
      </c>
      <c r="JC34" s="102">
        <v>1</v>
      </c>
      <c r="JD34" s="102">
        <v>0</v>
      </c>
      <c r="JE34" s="103">
        <v>10</v>
      </c>
      <c r="JF34" s="104">
        <v>14</v>
      </c>
      <c r="JG34" s="101">
        <v>3</v>
      </c>
      <c r="JH34" s="102">
        <v>3</v>
      </c>
      <c r="JI34" s="103">
        <v>6</v>
      </c>
      <c r="JJ34" s="413">
        <v>0</v>
      </c>
      <c r="JK34" s="102">
        <v>5</v>
      </c>
      <c r="JL34" s="102">
        <v>1</v>
      </c>
      <c r="JM34" s="102">
        <v>2</v>
      </c>
      <c r="JN34" s="102">
        <v>3</v>
      </c>
      <c r="JO34" s="102">
        <v>1</v>
      </c>
      <c r="JP34" s="103">
        <v>12</v>
      </c>
      <c r="JQ34" s="104">
        <v>18</v>
      </c>
      <c r="JR34" s="101">
        <v>0</v>
      </c>
      <c r="JS34" s="102">
        <v>0</v>
      </c>
      <c r="JT34" s="103">
        <v>0</v>
      </c>
      <c r="JU34" s="413">
        <v>0</v>
      </c>
      <c r="JV34" s="102">
        <v>0</v>
      </c>
      <c r="JW34" s="102">
        <v>0</v>
      </c>
      <c r="JX34" s="102">
        <v>0</v>
      </c>
      <c r="JY34" s="102">
        <v>0</v>
      </c>
      <c r="JZ34" s="102">
        <v>0</v>
      </c>
      <c r="KA34" s="103">
        <v>0</v>
      </c>
      <c r="KB34" s="104">
        <v>0</v>
      </c>
      <c r="KC34" s="101">
        <v>7</v>
      </c>
      <c r="KD34" s="102">
        <v>8</v>
      </c>
      <c r="KE34" s="103">
        <v>15</v>
      </c>
      <c r="KF34" s="413">
        <v>0</v>
      </c>
      <c r="KG34" s="102">
        <v>10</v>
      </c>
      <c r="KH34" s="102">
        <v>8</v>
      </c>
      <c r="KI34" s="102">
        <v>4</v>
      </c>
      <c r="KJ34" s="102">
        <v>6</v>
      </c>
      <c r="KK34" s="102">
        <v>1</v>
      </c>
      <c r="KL34" s="103">
        <v>29</v>
      </c>
      <c r="KM34" s="104">
        <v>44</v>
      </c>
    </row>
    <row r="35" spans="2:299" s="70" customFormat="1" ht="21" customHeight="1" x14ac:dyDescent="0.2">
      <c r="B35" s="106" t="s">
        <v>32</v>
      </c>
      <c r="C35" s="96">
        <v>8</v>
      </c>
      <c r="D35" s="97">
        <v>5</v>
      </c>
      <c r="E35" s="98">
        <v>13</v>
      </c>
      <c r="F35" s="413">
        <v>0</v>
      </c>
      <c r="G35" s="97">
        <v>17</v>
      </c>
      <c r="H35" s="97">
        <v>13</v>
      </c>
      <c r="I35" s="97">
        <v>6</v>
      </c>
      <c r="J35" s="97">
        <v>4</v>
      </c>
      <c r="K35" s="97">
        <v>0</v>
      </c>
      <c r="L35" s="99">
        <v>40</v>
      </c>
      <c r="M35" s="100">
        <v>53</v>
      </c>
      <c r="N35" s="101">
        <v>0</v>
      </c>
      <c r="O35" s="102">
        <v>0</v>
      </c>
      <c r="P35" s="103">
        <v>0</v>
      </c>
      <c r="Q35" s="413">
        <v>0</v>
      </c>
      <c r="R35" s="102">
        <v>0</v>
      </c>
      <c r="S35" s="102">
        <v>0</v>
      </c>
      <c r="T35" s="102">
        <v>0</v>
      </c>
      <c r="U35" s="102">
        <v>0</v>
      </c>
      <c r="V35" s="102">
        <v>0</v>
      </c>
      <c r="W35" s="103">
        <v>0</v>
      </c>
      <c r="X35" s="104">
        <v>0</v>
      </c>
      <c r="Y35" s="101">
        <v>1</v>
      </c>
      <c r="Z35" s="102">
        <v>0</v>
      </c>
      <c r="AA35" s="103">
        <v>1</v>
      </c>
      <c r="AB35" s="413">
        <v>0</v>
      </c>
      <c r="AC35" s="102">
        <v>0</v>
      </c>
      <c r="AD35" s="102">
        <v>0</v>
      </c>
      <c r="AE35" s="102">
        <v>0</v>
      </c>
      <c r="AF35" s="102">
        <v>0</v>
      </c>
      <c r="AG35" s="102">
        <v>0</v>
      </c>
      <c r="AH35" s="103">
        <v>0</v>
      </c>
      <c r="AI35" s="104">
        <v>1</v>
      </c>
      <c r="AJ35" s="101">
        <v>0</v>
      </c>
      <c r="AK35" s="102">
        <v>0</v>
      </c>
      <c r="AL35" s="103">
        <v>0</v>
      </c>
      <c r="AM35" s="413">
        <v>0</v>
      </c>
      <c r="AN35" s="102">
        <v>0</v>
      </c>
      <c r="AO35" s="102">
        <v>2</v>
      </c>
      <c r="AP35" s="102">
        <v>0</v>
      </c>
      <c r="AQ35" s="102">
        <v>0</v>
      </c>
      <c r="AR35" s="102">
        <v>0</v>
      </c>
      <c r="AS35" s="103">
        <v>2</v>
      </c>
      <c r="AT35" s="104">
        <v>2</v>
      </c>
      <c r="AU35" s="101">
        <v>3</v>
      </c>
      <c r="AV35" s="102">
        <v>1</v>
      </c>
      <c r="AW35" s="103">
        <v>4</v>
      </c>
      <c r="AX35" s="413">
        <v>0</v>
      </c>
      <c r="AY35" s="102">
        <v>4</v>
      </c>
      <c r="AZ35" s="102">
        <v>2</v>
      </c>
      <c r="BA35" s="102">
        <v>2</v>
      </c>
      <c r="BB35" s="102">
        <v>0</v>
      </c>
      <c r="BC35" s="102">
        <v>0</v>
      </c>
      <c r="BD35" s="103">
        <v>8</v>
      </c>
      <c r="BE35" s="104">
        <v>12</v>
      </c>
      <c r="BF35" s="101">
        <v>1</v>
      </c>
      <c r="BG35" s="102">
        <v>2</v>
      </c>
      <c r="BH35" s="103">
        <v>3</v>
      </c>
      <c r="BI35" s="413">
        <v>0</v>
      </c>
      <c r="BJ35" s="102">
        <v>8</v>
      </c>
      <c r="BK35" s="102">
        <v>3</v>
      </c>
      <c r="BL35" s="102">
        <v>3</v>
      </c>
      <c r="BM35" s="102">
        <v>1</v>
      </c>
      <c r="BN35" s="102">
        <v>0</v>
      </c>
      <c r="BO35" s="103">
        <v>15</v>
      </c>
      <c r="BP35" s="104">
        <v>18</v>
      </c>
      <c r="BQ35" s="101">
        <v>3</v>
      </c>
      <c r="BR35" s="102">
        <v>2</v>
      </c>
      <c r="BS35" s="103">
        <v>5</v>
      </c>
      <c r="BT35" s="413">
        <v>0</v>
      </c>
      <c r="BU35" s="102">
        <v>5</v>
      </c>
      <c r="BV35" s="102">
        <v>6</v>
      </c>
      <c r="BW35" s="102">
        <v>1</v>
      </c>
      <c r="BX35" s="102">
        <v>3</v>
      </c>
      <c r="BY35" s="102">
        <v>0</v>
      </c>
      <c r="BZ35" s="103">
        <v>15</v>
      </c>
      <c r="CA35" s="104">
        <v>20</v>
      </c>
      <c r="CB35" s="101">
        <v>0</v>
      </c>
      <c r="CC35" s="102">
        <v>0</v>
      </c>
      <c r="CD35" s="103">
        <v>0</v>
      </c>
      <c r="CE35" s="413">
        <v>0</v>
      </c>
      <c r="CF35" s="102">
        <v>0</v>
      </c>
      <c r="CG35" s="102">
        <v>0</v>
      </c>
      <c r="CH35" s="102">
        <v>0</v>
      </c>
      <c r="CI35" s="102">
        <v>0</v>
      </c>
      <c r="CJ35" s="102">
        <v>0</v>
      </c>
      <c r="CK35" s="103">
        <v>0</v>
      </c>
      <c r="CL35" s="104">
        <v>0</v>
      </c>
      <c r="CM35" s="101">
        <v>8</v>
      </c>
      <c r="CN35" s="102">
        <v>5</v>
      </c>
      <c r="CO35" s="103">
        <v>13</v>
      </c>
      <c r="CP35" s="413">
        <v>0</v>
      </c>
      <c r="CQ35" s="102">
        <v>17</v>
      </c>
      <c r="CR35" s="102">
        <v>13</v>
      </c>
      <c r="CS35" s="102">
        <v>6</v>
      </c>
      <c r="CT35" s="102">
        <v>4</v>
      </c>
      <c r="CU35" s="102">
        <v>0</v>
      </c>
      <c r="CV35" s="103">
        <v>40</v>
      </c>
      <c r="CW35" s="104">
        <v>53</v>
      </c>
      <c r="CX35" s="105">
        <v>0</v>
      </c>
      <c r="CY35" s="97">
        <v>0</v>
      </c>
      <c r="CZ35" s="98">
        <v>0</v>
      </c>
      <c r="DA35" s="413">
        <v>0</v>
      </c>
      <c r="DB35" s="97">
        <v>0</v>
      </c>
      <c r="DC35" s="97">
        <v>2</v>
      </c>
      <c r="DD35" s="97">
        <v>1</v>
      </c>
      <c r="DE35" s="97">
        <v>2</v>
      </c>
      <c r="DF35" s="97">
        <v>1</v>
      </c>
      <c r="DG35" s="99">
        <v>6</v>
      </c>
      <c r="DH35" s="100">
        <v>6</v>
      </c>
      <c r="DI35" s="101">
        <v>0</v>
      </c>
      <c r="DJ35" s="102">
        <v>0</v>
      </c>
      <c r="DK35" s="103">
        <v>0</v>
      </c>
      <c r="DL35" s="413">
        <v>0</v>
      </c>
      <c r="DM35" s="102">
        <v>0</v>
      </c>
      <c r="DN35" s="102">
        <v>0</v>
      </c>
      <c r="DO35" s="102">
        <v>0</v>
      </c>
      <c r="DP35" s="102">
        <v>0</v>
      </c>
      <c r="DQ35" s="102">
        <v>0</v>
      </c>
      <c r="DR35" s="103">
        <v>0</v>
      </c>
      <c r="DS35" s="104">
        <v>0</v>
      </c>
      <c r="DT35" s="101">
        <v>0</v>
      </c>
      <c r="DU35" s="102">
        <v>0</v>
      </c>
      <c r="DV35" s="103">
        <v>0</v>
      </c>
      <c r="DW35" s="413">
        <v>0</v>
      </c>
      <c r="DX35" s="102">
        <v>0</v>
      </c>
      <c r="DY35" s="102">
        <v>0</v>
      </c>
      <c r="DZ35" s="102">
        <v>0</v>
      </c>
      <c r="EA35" s="102">
        <v>0</v>
      </c>
      <c r="EB35" s="102">
        <v>0</v>
      </c>
      <c r="EC35" s="103">
        <v>0</v>
      </c>
      <c r="ED35" s="104">
        <v>0</v>
      </c>
      <c r="EE35" s="101">
        <v>0</v>
      </c>
      <c r="EF35" s="102">
        <v>0</v>
      </c>
      <c r="EG35" s="103">
        <v>0</v>
      </c>
      <c r="EH35" s="413">
        <v>0</v>
      </c>
      <c r="EI35" s="102">
        <v>0</v>
      </c>
      <c r="EJ35" s="102">
        <v>0</v>
      </c>
      <c r="EK35" s="102">
        <v>0</v>
      </c>
      <c r="EL35" s="102">
        <v>0</v>
      </c>
      <c r="EM35" s="102">
        <v>0</v>
      </c>
      <c r="EN35" s="103">
        <v>0</v>
      </c>
      <c r="EO35" s="104">
        <v>0</v>
      </c>
      <c r="EP35" s="101">
        <v>0</v>
      </c>
      <c r="EQ35" s="102">
        <v>0</v>
      </c>
      <c r="ER35" s="103">
        <v>0</v>
      </c>
      <c r="ES35" s="413">
        <v>0</v>
      </c>
      <c r="ET35" s="102">
        <v>0</v>
      </c>
      <c r="EU35" s="102">
        <v>1</v>
      </c>
      <c r="EV35" s="102">
        <v>0</v>
      </c>
      <c r="EW35" s="102">
        <v>0</v>
      </c>
      <c r="EX35" s="102">
        <v>0</v>
      </c>
      <c r="EY35" s="103">
        <v>1</v>
      </c>
      <c r="EZ35" s="104">
        <v>1</v>
      </c>
      <c r="FA35" s="101">
        <v>0</v>
      </c>
      <c r="FB35" s="102">
        <v>0</v>
      </c>
      <c r="FC35" s="103">
        <v>0</v>
      </c>
      <c r="FD35" s="413">
        <v>0</v>
      </c>
      <c r="FE35" s="102">
        <v>0</v>
      </c>
      <c r="FF35" s="102">
        <v>0</v>
      </c>
      <c r="FG35" s="102">
        <v>1</v>
      </c>
      <c r="FH35" s="102">
        <v>1</v>
      </c>
      <c r="FI35" s="102">
        <v>0</v>
      </c>
      <c r="FJ35" s="103">
        <v>2</v>
      </c>
      <c r="FK35" s="104">
        <v>2</v>
      </c>
      <c r="FL35" s="101">
        <v>0</v>
      </c>
      <c r="FM35" s="102">
        <v>0</v>
      </c>
      <c r="FN35" s="103">
        <v>0</v>
      </c>
      <c r="FO35" s="413">
        <v>0</v>
      </c>
      <c r="FP35" s="102">
        <v>0</v>
      </c>
      <c r="FQ35" s="102">
        <v>1</v>
      </c>
      <c r="FR35" s="102">
        <v>0</v>
      </c>
      <c r="FS35" s="102">
        <v>1</v>
      </c>
      <c r="FT35" s="102">
        <v>1</v>
      </c>
      <c r="FU35" s="103">
        <v>3</v>
      </c>
      <c r="FV35" s="104">
        <v>3</v>
      </c>
      <c r="FW35" s="101">
        <v>0</v>
      </c>
      <c r="FX35" s="102">
        <v>0</v>
      </c>
      <c r="FY35" s="103">
        <v>0</v>
      </c>
      <c r="FZ35" s="413">
        <v>0</v>
      </c>
      <c r="GA35" s="102">
        <v>0</v>
      </c>
      <c r="GB35" s="102">
        <v>0</v>
      </c>
      <c r="GC35" s="102">
        <v>0</v>
      </c>
      <c r="GD35" s="102">
        <v>0</v>
      </c>
      <c r="GE35" s="102">
        <v>0</v>
      </c>
      <c r="GF35" s="103">
        <v>0</v>
      </c>
      <c r="GG35" s="104">
        <v>0</v>
      </c>
      <c r="GH35" s="101">
        <v>0</v>
      </c>
      <c r="GI35" s="102">
        <v>0</v>
      </c>
      <c r="GJ35" s="103">
        <v>0</v>
      </c>
      <c r="GK35" s="413">
        <v>0</v>
      </c>
      <c r="GL35" s="102">
        <v>0</v>
      </c>
      <c r="GM35" s="102">
        <v>2</v>
      </c>
      <c r="GN35" s="102">
        <v>1</v>
      </c>
      <c r="GO35" s="102">
        <v>2</v>
      </c>
      <c r="GP35" s="102">
        <v>1</v>
      </c>
      <c r="GQ35" s="103">
        <v>6</v>
      </c>
      <c r="GR35" s="104">
        <v>6</v>
      </c>
      <c r="GS35" s="105">
        <v>8</v>
      </c>
      <c r="GT35" s="97">
        <v>5</v>
      </c>
      <c r="GU35" s="98">
        <v>13</v>
      </c>
      <c r="GV35" s="413">
        <v>0</v>
      </c>
      <c r="GW35" s="97">
        <v>17</v>
      </c>
      <c r="GX35" s="97">
        <v>15</v>
      </c>
      <c r="GY35" s="97">
        <v>7</v>
      </c>
      <c r="GZ35" s="97">
        <v>6</v>
      </c>
      <c r="HA35" s="97">
        <v>1</v>
      </c>
      <c r="HB35" s="99">
        <v>46</v>
      </c>
      <c r="HC35" s="100">
        <v>59</v>
      </c>
      <c r="HD35" s="101">
        <v>0</v>
      </c>
      <c r="HE35" s="102">
        <v>0</v>
      </c>
      <c r="HF35" s="103">
        <v>0</v>
      </c>
      <c r="HG35" s="413">
        <v>0</v>
      </c>
      <c r="HH35" s="102">
        <v>0</v>
      </c>
      <c r="HI35" s="102">
        <v>0</v>
      </c>
      <c r="HJ35" s="102">
        <v>0</v>
      </c>
      <c r="HK35" s="102">
        <v>0</v>
      </c>
      <c r="HL35" s="102">
        <v>0</v>
      </c>
      <c r="HM35" s="103">
        <v>0</v>
      </c>
      <c r="HN35" s="104">
        <v>0</v>
      </c>
      <c r="HO35" s="101">
        <v>1</v>
      </c>
      <c r="HP35" s="102">
        <v>0</v>
      </c>
      <c r="HQ35" s="103">
        <v>1</v>
      </c>
      <c r="HR35" s="413">
        <v>0</v>
      </c>
      <c r="HS35" s="102">
        <v>0</v>
      </c>
      <c r="HT35" s="102">
        <v>0</v>
      </c>
      <c r="HU35" s="102">
        <v>0</v>
      </c>
      <c r="HV35" s="102">
        <v>0</v>
      </c>
      <c r="HW35" s="102">
        <v>0</v>
      </c>
      <c r="HX35" s="103">
        <v>0</v>
      </c>
      <c r="HY35" s="104">
        <v>1</v>
      </c>
      <c r="HZ35" s="101">
        <v>0</v>
      </c>
      <c r="IA35" s="102">
        <v>0</v>
      </c>
      <c r="IB35" s="103">
        <v>0</v>
      </c>
      <c r="IC35" s="413">
        <v>0</v>
      </c>
      <c r="ID35" s="102">
        <v>0</v>
      </c>
      <c r="IE35" s="102">
        <v>2</v>
      </c>
      <c r="IF35" s="102">
        <v>0</v>
      </c>
      <c r="IG35" s="102">
        <v>0</v>
      </c>
      <c r="IH35" s="102">
        <v>0</v>
      </c>
      <c r="II35" s="103">
        <v>2</v>
      </c>
      <c r="IJ35" s="104">
        <v>2</v>
      </c>
      <c r="IK35" s="101">
        <v>3</v>
      </c>
      <c r="IL35" s="102">
        <v>1</v>
      </c>
      <c r="IM35" s="103">
        <v>4</v>
      </c>
      <c r="IN35" s="413">
        <v>0</v>
      </c>
      <c r="IO35" s="102">
        <v>4</v>
      </c>
      <c r="IP35" s="102">
        <v>3</v>
      </c>
      <c r="IQ35" s="102">
        <v>2</v>
      </c>
      <c r="IR35" s="102">
        <v>0</v>
      </c>
      <c r="IS35" s="102">
        <v>0</v>
      </c>
      <c r="IT35" s="103">
        <v>9</v>
      </c>
      <c r="IU35" s="104">
        <v>13</v>
      </c>
      <c r="IV35" s="101">
        <v>1</v>
      </c>
      <c r="IW35" s="102">
        <v>2</v>
      </c>
      <c r="IX35" s="103">
        <v>3</v>
      </c>
      <c r="IY35" s="413">
        <v>0</v>
      </c>
      <c r="IZ35" s="102">
        <v>8</v>
      </c>
      <c r="JA35" s="102">
        <v>3</v>
      </c>
      <c r="JB35" s="102">
        <v>4</v>
      </c>
      <c r="JC35" s="102">
        <v>2</v>
      </c>
      <c r="JD35" s="102">
        <v>0</v>
      </c>
      <c r="JE35" s="103">
        <v>17</v>
      </c>
      <c r="JF35" s="104">
        <v>20</v>
      </c>
      <c r="JG35" s="101">
        <v>3</v>
      </c>
      <c r="JH35" s="102">
        <v>2</v>
      </c>
      <c r="JI35" s="103">
        <v>5</v>
      </c>
      <c r="JJ35" s="413">
        <v>0</v>
      </c>
      <c r="JK35" s="102">
        <v>5</v>
      </c>
      <c r="JL35" s="102">
        <v>7</v>
      </c>
      <c r="JM35" s="102">
        <v>1</v>
      </c>
      <c r="JN35" s="102">
        <v>4</v>
      </c>
      <c r="JO35" s="102">
        <v>1</v>
      </c>
      <c r="JP35" s="103">
        <v>18</v>
      </c>
      <c r="JQ35" s="104">
        <v>23</v>
      </c>
      <c r="JR35" s="101">
        <v>0</v>
      </c>
      <c r="JS35" s="102">
        <v>0</v>
      </c>
      <c r="JT35" s="103">
        <v>0</v>
      </c>
      <c r="JU35" s="413">
        <v>0</v>
      </c>
      <c r="JV35" s="102">
        <v>0</v>
      </c>
      <c r="JW35" s="102">
        <v>0</v>
      </c>
      <c r="JX35" s="102">
        <v>0</v>
      </c>
      <c r="JY35" s="102">
        <v>0</v>
      </c>
      <c r="JZ35" s="102">
        <v>0</v>
      </c>
      <c r="KA35" s="103">
        <v>0</v>
      </c>
      <c r="KB35" s="104">
        <v>0</v>
      </c>
      <c r="KC35" s="101">
        <v>8</v>
      </c>
      <c r="KD35" s="102">
        <v>5</v>
      </c>
      <c r="KE35" s="103">
        <v>13</v>
      </c>
      <c r="KF35" s="413">
        <v>0</v>
      </c>
      <c r="KG35" s="102">
        <v>17</v>
      </c>
      <c r="KH35" s="102">
        <v>15</v>
      </c>
      <c r="KI35" s="102">
        <v>7</v>
      </c>
      <c r="KJ35" s="102">
        <v>6</v>
      </c>
      <c r="KK35" s="102">
        <v>1</v>
      </c>
      <c r="KL35" s="103">
        <v>46</v>
      </c>
      <c r="KM35" s="104">
        <v>59</v>
      </c>
    </row>
    <row r="36" spans="2:299" s="70" customFormat="1" ht="21" customHeight="1" x14ac:dyDescent="0.2">
      <c r="B36" s="106" t="s">
        <v>33</v>
      </c>
      <c r="C36" s="96">
        <v>4</v>
      </c>
      <c r="D36" s="97">
        <v>2</v>
      </c>
      <c r="E36" s="98">
        <v>6</v>
      </c>
      <c r="F36" s="413">
        <v>0</v>
      </c>
      <c r="G36" s="97">
        <v>4</v>
      </c>
      <c r="H36" s="97">
        <v>1</v>
      </c>
      <c r="I36" s="97">
        <v>4</v>
      </c>
      <c r="J36" s="97">
        <v>1</v>
      </c>
      <c r="K36" s="97">
        <v>2</v>
      </c>
      <c r="L36" s="99">
        <v>12</v>
      </c>
      <c r="M36" s="100">
        <v>18</v>
      </c>
      <c r="N36" s="101">
        <v>0</v>
      </c>
      <c r="O36" s="102">
        <v>0</v>
      </c>
      <c r="P36" s="103">
        <v>0</v>
      </c>
      <c r="Q36" s="413">
        <v>0</v>
      </c>
      <c r="R36" s="102">
        <v>0</v>
      </c>
      <c r="S36" s="102">
        <v>0</v>
      </c>
      <c r="T36" s="102">
        <v>0</v>
      </c>
      <c r="U36" s="102">
        <v>0</v>
      </c>
      <c r="V36" s="102">
        <v>0</v>
      </c>
      <c r="W36" s="103">
        <v>0</v>
      </c>
      <c r="X36" s="104">
        <v>0</v>
      </c>
      <c r="Y36" s="101">
        <v>0</v>
      </c>
      <c r="Z36" s="102">
        <v>0</v>
      </c>
      <c r="AA36" s="103">
        <v>0</v>
      </c>
      <c r="AB36" s="413">
        <v>0</v>
      </c>
      <c r="AC36" s="102">
        <v>0</v>
      </c>
      <c r="AD36" s="102">
        <v>0</v>
      </c>
      <c r="AE36" s="102">
        <v>0</v>
      </c>
      <c r="AF36" s="102">
        <v>0</v>
      </c>
      <c r="AG36" s="102">
        <v>0</v>
      </c>
      <c r="AH36" s="103">
        <v>0</v>
      </c>
      <c r="AI36" s="104">
        <v>0</v>
      </c>
      <c r="AJ36" s="101">
        <v>1</v>
      </c>
      <c r="AK36" s="102">
        <v>0</v>
      </c>
      <c r="AL36" s="103">
        <v>1</v>
      </c>
      <c r="AM36" s="413">
        <v>0</v>
      </c>
      <c r="AN36" s="102">
        <v>0</v>
      </c>
      <c r="AO36" s="102">
        <v>1</v>
      </c>
      <c r="AP36" s="102">
        <v>0</v>
      </c>
      <c r="AQ36" s="102">
        <v>0</v>
      </c>
      <c r="AR36" s="102">
        <v>0</v>
      </c>
      <c r="AS36" s="103">
        <v>1</v>
      </c>
      <c r="AT36" s="104">
        <v>2</v>
      </c>
      <c r="AU36" s="101">
        <v>1</v>
      </c>
      <c r="AV36" s="102">
        <v>0</v>
      </c>
      <c r="AW36" s="103">
        <v>1</v>
      </c>
      <c r="AX36" s="413">
        <v>0</v>
      </c>
      <c r="AY36" s="102">
        <v>0</v>
      </c>
      <c r="AZ36" s="102">
        <v>0</v>
      </c>
      <c r="BA36" s="102">
        <v>2</v>
      </c>
      <c r="BB36" s="102">
        <v>0</v>
      </c>
      <c r="BC36" s="102">
        <v>0</v>
      </c>
      <c r="BD36" s="103">
        <v>2</v>
      </c>
      <c r="BE36" s="104">
        <v>3</v>
      </c>
      <c r="BF36" s="101">
        <v>1</v>
      </c>
      <c r="BG36" s="102">
        <v>1</v>
      </c>
      <c r="BH36" s="103">
        <v>2</v>
      </c>
      <c r="BI36" s="413">
        <v>0</v>
      </c>
      <c r="BJ36" s="102">
        <v>2</v>
      </c>
      <c r="BK36" s="102">
        <v>0</v>
      </c>
      <c r="BL36" s="102">
        <v>0</v>
      </c>
      <c r="BM36" s="102">
        <v>0</v>
      </c>
      <c r="BN36" s="102">
        <v>0</v>
      </c>
      <c r="BO36" s="103">
        <v>2</v>
      </c>
      <c r="BP36" s="104">
        <v>4</v>
      </c>
      <c r="BQ36" s="101">
        <v>1</v>
      </c>
      <c r="BR36" s="102">
        <v>1</v>
      </c>
      <c r="BS36" s="103">
        <v>2</v>
      </c>
      <c r="BT36" s="413">
        <v>0</v>
      </c>
      <c r="BU36" s="102">
        <v>2</v>
      </c>
      <c r="BV36" s="102">
        <v>0</v>
      </c>
      <c r="BW36" s="102">
        <v>2</v>
      </c>
      <c r="BX36" s="102">
        <v>1</v>
      </c>
      <c r="BY36" s="102">
        <v>2</v>
      </c>
      <c r="BZ36" s="103">
        <v>7</v>
      </c>
      <c r="CA36" s="104">
        <v>9</v>
      </c>
      <c r="CB36" s="101">
        <v>0</v>
      </c>
      <c r="CC36" s="102">
        <v>0</v>
      </c>
      <c r="CD36" s="103">
        <v>0</v>
      </c>
      <c r="CE36" s="413">
        <v>0</v>
      </c>
      <c r="CF36" s="102">
        <v>0</v>
      </c>
      <c r="CG36" s="102">
        <v>0</v>
      </c>
      <c r="CH36" s="102">
        <v>0</v>
      </c>
      <c r="CI36" s="102">
        <v>0</v>
      </c>
      <c r="CJ36" s="102">
        <v>0</v>
      </c>
      <c r="CK36" s="103">
        <v>0</v>
      </c>
      <c r="CL36" s="104">
        <v>0</v>
      </c>
      <c r="CM36" s="101">
        <v>4</v>
      </c>
      <c r="CN36" s="102">
        <v>2</v>
      </c>
      <c r="CO36" s="103">
        <v>6</v>
      </c>
      <c r="CP36" s="413">
        <v>0</v>
      </c>
      <c r="CQ36" s="102">
        <v>4</v>
      </c>
      <c r="CR36" s="102">
        <v>1</v>
      </c>
      <c r="CS36" s="102">
        <v>4</v>
      </c>
      <c r="CT36" s="102">
        <v>1</v>
      </c>
      <c r="CU36" s="102">
        <v>2</v>
      </c>
      <c r="CV36" s="103">
        <v>12</v>
      </c>
      <c r="CW36" s="104">
        <v>18</v>
      </c>
      <c r="CX36" s="105">
        <v>0</v>
      </c>
      <c r="CY36" s="97">
        <v>2</v>
      </c>
      <c r="CZ36" s="98">
        <v>2</v>
      </c>
      <c r="DA36" s="413">
        <v>0</v>
      </c>
      <c r="DB36" s="97">
        <v>0</v>
      </c>
      <c r="DC36" s="97">
        <v>0</v>
      </c>
      <c r="DD36" s="97">
        <v>1</v>
      </c>
      <c r="DE36" s="97">
        <v>0</v>
      </c>
      <c r="DF36" s="97">
        <v>0</v>
      </c>
      <c r="DG36" s="99">
        <v>1</v>
      </c>
      <c r="DH36" s="100">
        <v>3</v>
      </c>
      <c r="DI36" s="101">
        <v>0</v>
      </c>
      <c r="DJ36" s="102">
        <v>0</v>
      </c>
      <c r="DK36" s="103">
        <v>0</v>
      </c>
      <c r="DL36" s="413">
        <v>0</v>
      </c>
      <c r="DM36" s="102">
        <v>0</v>
      </c>
      <c r="DN36" s="102">
        <v>0</v>
      </c>
      <c r="DO36" s="102">
        <v>0</v>
      </c>
      <c r="DP36" s="102">
        <v>0</v>
      </c>
      <c r="DQ36" s="102">
        <v>0</v>
      </c>
      <c r="DR36" s="103">
        <v>0</v>
      </c>
      <c r="DS36" s="104">
        <v>0</v>
      </c>
      <c r="DT36" s="101">
        <v>0</v>
      </c>
      <c r="DU36" s="102">
        <v>0</v>
      </c>
      <c r="DV36" s="103">
        <v>0</v>
      </c>
      <c r="DW36" s="413">
        <v>0</v>
      </c>
      <c r="DX36" s="102">
        <v>0</v>
      </c>
      <c r="DY36" s="102">
        <v>0</v>
      </c>
      <c r="DZ36" s="102">
        <v>0</v>
      </c>
      <c r="EA36" s="102">
        <v>0</v>
      </c>
      <c r="EB36" s="102">
        <v>0</v>
      </c>
      <c r="EC36" s="103">
        <v>0</v>
      </c>
      <c r="ED36" s="104">
        <v>0</v>
      </c>
      <c r="EE36" s="101">
        <v>0</v>
      </c>
      <c r="EF36" s="102">
        <v>0</v>
      </c>
      <c r="EG36" s="103">
        <v>0</v>
      </c>
      <c r="EH36" s="413">
        <v>0</v>
      </c>
      <c r="EI36" s="102">
        <v>0</v>
      </c>
      <c r="EJ36" s="102">
        <v>0</v>
      </c>
      <c r="EK36" s="102">
        <v>0</v>
      </c>
      <c r="EL36" s="102">
        <v>0</v>
      </c>
      <c r="EM36" s="102">
        <v>0</v>
      </c>
      <c r="EN36" s="103">
        <v>0</v>
      </c>
      <c r="EO36" s="104">
        <v>0</v>
      </c>
      <c r="EP36" s="101">
        <v>0</v>
      </c>
      <c r="EQ36" s="102">
        <v>1</v>
      </c>
      <c r="ER36" s="103">
        <v>1</v>
      </c>
      <c r="ES36" s="413">
        <v>0</v>
      </c>
      <c r="ET36" s="102">
        <v>0</v>
      </c>
      <c r="EU36" s="102">
        <v>0</v>
      </c>
      <c r="EV36" s="102">
        <v>0</v>
      </c>
      <c r="EW36" s="102">
        <v>0</v>
      </c>
      <c r="EX36" s="102">
        <v>0</v>
      </c>
      <c r="EY36" s="103">
        <v>0</v>
      </c>
      <c r="EZ36" s="104">
        <v>1</v>
      </c>
      <c r="FA36" s="101">
        <v>0</v>
      </c>
      <c r="FB36" s="102">
        <v>0</v>
      </c>
      <c r="FC36" s="103">
        <v>0</v>
      </c>
      <c r="FD36" s="413">
        <v>0</v>
      </c>
      <c r="FE36" s="102">
        <v>0</v>
      </c>
      <c r="FF36" s="102">
        <v>0</v>
      </c>
      <c r="FG36" s="102">
        <v>0</v>
      </c>
      <c r="FH36" s="102">
        <v>0</v>
      </c>
      <c r="FI36" s="102">
        <v>0</v>
      </c>
      <c r="FJ36" s="103">
        <v>0</v>
      </c>
      <c r="FK36" s="104">
        <v>0</v>
      </c>
      <c r="FL36" s="101">
        <v>0</v>
      </c>
      <c r="FM36" s="102">
        <v>1</v>
      </c>
      <c r="FN36" s="103">
        <v>1</v>
      </c>
      <c r="FO36" s="413">
        <v>0</v>
      </c>
      <c r="FP36" s="102">
        <v>0</v>
      </c>
      <c r="FQ36" s="102">
        <v>0</v>
      </c>
      <c r="FR36" s="102">
        <v>1</v>
      </c>
      <c r="FS36" s="102">
        <v>0</v>
      </c>
      <c r="FT36" s="102">
        <v>0</v>
      </c>
      <c r="FU36" s="103">
        <v>1</v>
      </c>
      <c r="FV36" s="104">
        <v>2</v>
      </c>
      <c r="FW36" s="101">
        <v>0</v>
      </c>
      <c r="FX36" s="102">
        <v>0</v>
      </c>
      <c r="FY36" s="103">
        <v>0</v>
      </c>
      <c r="FZ36" s="413">
        <v>0</v>
      </c>
      <c r="GA36" s="102">
        <v>0</v>
      </c>
      <c r="GB36" s="102">
        <v>0</v>
      </c>
      <c r="GC36" s="102">
        <v>0</v>
      </c>
      <c r="GD36" s="102">
        <v>0</v>
      </c>
      <c r="GE36" s="102">
        <v>0</v>
      </c>
      <c r="GF36" s="103">
        <v>0</v>
      </c>
      <c r="GG36" s="104">
        <v>0</v>
      </c>
      <c r="GH36" s="101">
        <v>0</v>
      </c>
      <c r="GI36" s="102">
        <v>2</v>
      </c>
      <c r="GJ36" s="103">
        <v>2</v>
      </c>
      <c r="GK36" s="413">
        <v>0</v>
      </c>
      <c r="GL36" s="102">
        <v>0</v>
      </c>
      <c r="GM36" s="102">
        <v>0</v>
      </c>
      <c r="GN36" s="102">
        <v>1</v>
      </c>
      <c r="GO36" s="102">
        <v>0</v>
      </c>
      <c r="GP36" s="102">
        <v>0</v>
      </c>
      <c r="GQ36" s="103">
        <v>1</v>
      </c>
      <c r="GR36" s="104">
        <v>3</v>
      </c>
      <c r="GS36" s="105">
        <v>4</v>
      </c>
      <c r="GT36" s="97">
        <v>4</v>
      </c>
      <c r="GU36" s="98">
        <v>8</v>
      </c>
      <c r="GV36" s="413">
        <v>0</v>
      </c>
      <c r="GW36" s="97">
        <v>4</v>
      </c>
      <c r="GX36" s="97">
        <v>1</v>
      </c>
      <c r="GY36" s="97">
        <v>5</v>
      </c>
      <c r="GZ36" s="97">
        <v>1</v>
      </c>
      <c r="HA36" s="97">
        <v>2</v>
      </c>
      <c r="HB36" s="99">
        <v>13</v>
      </c>
      <c r="HC36" s="100">
        <v>21</v>
      </c>
      <c r="HD36" s="101">
        <v>0</v>
      </c>
      <c r="HE36" s="102">
        <v>0</v>
      </c>
      <c r="HF36" s="103">
        <v>0</v>
      </c>
      <c r="HG36" s="413">
        <v>0</v>
      </c>
      <c r="HH36" s="102">
        <v>0</v>
      </c>
      <c r="HI36" s="102">
        <v>0</v>
      </c>
      <c r="HJ36" s="102">
        <v>0</v>
      </c>
      <c r="HK36" s="102">
        <v>0</v>
      </c>
      <c r="HL36" s="102">
        <v>0</v>
      </c>
      <c r="HM36" s="103">
        <v>0</v>
      </c>
      <c r="HN36" s="104">
        <v>0</v>
      </c>
      <c r="HO36" s="101">
        <v>0</v>
      </c>
      <c r="HP36" s="102">
        <v>0</v>
      </c>
      <c r="HQ36" s="103">
        <v>0</v>
      </c>
      <c r="HR36" s="413">
        <v>0</v>
      </c>
      <c r="HS36" s="102">
        <v>0</v>
      </c>
      <c r="HT36" s="102">
        <v>0</v>
      </c>
      <c r="HU36" s="102">
        <v>0</v>
      </c>
      <c r="HV36" s="102">
        <v>0</v>
      </c>
      <c r="HW36" s="102">
        <v>0</v>
      </c>
      <c r="HX36" s="103">
        <v>0</v>
      </c>
      <c r="HY36" s="104">
        <v>0</v>
      </c>
      <c r="HZ36" s="101">
        <v>1</v>
      </c>
      <c r="IA36" s="102">
        <v>0</v>
      </c>
      <c r="IB36" s="103">
        <v>1</v>
      </c>
      <c r="IC36" s="413">
        <v>0</v>
      </c>
      <c r="ID36" s="102">
        <v>0</v>
      </c>
      <c r="IE36" s="102">
        <v>1</v>
      </c>
      <c r="IF36" s="102">
        <v>0</v>
      </c>
      <c r="IG36" s="102">
        <v>0</v>
      </c>
      <c r="IH36" s="102">
        <v>0</v>
      </c>
      <c r="II36" s="103">
        <v>1</v>
      </c>
      <c r="IJ36" s="104">
        <v>2</v>
      </c>
      <c r="IK36" s="101">
        <v>1</v>
      </c>
      <c r="IL36" s="102">
        <v>1</v>
      </c>
      <c r="IM36" s="103">
        <v>2</v>
      </c>
      <c r="IN36" s="413">
        <v>0</v>
      </c>
      <c r="IO36" s="102">
        <v>0</v>
      </c>
      <c r="IP36" s="102">
        <v>0</v>
      </c>
      <c r="IQ36" s="102">
        <v>2</v>
      </c>
      <c r="IR36" s="102">
        <v>0</v>
      </c>
      <c r="IS36" s="102">
        <v>0</v>
      </c>
      <c r="IT36" s="103">
        <v>2</v>
      </c>
      <c r="IU36" s="104">
        <v>4</v>
      </c>
      <c r="IV36" s="101">
        <v>1</v>
      </c>
      <c r="IW36" s="102">
        <v>1</v>
      </c>
      <c r="IX36" s="103">
        <v>2</v>
      </c>
      <c r="IY36" s="413">
        <v>0</v>
      </c>
      <c r="IZ36" s="102">
        <v>2</v>
      </c>
      <c r="JA36" s="102">
        <v>0</v>
      </c>
      <c r="JB36" s="102">
        <v>0</v>
      </c>
      <c r="JC36" s="102">
        <v>0</v>
      </c>
      <c r="JD36" s="102">
        <v>0</v>
      </c>
      <c r="JE36" s="103">
        <v>2</v>
      </c>
      <c r="JF36" s="104">
        <v>4</v>
      </c>
      <c r="JG36" s="101">
        <v>1</v>
      </c>
      <c r="JH36" s="102">
        <v>2</v>
      </c>
      <c r="JI36" s="103">
        <v>3</v>
      </c>
      <c r="JJ36" s="413">
        <v>0</v>
      </c>
      <c r="JK36" s="102">
        <v>2</v>
      </c>
      <c r="JL36" s="102">
        <v>0</v>
      </c>
      <c r="JM36" s="102">
        <v>3</v>
      </c>
      <c r="JN36" s="102">
        <v>1</v>
      </c>
      <c r="JO36" s="102">
        <v>2</v>
      </c>
      <c r="JP36" s="103">
        <v>8</v>
      </c>
      <c r="JQ36" s="104">
        <v>11</v>
      </c>
      <c r="JR36" s="101">
        <v>0</v>
      </c>
      <c r="JS36" s="102">
        <v>0</v>
      </c>
      <c r="JT36" s="103">
        <v>0</v>
      </c>
      <c r="JU36" s="413">
        <v>0</v>
      </c>
      <c r="JV36" s="102">
        <v>0</v>
      </c>
      <c r="JW36" s="102">
        <v>0</v>
      </c>
      <c r="JX36" s="102">
        <v>0</v>
      </c>
      <c r="JY36" s="102">
        <v>0</v>
      </c>
      <c r="JZ36" s="102">
        <v>0</v>
      </c>
      <c r="KA36" s="103">
        <v>0</v>
      </c>
      <c r="KB36" s="104">
        <v>0</v>
      </c>
      <c r="KC36" s="101">
        <v>4</v>
      </c>
      <c r="KD36" s="102">
        <v>4</v>
      </c>
      <c r="KE36" s="103">
        <v>8</v>
      </c>
      <c r="KF36" s="413">
        <v>0</v>
      </c>
      <c r="KG36" s="102">
        <v>4</v>
      </c>
      <c r="KH36" s="102">
        <v>1</v>
      </c>
      <c r="KI36" s="102">
        <v>5</v>
      </c>
      <c r="KJ36" s="102">
        <v>1</v>
      </c>
      <c r="KK36" s="102">
        <v>2</v>
      </c>
      <c r="KL36" s="103">
        <v>13</v>
      </c>
      <c r="KM36" s="104">
        <v>21</v>
      </c>
    </row>
    <row r="37" spans="2:299" s="70" customFormat="1" ht="21" customHeight="1" x14ac:dyDescent="0.2">
      <c r="B37" s="106" t="s">
        <v>34</v>
      </c>
      <c r="C37" s="96">
        <v>2</v>
      </c>
      <c r="D37" s="97">
        <v>3</v>
      </c>
      <c r="E37" s="98">
        <v>5</v>
      </c>
      <c r="F37" s="413">
        <v>0</v>
      </c>
      <c r="G37" s="97">
        <v>6</v>
      </c>
      <c r="H37" s="97">
        <v>8</v>
      </c>
      <c r="I37" s="97">
        <v>3</v>
      </c>
      <c r="J37" s="97">
        <v>1</v>
      </c>
      <c r="K37" s="97">
        <v>1</v>
      </c>
      <c r="L37" s="99">
        <v>19</v>
      </c>
      <c r="M37" s="100">
        <v>24</v>
      </c>
      <c r="N37" s="101">
        <v>0</v>
      </c>
      <c r="O37" s="102">
        <v>0</v>
      </c>
      <c r="P37" s="103">
        <v>0</v>
      </c>
      <c r="Q37" s="413">
        <v>0</v>
      </c>
      <c r="R37" s="102">
        <v>0</v>
      </c>
      <c r="S37" s="102">
        <v>0</v>
      </c>
      <c r="T37" s="102">
        <v>0</v>
      </c>
      <c r="U37" s="102">
        <v>0</v>
      </c>
      <c r="V37" s="102">
        <v>0</v>
      </c>
      <c r="W37" s="103">
        <v>0</v>
      </c>
      <c r="X37" s="104">
        <v>0</v>
      </c>
      <c r="Y37" s="101">
        <v>0</v>
      </c>
      <c r="Z37" s="102">
        <v>0</v>
      </c>
      <c r="AA37" s="103">
        <v>0</v>
      </c>
      <c r="AB37" s="413">
        <v>0</v>
      </c>
      <c r="AC37" s="102">
        <v>0</v>
      </c>
      <c r="AD37" s="102">
        <v>0</v>
      </c>
      <c r="AE37" s="102">
        <v>0</v>
      </c>
      <c r="AF37" s="102">
        <v>0</v>
      </c>
      <c r="AG37" s="102">
        <v>0</v>
      </c>
      <c r="AH37" s="103">
        <v>0</v>
      </c>
      <c r="AI37" s="104">
        <v>0</v>
      </c>
      <c r="AJ37" s="101">
        <v>0</v>
      </c>
      <c r="AK37" s="102">
        <v>0</v>
      </c>
      <c r="AL37" s="103">
        <v>0</v>
      </c>
      <c r="AM37" s="413">
        <v>0</v>
      </c>
      <c r="AN37" s="102">
        <v>0</v>
      </c>
      <c r="AO37" s="102">
        <v>0</v>
      </c>
      <c r="AP37" s="102">
        <v>0</v>
      </c>
      <c r="AQ37" s="102">
        <v>0</v>
      </c>
      <c r="AR37" s="102">
        <v>0</v>
      </c>
      <c r="AS37" s="103">
        <v>0</v>
      </c>
      <c r="AT37" s="104">
        <v>0</v>
      </c>
      <c r="AU37" s="101">
        <v>1</v>
      </c>
      <c r="AV37" s="102">
        <v>1</v>
      </c>
      <c r="AW37" s="103">
        <v>2</v>
      </c>
      <c r="AX37" s="413">
        <v>0</v>
      </c>
      <c r="AY37" s="102">
        <v>0</v>
      </c>
      <c r="AZ37" s="102">
        <v>5</v>
      </c>
      <c r="BA37" s="102">
        <v>0</v>
      </c>
      <c r="BB37" s="102">
        <v>0</v>
      </c>
      <c r="BC37" s="102">
        <v>0</v>
      </c>
      <c r="BD37" s="103">
        <v>5</v>
      </c>
      <c r="BE37" s="104">
        <v>7</v>
      </c>
      <c r="BF37" s="101">
        <v>1</v>
      </c>
      <c r="BG37" s="102">
        <v>2</v>
      </c>
      <c r="BH37" s="103">
        <v>3</v>
      </c>
      <c r="BI37" s="413">
        <v>0</v>
      </c>
      <c r="BJ37" s="102">
        <v>4</v>
      </c>
      <c r="BK37" s="102">
        <v>0</v>
      </c>
      <c r="BL37" s="102">
        <v>3</v>
      </c>
      <c r="BM37" s="102">
        <v>0</v>
      </c>
      <c r="BN37" s="102">
        <v>0</v>
      </c>
      <c r="BO37" s="103">
        <v>7</v>
      </c>
      <c r="BP37" s="104">
        <v>10</v>
      </c>
      <c r="BQ37" s="101">
        <v>0</v>
      </c>
      <c r="BR37" s="102">
        <v>0</v>
      </c>
      <c r="BS37" s="103">
        <v>0</v>
      </c>
      <c r="BT37" s="413">
        <v>0</v>
      </c>
      <c r="BU37" s="102">
        <v>2</v>
      </c>
      <c r="BV37" s="102">
        <v>3</v>
      </c>
      <c r="BW37" s="102">
        <v>0</v>
      </c>
      <c r="BX37" s="102">
        <v>1</v>
      </c>
      <c r="BY37" s="102">
        <v>1</v>
      </c>
      <c r="BZ37" s="103">
        <v>7</v>
      </c>
      <c r="CA37" s="104">
        <v>7</v>
      </c>
      <c r="CB37" s="101">
        <v>0</v>
      </c>
      <c r="CC37" s="102">
        <v>0</v>
      </c>
      <c r="CD37" s="103">
        <v>0</v>
      </c>
      <c r="CE37" s="413">
        <v>0</v>
      </c>
      <c r="CF37" s="102">
        <v>0</v>
      </c>
      <c r="CG37" s="102">
        <v>0</v>
      </c>
      <c r="CH37" s="102">
        <v>0</v>
      </c>
      <c r="CI37" s="102">
        <v>0</v>
      </c>
      <c r="CJ37" s="102">
        <v>0</v>
      </c>
      <c r="CK37" s="103">
        <v>0</v>
      </c>
      <c r="CL37" s="104">
        <v>0</v>
      </c>
      <c r="CM37" s="101">
        <v>2</v>
      </c>
      <c r="CN37" s="102">
        <v>3</v>
      </c>
      <c r="CO37" s="103">
        <v>5</v>
      </c>
      <c r="CP37" s="413">
        <v>0</v>
      </c>
      <c r="CQ37" s="102">
        <v>6</v>
      </c>
      <c r="CR37" s="102">
        <v>8</v>
      </c>
      <c r="CS37" s="102">
        <v>3</v>
      </c>
      <c r="CT37" s="102">
        <v>1</v>
      </c>
      <c r="CU37" s="102">
        <v>1</v>
      </c>
      <c r="CV37" s="103">
        <v>19</v>
      </c>
      <c r="CW37" s="104">
        <v>24</v>
      </c>
      <c r="CX37" s="105">
        <v>0</v>
      </c>
      <c r="CY37" s="97">
        <v>0</v>
      </c>
      <c r="CZ37" s="98">
        <v>0</v>
      </c>
      <c r="DA37" s="413">
        <v>0</v>
      </c>
      <c r="DB37" s="97">
        <v>1</v>
      </c>
      <c r="DC37" s="97">
        <v>0</v>
      </c>
      <c r="DD37" s="97">
        <v>0</v>
      </c>
      <c r="DE37" s="97">
        <v>0</v>
      </c>
      <c r="DF37" s="97">
        <v>1</v>
      </c>
      <c r="DG37" s="99">
        <v>2</v>
      </c>
      <c r="DH37" s="100">
        <v>2</v>
      </c>
      <c r="DI37" s="101">
        <v>0</v>
      </c>
      <c r="DJ37" s="102">
        <v>0</v>
      </c>
      <c r="DK37" s="103">
        <v>0</v>
      </c>
      <c r="DL37" s="413">
        <v>0</v>
      </c>
      <c r="DM37" s="102">
        <v>0</v>
      </c>
      <c r="DN37" s="102">
        <v>0</v>
      </c>
      <c r="DO37" s="102">
        <v>0</v>
      </c>
      <c r="DP37" s="102">
        <v>0</v>
      </c>
      <c r="DQ37" s="102">
        <v>0</v>
      </c>
      <c r="DR37" s="103">
        <v>0</v>
      </c>
      <c r="DS37" s="104">
        <v>0</v>
      </c>
      <c r="DT37" s="101">
        <v>0</v>
      </c>
      <c r="DU37" s="102">
        <v>0</v>
      </c>
      <c r="DV37" s="103">
        <v>0</v>
      </c>
      <c r="DW37" s="413">
        <v>0</v>
      </c>
      <c r="DX37" s="102">
        <v>0</v>
      </c>
      <c r="DY37" s="102">
        <v>0</v>
      </c>
      <c r="DZ37" s="102">
        <v>0</v>
      </c>
      <c r="EA37" s="102">
        <v>0</v>
      </c>
      <c r="EB37" s="102">
        <v>0</v>
      </c>
      <c r="EC37" s="103">
        <v>0</v>
      </c>
      <c r="ED37" s="104">
        <v>0</v>
      </c>
      <c r="EE37" s="101">
        <v>0</v>
      </c>
      <c r="EF37" s="102">
        <v>0</v>
      </c>
      <c r="EG37" s="103">
        <v>0</v>
      </c>
      <c r="EH37" s="413">
        <v>0</v>
      </c>
      <c r="EI37" s="102">
        <v>0</v>
      </c>
      <c r="EJ37" s="102">
        <v>0</v>
      </c>
      <c r="EK37" s="102">
        <v>0</v>
      </c>
      <c r="EL37" s="102">
        <v>0</v>
      </c>
      <c r="EM37" s="102">
        <v>0</v>
      </c>
      <c r="EN37" s="103">
        <v>0</v>
      </c>
      <c r="EO37" s="104">
        <v>0</v>
      </c>
      <c r="EP37" s="101">
        <v>0</v>
      </c>
      <c r="EQ37" s="102">
        <v>0</v>
      </c>
      <c r="ER37" s="103">
        <v>0</v>
      </c>
      <c r="ES37" s="413">
        <v>0</v>
      </c>
      <c r="ET37" s="102">
        <v>0</v>
      </c>
      <c r="EU37" s="102">
        <v>0</v>
      </c>
      <c r="EV37" s="102">
        <v>0</v>
      </c>
      <c r="EW37" s="102">
        <v>0</v>
      </c>
      <c r="EX37" s="102">
        <v>0</v>
      </c>
      <c r="EY37" s="103">
        <v>0</v>
      </c>
      <c r="EZ37" s="104">
        <v>0</v>
      </c>
      <c r="FA37" s="101">
        <v>0</v>
      </c>
      <c r="FB37" s="102">
        <v>0</v>
      </c>
      <c r="FC37" s="103">
        <v>0</v>
      </c>
      <c r="FD37" s="413">
        <v>0</v>
      </c>
      <c r="FE37" s="102">
        <v>0</v>
      </c>
      <c r="FF37" s="102">
        <v>0</v>
      </c>
      <c r="FG37" s="102">
        <v>0</v>
      </c>
      <c r="FH37" s="102">
        <v>0</v>
      </c>
      <c r="FI37" s="102">
        <v>0</v>
      </c>
      <c r="FJ37" s="103">
        <v>0</v>
      </c>
      <c r="FK37" s="104">
        <v>0</v>
      </c>
      <c r="FL37" s="101">
        <v>0</v>
      </c>
      <c r="FM37" s="102">
        <v>0</v>
      </c>
      <c r="FN37" s="103">
        <v>0</v>
      </c>
      <c r="FO37" s="413">
        <v>0</v>
      </c>
      <c r="FP37" s="102">
        <v>1</v>
      </c>
      <c r="FQ37" s="102">
        <v>0</v>
      </c>
      <c r="FR37" s="102">
        <v>0</v>
      </c>
      <c r="FS37" s="102">
        <v>0</v>
      </c>
      <c r="FT37" s="102">
        <v>1</v>
      </c>
      <c r="FU37" s="103">
        <v>2</v>
      </c>
      <c r="FV37" s="104">
        <v>2</v>
      </c>
      <c r="FW37" s="101">
        <v>0</v>
      </c>
      <c r="FX37" s="102">
        <v>0</v>
      </c>
      <c r="FY37" s="103">
        <v>0</v>
      </c>
      <c r="FZ37" s="413">
        <v>0</v>
      </c>
      <c r="GA37" s="102">
        <v>0</v>
      </c>
      <c r="GB37" s="102">
        <v>0</v>
      </c>
      <c r="GC37" s="102">
        <v>0</v>
      </c>
      <c r="GD37" s="102">
        <v>0</v>
      </c>
      <c r="GE37" s="102">
        <v>0</v>
      </c>
      <c r="GF37" s="103">
        <v>0</v>
      </c>
      <c r="GG37" s="104">
        <v>0</v>
      </c>
      <c r="GH37" s="101">
        <v>0</v>
      </c>
      <c r="GI37" s="102">
        <v>0</v>
      </c>
      <c r="GJ37" s="103">
        <v>0</v>
      </c>
      <c r="GK37" s="413">
        <v>0</v>
      </c>
      <c r="GL37" s="102">
        <v>1</v>
      </c>
      <c r="GM37" s="102">
        <v>0</v>
      </c>
      <c r="GN37" s="102">
        <v>0</v>
      </c>
      <c r="GO37" s="102">
        <v>0</v>
      </c>
      <c r="GP37" s="102">
        <v>1</v>
      </c>
      <c r="GQ37" s="103">
        <v>2</v>
      </c>
      <c r="GR37" s="104">
        <v>2</v>
      </c>
      <c r="GS37" s="105">
        <v>2</v>
      </c>
      <c r="GT37" s="97">
        <v>3</v>
      </c>
      <c r="GU37" s="98">
        <v>5</v>
      </c>
      <c r="GV37" s="413">
        <v>0</v>
      </c>
      <c r="GW37" s="97">
        <v>7</v>
      </c>
      <c r="GX37" s="97">
        <v>8</v>
      </c>
      <c r="GY37" s="97">
        <v>3</v>
      </c>
      <c r="GZ37" s="97">
        <v>1</v>
      </c>
      <c r="HA37" s="97">
        <v>2</v>
      </c>
      <c r="HB37" s="99">
        <v>21</v>
      </c>
      <c r="HC37" s="100">
        <v>26</v>
      </c>
      <c r="HD37" s="101">
        <v>0</v>
      </c>
      <c r="HE37" s="102">
        <v>0</v>
      </c>
      <c r="HF37" s="103">
        <v>0</v>
      </c>
      <c r="HG37" s="413">
        <v>0</v>
      </c>
      <c r="HH37" s="102">
        <v>0</v>
      </c>
      <c r="HI37" s="102">
        <v>0</v>
      </c>
      <c r="HJ37" s="102">
        <v>0</v>
      </c>
      <c r="HK37" s="102">
        <v>0</v>
      </c>
      <c r="HL37" s="102">
        <v>0</v>
      </c>
      <c r="HM37" s="103">
        <v>0</v>
      </c>
      <c r="HN37" s="104">
        <v>0</v>
      </c>
      <c r="HO37" s="101">
        <v>0</v>
      </c>
      <c r="HP37" s="102">
        <v>0</v>
      </c>
      <c r="HQ37" s="103">
        <v>0</v>
      </c>
      <c r="HR37" s="413">
        <v>0</v>
      </c>
      <c r="HS37" s="102">
        <v>0</v>
      </c>
      <c r="HT37" s="102">
        <v>0</v>
      </c>
      <c r="HU37" s="102">
        <v>0</v>
      </c>
      <c r="HV37" s="102">
        <v>0</v>
      </c>
      <c r="HW37" s="102">
        <v>0</v>
      </c>
      <c r="HX37" s="103">
        <v>0</v>
      </c>
      <c r="HY37" s="104">
        <v>0</v>
      </c>
      <c r="HZ37" s="101">
        <v>0</v>
      </c>
      <c r="IA37" s="102">
        <v>0</v>
      </c>
      <c r="IB37" s="103">
        <v>0</v>
      </c>
      <c r="IC37" s="413">
        <v>0</v>
      </c>
      <c r="ID37" s="102">
        <v>0</v>
      </c>
      <c r="IE37" s="102">
        <v>0</v>
      </c>
      <c r="IF37" s="102">
        <v>0</v>
      </c>
      <c r="IG37" s="102">
        <v>0</v>
      </c>
      <c r="IH37" s="102">
        <v>0</v>
      </c>
      <c r="II37" s="103">
        <v>0</v>
      </c>
      <c r="IJ37" s="104">
        <v>0</v>
      </c>
      <c r="IK37" s="101">
        <v>1</v>
      </c>
      <c r="IL37" s="102">
        <v>1</v>
      </c>
      <c r="IM37" s="103">
        <v>2</v>
      </c>
      <c r="IN37" s="413">
        <v>0</v>
      </c>
      <c r="IO37" s="102">
        <v>0</v>
      </c>
      <c r="IP37" s="102">
        <v>5</v>
      </c>
      <c r="IQ37" s="102">
        <v>0</v>
      </c>
      <c r="IR37" s="102">
        <v>0</v>
      </c>
      <c r="IS37" s="102">
        <v>0</v>
      </c>
      <c r="IT37" s="103">
        <v>5</v>
      </c>
      <c r="IU37" s="104">
        <v>7</v>
      </c>
      <c r="IV37" s="101">
        <v>1</v>
      </c>
      <c r="IW37" s="102">
        <v>2</v>
      </c>
      <c r="IX37" s="103">
        <v>3</v>
      </c>
      <c r="IY37" s="413">
        <v>0</v>
      </c>
      <c r="IZ37" s="102">
        <v>4</v>
      </c>
      <c r="JA37" s="102">
        <v>0</v>
      </c>
      <c r="JB37" s="102">
        <v>3</v>
      </c>
      <c r="JC37" s="102">
        <v>0</v>
      </c>
      <c r="JD37" s="102">
        <v>0</v>
      </c>
      <c r="JE37" s="103">
        <v>7</v>
      </c>
      <c r="JF37" s="104">
        <v>10</v>
      </c>
      <c r="JG37" s="101">
        <v>0</v>
      </c>
      <c r="JH37" s="102">
        <v>0</v>
      </c>
      <c r="JI37" s="103">
        <v>0</v>
      </c>
      <c r="JJ37" s="413">
        <v>0</v>
      </c>
      <c r="JK37" s="102">
        <v>3</v>
      </c>
      <c r="JL37" s="102">
        <v>3</v>
      </c>
      <c r="JM37" s="102">
        <v>0</v>
      </c>
      <c r="JN37" s="102">
        <v>1</v>
      </c>
      <c r="JO37" s="102">
        <v>2</v>
      </c>
      <c r="JP37" s="103">
        <v>9</v>
      </c>
      <c r="JQ37" s="104">
        <v>9</v>
      </c>
      <c r="JR37" s="101">
        <v>0</v>
      </c>
      <c r="JS37" s="102">
        <v>0</v>
      </c>
      <c r="JT37" s="103">
        <v>0</v>
      </c>
      <c r="JU37" s="413">
        <v>0</v>
      </c>
      <c r="JV37" s="102">
        <v>0</v>
      </c>
      <c r="JW37" s="102">
        <v>0</v>
      </c>
      <c r="JX37" s="102">
        <v>0</v>
      </c>
      <c r="JY37" s="102">
        <v>0</v>
      </c>
      <c r="JZ37" s="102">
        <v>0</v>
      </c>
      <c r="KA37" s="103">
        <v>0</v>
      </c>
      <c r="KB37" s="104">
        <v>0</v>
      </c>
      <c r="KC37" s="101">
        <v>2</v>
      </c>
      <c r="KD37" s="102">
        <v>3</v>
      </c>
      <c r="KE37" s="103">
        <v>5</v>
      </c>
      <c r="KF37" s="413">
        <v>0</v>
      </c>
      <c r="KG37" s="102">
        <v>7</v>
      </c>
      <c r="KH37" s="102">
        <v>8</v>
      </c>
      <c r="KI37" s="102">
        <v>3</v>
      </c>
      <c r="KJ37" s="102">
        <v>1</v>
      </c>
      <c r="KK37" s="102">
        <v>2</v>
      </c>
      <c r="KL37" s="103">
        <v>21</v>
      </c>
      <c r="KM37" s="104">
        <v>26</v>
      </c>
    </row>
    <row r="38" spans="2:299" s="70" customFormat="1" ht="21" customHeight="1" x14ac:dyDescent="0.2">
      <c r="B38" s="106" t="s">
        <v>35</v>
      </c>
      <c r="C38" s="96">
        <v>9</v>
      </c>
      <c r="D38" s="97">
        <v>4</v>
      </c>
      <c r="E38" s="98">
        <v>13</v>
      </c>
      <c r="F38" s="413">
        <v>0</v>
      </c>
      <c r="G38" s="97">
        <v>22</v>
      </c>
      <c r="H38" s="97">
        <v>8</v>
      </c>
      <c r="I38" s="97">
        <v>5</v>
      </c>
      <c r="J38" s="97">
        <v>5</v>
      </c>
      <c r="K38" s="97">
        <v>4</v>
      </c>
      <c r="L38" s="99">
        <v>44</v>
      </c>
      <c r="M38" s="100">
        <v>57</v>
      </c>
      <c r="N38" s="101">
        <v>0</v>
      </c>
      <c r="O38" s="102">
        <v>0</v>
      </c>
      <c r="P38" s="103">
        <v>0</v>
      </c>
      <c r="Q38" s="413">
        <v>0</v>
      </c>
      <c r="R38" s="102">
        <v>2</v>
      </c>
      <c r="S38" s="102">
        <v>2</v>
      </c>
      <c r="T38" s="102">
        <v>0</v>
      </c>
      <c r="U38" s="102">
        <v>0</v>
      </c>
      <c r="V38" s="102">
        <v>0</v>
      </c>
      <c r="W38" s="103">
        <v>4</v>
      </c>
      <c r="X38" s="104">
        <v>4</v>
      </c>
      <c r="Y38" s="101">
        <v>0</v>
      </c>
      <c r="Z38" s="102">
        <v>0</v>
      </c>
      <c r="AA38" s="103">
        <v>0</v>
      </c>
      <c r="AB38" s="413">
        <v>0</v>
      </c>
      <c r="AC38" s="102">
        <v>0</v>
      </c>
      <c r="AD38" s="102">
        <v>0</v>
      </c>
      <c r="AE38" s="102">
        <v>0</v>
      </c>
      <c r="AF38" s="102">
        <v>0</v>
      </c>
      <c r="AG38" s="102">
        <v>0</v>
      </c>
      <c r="AH38" s="103">
        <v>0</v>
      </c>
      <c r="AI38" s="104">
        <v>0</v>
      </c>
      <c r="AJ38" s="101">
        <v>1</v>
      </c>
      <c r="AK38" s="102">
        <v>2</v>
      </c>
      <c r="AL38" s="103">
        <v>3</v>
      </c>
      <c r="AM38" s="413">
        <v>0</v>
      </c>
      <c r="AN38" s="102">
        <v>0</v>
      </c>
      <c r="AO38" s="102">
        <v>0</v>
      </c>
      <c r="AP38" s="102">
        <v>0</v>
      </c>
      <c r="AQ38" s="102">
        <v>0</v>
      </c>
      <c r="AR38" s="102">
        <v>0</v>
      </c>
      <c r="AS38" s="103">
        <v>0</v>
      </c>
      <c r="AT38" s="104">
        <v>3</v>
      </c>
      <c r="AU38" s="101">
        <v>3</v>
      </c>
      <c r="AV38" s="102">
        <v>2</v>
      </c>
      <c r="AW38" s="103">
        <v>5</v>
      </c>
      <c r="AX38" s="413">
        <v>0</v>
      </c>
      <c r="AY38" s="102">
        <v>7</v>
      </c>
      <c r="AZ38" s="102">
        <v>0</v>
      </c>
      <c r="BA38" s="102">
        <v>2</v>
      </c>
      <c r="BB38" s="102">
        <v>1</v>
      </c>
      <c r="BC38" s="102">
        <v>0</v>
      </c>
      <c r="BD38" s="103">
        <v>10</v>
      </c>
      <c r="BE38" s="104">
        <v>15</v>
      </c>
      <c r="BF38" s="101">
        <v>3</v>
      </c>
      <c r="BG38" s="102">
        <v>0</v>
      </c>
      <c r="BH38" s="103">
        <v>3</v>
      </c>
      <c r="BI38" s="413">
        <v>0</v>
      </c>
      <c r="BJ38" s="102">
        <v>5</v>
      </c>
      <c r="BK38" s="102">
        <v>0</v>
      </c>
      <c r="BL38" s="102">
        <v>1</v>
      </c>
      <c r="BM38" s="102">
        <v>1</v>
      </c>
      <c r="BN38" s="102">
        <v>0</v>
      </c>
      <c r="BO38" s="103">
        <v>7</v>
      </c>
      <c r="BP38" s="104">
        <v>10</v>
      </c>
      <c r="BQ38" s="101">
        <v>2</v>
      </c>
      <c r="BR38" s="102">
        <v>0</v>
      </c>
      <c r="BS38" s="103">
        <v>2</v>
      </c>
      <c r="BT38" s="413">
        <v>0</v>
      </c>
      <c r="BU38" s="102">
        <v>8</v>
      </c>
      <c r="BV38" s="102">
        <v>6</v>
      </c>
      <c r="BW38" s="102">
        <v>2</v>
      </c>
      <c r="BX38" s="102">
        <v>3</v>
      </c>
      <c r="BY38" s="102">
        <v>4</v>
      </c>
      <c r="BZ38" s="103">
        <v>23</v>
      </c>
      <c r="CA38" s="104">
        <v>25</v>
      </c>
      <c r="CB38" s="101">
        <v>0</v>
      </c>
      <c r="CC38" s="102">
        <v>0</v>
      </c>
      <c r="CD38" s="103">
        <v>0</v>
      </c>
      <c r="CE38" s="413">
        <v>0</v>
      </c>
      <c r="CF38" s="102">
        <v>0</v>
      </c>
      <c r="CG38" s="102">
        <v>0</v>
      </c>
      <c r="CH38" s="102">
        <v>0</v>
      </c>
      <c r="CI38" s="102">
        <v>0</v>
      </c>
      <c r="CJ38" s="102">
        <v>0</v>
      </c>
      <c r="CK38" s="103">
        <v>0</v>
      </c>
      <c r="CL38" s="104">
        <v>0</v>
      </c>
      <c r="CM38" s="101">
        <v>9</v>
      </c>
      <c r="CN38" s="102">
        <v>4</v>
      </c>
      <c r="CO38" s="103">
        <v>13</v>
      </c>
      <c r="CP38" s="413">
        <v>0</v>
      </c>
      <c r="CQ38" s="102">
        <v>22</v>
      </c>
      <c r="CR38" s="102">
        <v>8</v>
      </c>
      <c r="CS38" s="102">
        <v>5</v>
      </c>
      <c r="CT38" s="102">
        <v>5</v>
      </c>
      <c r="CU38" s="102">
        <v>4</v>
      </c>
      <c r="CV38" s="103">
        <v>44</v>
      </c>
      <c r="CW38" s="104">
        <v>57</v>
      </c>
      <c r="CX38" s="105">
        <v>2</v>
      </c>
      <c r="CY38" s="97">
        <v>0</v>
      </c>
      <c r="CZ38" s="98">
        <v>2</v>
      </c>
      <c r="DA38" s="413">
        <v>0</v>
      </c>
      <c r="DB38" s="97">
        <v>3</v>
      </c>
      <c r="DC38" s="97">
        <v>2</v>
      </c>
      <c r="DD38" s="97">
        <v>1</v>
      </c>
      <c r="DE38" s="97">
        <v>2</v>
      </c>
      <c r="DF38" s="97">
        <v>2</v>
      </c>
      <c r="DG38" s="99">
        <v>10</v>
      </c>
      <c r="DH38" s="100">
        <v>12</v>
      </c>
      <c r="DI38" s="101">
        <v>0</v>
      </c>
      <c r="DJ38" s="102">
        <v>0</v>
      </c>
      <c r="DK38" s="103">
        <v>0</v>
      </c>
      <c r="DL38" s="413">
        <v>0</v>
      </c>
      <c r="DM38" s="102">
        <v>0</v>
      </c>
      <c r="DN38" s="102">
        <v>0</v>
      </c>
      <c r="DO38" s="102">
        <v>0</v>
      </c>
      <c r="DP38" s="102">
        <v>0</v>
      </c>
      <c r="DQ38" s="102">
        <v>0</v>
      </c>
      <c r="DR38" s="103">
        <v>0</v>
      </c>
      <c r="DS38" s="104">
        <v>0</v>
      </c>
      <c r="DT38" s="101">
        <v>0</v>
      </c>
      <c r="DU38" s="102">
        <v>0</v>
      </c>
      <c r="DV38" s="103">
        <v>0</v>
      </c>
      <c r="DW38" s="413">
        <v>0</v>
      </c>
      <c r="DX38" s="102">
        <v>0</v>
      </c>
      <c r="DY38" s="102">
        <v>0</v>
      </c>
      <c r="DZ38" s="102">
        <v>0</v>
      </c>
      <c r="EA38" s="102">
        <v>0</v>
      </c>
      <c r="EB38" s="102">
        <v>1</v>
      </c>
      <c r="EC38" s="103">
        <v>1</v>
      </c>
      <c r="ED38" s="104">
        <v>1</v>
      </c>
      <c r="EE38" s="101">
        <v>0</v>
      </c>
      <c r="EF38" s="102">
        <v>0</v>
      </c>
      <c r="EG38" s="103">
        <v>0</v>
      </c>
      <c r="EH38" s="413">
        <v>0</v>
      </c>
      <c r="EI38" s="102">
        <v>0</v>
      </c>
      <c r="EJ38" s="102">
        <v>0</v>
      </c>
      <c r="EK38" s="102">
        <v>0</v>
      </c>
      <c r="EL38" s="102">
        <v>0</v>
      </c>
      <c r="EM38" s="102">
        <v>0</v>
      </c>
      <c r="EN38" s="103">
        <v>0</v>
      </c>
      <c r="EO38" s="104">
        <v>0</v>
      </c>
      <c r="EP38" s="101">
        <v>1</v>
      </c>
      <c r="EQ38" s="102">
        <v>0</v>
      </c>
      <c r="ER38" s="103">
        <v>1</v>
      </c>
      <c r="ES38" s="413">
        <v>0</v>
      </c>
      <c r="ET38" s="102">
        <v>1</v>
      </c>
      <c r="EU38" s="102">
        <v>0</v>
      </c>
      <c r="EV38" s="102">
        <v>0</v>
      </c>
      <c r="EW38" s="102">
        <v>0</v>
      </c>
      <c r="EX38" s="102">
        <v>0</v>
      </c>
      <c r="EY38" s="103">
        <v>1</v>
      </c>
      <c r="EZ38" s="104">
        <v>2</v>
      </c>
      <c r="FA38" s="101">
        <v>1</v>
      </c>
      <c r="FB38" s="102">
        <v>0</v>
      </c>
      <c r="FC38" s="103">
        <v>1</v>
      </c>
      <c r="FD38" s="413">
        <v>0</v>
      </c>
      <c r="FE38" s="102">
        <v>0</v>
      </c>
      <c r="FF38" s="102">
        <v>1</v>
      </c>
      <c r="FG38" s="102">
        <v>0</v>
      </c>
      <c r="FH38" s="102">
        <v>0</v>
      </c>
      <c r="FI38" s="102">
        <v>1</v>
      </c>
      <c r="FJ38" s="103">
        <v>2</v>
      </c>
      <c r="FK38" s="104">
        <v>3</v>
      </c>
      <c r="FL38" s="101">
        <v>0</v>
      </c>
      <c r="FM38" s="102">
        <v>0</v>
      </c>
      <c r="FN38" s="103">
        <v>0</v>
      </c>
      <c r="FO38" s="413">
        <v>0</v>
      </c>
      <c r="FP38" s="102">
        <v>2</v>
      </c>
      <c r="FQ38" s="102">
        <v>1</v>
      </c>
      <c r="FR38" s="102">
        <v>1</v>
      </c>
      <c r="FS38" s="102">
        <v>2</v>
      </c>
      <c r="FT38" s="102">
        <v>0</v>
      </c>
      <c r="FU38" s="103">
        <v>6</v>
      </c>
      <c r="FV38" s="104">
        <v>6</v>
      </c>
      <c r="FW38" s="101">
        <v>0</v>
      </c>
      <c r="FX38" s="102">
        <v>0</v>
      </c>
      <c r="FY38" s="103">
        <v>0</v>
      </c>
      <c r="FZ38" s="413">
        <v>0</v>
      </c>
      <c r="GA38" s="102">
        <v>0</v>
      </c>
      <c r="GB38" s="102">
        <v>0</v>
      </c>
      <c r="GC38" s="102">
        <v>0</v>
      </c>
      <c r="GD38" s="102">
        <v>0</v>
      </c>
      <c r="GE38" s="102">
        <v>0</v>
      </c>
      <c r="GF38" s="103">
        <v>0</v>
      </c>
      <c r="GG38" s="104">
        <v>0</v>
      </c>
      <c r="GH38" s="101">
        <v>2</v>
      </c>
      <c r="GI38" s="102">
        <v>0</v>
      </c>
      <c r="GJ38" s="103">
        <v>2</v>
      </c>
      <c r="GK38" s="413">
        <v>0</v>
      </c>
      <c r="GL38" s="102">
        <v>3</v>
      </c>
      <c r="GM38" s="102">
        <v>2</v>
      </c>
      <c r="GN38" s="102">
        <v>1</v>
      </c>
      <c r="GO38" s="102">
        <v>2</v>
      </c>
      <c r="GP38" s="102">
        <v>2</v>
      </c>
      <c r="GQ38" s="103">
        <v>10</v>
      </c>
      <c r="GR38" s="104">
        <v>12</v>
      </c>
      <c r="GS38" s="105">
        <v>11</v>
      </c>
      <c r="GT38" s="97">
        <v>4</v>
      </c>
      <c r="GU38" s="98">
        <v>15</v>
      </c>
      <c r="GV38" s="413">
        <v>0</v>
      </c>
      <c r="GW38" s="97">
        <v>25</v>
      </c>
      <c r="GX38" s="97">
        <v>10</v>
      </c>
      <c r="GY38" s="97">
        <v>6</v>
      </c>
      <c r="GZ38" s="97">
        <v>7</v>
      </c>
      <c r="HA38" s="97">
        <v>6</v>
      </c>
      <c r="HB38" s="99">
        <v>54</v>
      </c>
      <c r="HC38" s="100">
        <v>69</v>
      </c>
      <c r="HD38" s="101">
        <v>0</v>
      </c>
      <c r="HE38" s="102">
        <v>0</v>
      </c>
      <c r="HF38" s="103">
        <v>0</v>
      </c>
      <c r="HG38" s="413">
        <v>0</v>
      </c>
      <c r="HH38" s="102">
        <v>2</v>
      </c>
      <c r="HI38" s="102">
        <v>2</v>
      </c>
      <c r="HJ38" s="102">
        <v>0</v>
      </c>
      <c r="HK38" s="102">
        <v>0</v>
      </c>
      <c r="HL38" s="102">
        <v>0</v>
      </c>
      <c r="HM38" s="103">
        <v>4</v>
      </c>
      <c r="HN38" s="104">
        <v>4</v>
      </c>
      <c r="HO38" s="101">
        <v>0</v>
      </c>
      <c r="HP38" s="102">
        <v>0</v>
      </c>
      <c r="HQ38" s="103">
        <v>0</v>
      </c>
      <c r="HR38" s="413">
        <v>0</v>
      </c>
      <c r="HS38" s="102">
        <v>0</v>
      </c>
      <c r="HT38" s="102">
        <v>0</v>
      </c>
      <c r="HU38" s="102">
        <v>0</v>
      </c>
      <c r="HV38" s="102">
        <v>0</v>
      </c>
      <c r="HW38" s="102">
        <v>1</v>
      </c>
      <c r="HX38" s="103">
        <v>1</v>
      </c>
      <c r="HY38" s="104">
        <v>1</v>
      </c>
      <c r="HZ38" s="101">
        <v>1</v>
      </c>
      <c r="IA38" s="102">
        <v>2</v>
      </c>
      <c r="IB38" s="103">
        <v>3</v>
      </c>
      <c r="IC38" s="413">
        <v>0</v>
      </c>
      <c r="ID38" s="102">
        <v>0</v>
      </c>
      <c r="IE38" s="102">
        <v>0</v>
      </c>
      <c r="IF38" s="102">
        <v>0</v>
      </c>
      <c r="IG38" s="102">
        <v>0</v>
      </c>
      <c r="IH38" s="102">
        <v>0</v>
      </c>
      <c r="II38" s="103">
        <v>0</v>
      </c>
      <c r="IJ38" s="104">
        <v>3</v>
      </c>
      <c r="IK38" s="101">
        <v>4</v>
      </c>
      <c r="IL38" s="102">
        <v>2</v>
      </c>
      <c r="IM38" s="103">
        <v>6</v>
      </c>
      <c r="IN38" s="413">
        <v>0</v>
      </c>
      <c r="IO38" s="102">
        <v>8</v>
      </c>
      <c r="IP38" s="102">
        <v>0</v>
      </c>
      <c r="IQ38" s="102">
        <v>2</v>
      </c>
      <c r="IR38" s="102">
        <v>1</v>
      </c>
      <c r="IS38" s="102">
        <v>0</v>
      </c>
      <c r="IT38" s="103">
        <v>11</v>
      </c>
      <c r="IU38" s="104">
        <v>17</v>
      </c>
      <c r="IV38" s="101">
        <v>4</v>
      </c>
      <c r="IW38" s="102">
        <v>0</v>
      </c>
      <c r="IX38" s="103">
        <v>4</v>
      </c>
      <c r="IY38" s="413">
        <v>0</v>
      </c>
      <c r="IZ38" s="102">
        <v>5</v>
      </c>
      <c r="JA38" s="102">
        <v>1</v>
      </c>
      <c r="JB38" s="102">
        <v>1</v>
      </c>
      <c r="JC38" s="102">
        <v>1</v>
      </c>
      <c r="JD38" s="102">
        <v>1</v>
      </c>
      <c r="JE38" s="103">
        <v>9</v>
      </c>
      <c r="JF38" s="104">
        <v>13</v>
      </c>
      <c r="JG38" s="101">
        <v>2</v>
      </c>
      <c r="JH38" s="102">
        <v>0</v>
      </c>
      <c r="JI38" s="103">
        <v>2</v>
      </c>
      <c r="JJ38" s="413">
        <v>0</v>
      </c>
      <c r="JK38" s="102">
        <v>10</v>
      </c>
      <c r="JL38" s="102">
        <v>7</v>
      </c>
      <c r="JM38" s="102">
        <v>3</v>
      </c>
      <c r="JN38" s="102">
        <v>5</v>
      </c>
      <c r="JO38" s="102">
        <v>4</v>
      </c>
      <c r="JP38" s="103">
        <v>29</v>
      </c>
      <c r="JQ38" s="104">
        <v>31</v>
      </c>
      <c r="JR38" s="101">
        <v>0</v>
      </c>
      <c r="JS38" s="102">
        <v>0</v>
      </c>
      <c r="JT38" s="103">
        <v>0</v>
      </c>
      <c r="JU38" s="413">
        <v>0</v>
      </c>
      <c r="JV38" s="102">
        <v>0</v>
      </c>
      <c r="JW38" s="102">
        <v>0</v>
      </c>
      <c r="JX38" s="102">
        <v>0</v>
      </c>
      <c r="JY38" s="102">
        <v>0</v>
      </c>
      <c r="JZ38" s="102">
        <v>0</v>
      </c>
      <c r="KA38" s="103">
        <v>0</v>
      </c>
      <c r="KB38" s="104">
        <v>0</v>
      </c>
      <c r="KC38" s="101">
        <v>11</v>
      </c>
      <c r="KD38" s="102">
        <v>4</v>
      </c>
      <c r="KE38" s="103">
        <v>15</v>
      </c>
      <c r="KF38" s="413">
        <v>0</v>
      </c>
      <c r="KG38" s="102">
        <v>25</v>
      </c>
      <c r="KH38" s="102">
        <v>10</v>
      </c>
      <c r="KI38" s="102">
        <v>6</v>
      </c>
      <c r="KJ38" s="102">
        <v>7</v>
      </c>
      <c r="KK38" s="102">
        <v>6</v>
      </c>
      <c r="KL38" s="103">
        <v>54</v>
      </c>
      <c r="KM38" s="104">
        <v>69</v>
      </c>
    </row>
    <row r="39" spans="2:299" s="70" customFormat="1" ht="21" customHeight="1" x14ac:dyDescent="0.2">
      <c r="B39" s="106" t="s">
        <v>36</v>
      </c>
      <c r="C39" s="96">
        <v>5</v>
      </c>
      <c r="D39" s="97">
        <v>4</v>
      </c>
      <c r="E39" s="98">
        <v>9</v>
      </c>
      <c r="F39" s="413">
        <v>0</v>
      </c>
      <c r="G39" s="97">
        <v>14</v>
      </c>
      <c r="H39" s="97">
        <v>8</v>
      </c>
      <c r="I39" s="97">
        <v>6</v>
      </c>
      <c r="J39" s="97">
        <v>7</v>
      </c>
      <c r="K39" s="97">
        <v>4</v>
      </c>
      <c r="L39" s="99">
        <v>39</v>
      </c>
      <c r="M39" s="100">
        <v>48</v>
      </c>
      <c r="N39" s="101">
        <v>0</v>
      </c>
      <c r="O39" s="102">
        <v>0</v>
      </c>
      <c r="P39" s="103">
        <v>0</v>
      </c>
      <c r="Q39" s="413">
        <v>0</v>
      </c>
      <c r="R39" s="102">
        <v>1</v>
      </c>
      <c r="S39" s="102">
        <v>1</v>
      </c>
      <c r="T39" s="102">
        <v>0</v>
      </c>
      <c r="U39" s="102">
        <v>0</v>
      </c>
      <c r="V39" s="102">
        <v>1</v>
      </c>
      <c r="W39" s="103">
        <v>3</v>
      </c>
      <c r="X39" s="104">
        <v>3</v>
      </c>
      <c r="Y39" s="101">
        <v>1</v>
      </c>
      <c r="Z39" s="102">
        <v>0</v>
      </c>
      <c r="AA39" s="103">
        <v>1</v>
      </c>
      <c r="AB39" s="413">
        <v>0</v>
      </c>
      <c r="AC39" s="102">
        <v>2</v>
      </c>
      <c r="AD39" s="102">
        <v>1</v>
      </c>
      <c r="AE39" s="102">
        <v>0</v>
      </c>
      <c r="AF39" s="102">
        <v>0</v>
      </c>
      <c r="AG39" s="102">
        <v>0</v>
      </c>
      <c r="AH39" s="103">
        <v>3</v>
      </c>
      <c r="AI39" s="104">
        <v>4</v>
      </c>
      <c r="AJ39" s="101">
        <v>1</v>
      </c>
      <c r="AK39" s="102">
        <v>0</v>
      </c>
      <c r="AL39" s="103">
        <v>1</v>
      </c>
      <c r="AM39" s="413">
        <v>0</v>
      </c>
      <c r="AN39" s="102">
        <v>0</v>
      </c>
      <c r="AO39" s="102">
        <v>0</v>
      </c>
      <c r="AP39" s="102">
        <v>2</v>
      </c>
      <c r="AQ39" s="102">
        <v>1</v>
      </c>
      <c r="AR39" s="102">
        <v>1</v>
      </c>
      <c r="AS39" s="103">
        <v>4</v>
      </c>
      <c r="AT39" s="104">
        <v>5</v>
      </c>
      <c r="AU39" s="101">
        <v>0</v>
      </c>
      <c r="AV39" s="102">
        <v>1</v>
      </c>
      <c r="AW39" s="103">
        <v>1</v>
      </c>
      <c r="AX39" s="413">
        <v>0</v>
      </c>
      <c r="AY39" s="102">
        <v>2</v>
      </c>
      <c r="AZ39" s="102">
        <v>4</v>
      </c>
      <c r="BA39" s="102">
        <v>1</v>
      </c>
      <c r="BB39" s="102">
        <v>1</v>
      </c>
      <c r="BC39" s="102">
        <v>1</v>
      </c>
      <c r="BD39" s="103">
        <v>9</v>
      </c>
      <c r="BE39" s="104">
        <v>10</v>
      </c>
      <c r="BF39" s="101">
        <v>2</v>
      </c>
      <c r="BG39" s="102">
        <v>0</v>
      </c>
      <c r="BH39" s="103">
        <v>2</v>
      </c>
      <c r="BI39" s="413">
        <v>0</v>
      </c>
      <c r="BJ39" s="102">
        <v>5</v>
      </c>
      <c r="BK39" s="102">
        <v>1</v>
      </c>
      <c r="BL39" s="102">
        <v>1</v>
      </c>
      <c r="BM39" s="102">
        <v>2</v>
      </c>
      <c r="BN39" s="102">
        <v>1</v>
      </c>
      <c r="BO39" s="103">
        <v>10</v>
      </c>
      <c r="BP39" s="104">
        <v>12</v>
      </c>
      <c r="BQ39" s="101">
        <v>1</v>
      </c>
      <c r="BR39" s="102">
        <v>3</v>
      </c>
      <c r="BS39" s="103">
        <v>4</v>
      </c>
      <c r="BT39" s="413">
        <v>0</v>
      </c>
      <c r="BU39" s="102">
        <v>4</v>
      </c>
      <c r="BV39" s="102">
        <v>1</v>
      </c>
      <c r="BW39" s="102">
        <v>2</v>
      </c>
      <c r="BX39" s="102">
        <v>3</v>
      </c>
      <c r="BY39" s="102">
        <v>0</v>
      </c>
      <c r="BZ39" s="103">
        <v>10</v>
      </c>
      <c r="CA39" s="104">
        <v>14</v>
      </c>
      <c r="CB39" s="101">
        <v>0</v>
      </c>
      <c r="CC39" s="102">
        <v>0</v>
      </c>
      <c r="CD39" s="103">
        <v>0</v>
      </c>
      <c r="CE39" s="413">
        <v>0</v>
      </c>
      <c r="CF39" s="102">
        <v>0</v>
      </c>
      <c r="CG39" s="102">
        <v>0</v>
      </c>
      <c r="CH39" s="102">
        <v>0</v>
      </c>
      <c r="CI39" s="102">
        <v>0</v>
      </c>
      <c r="CJ39" s="102">
        <v>0</v>
      </c>
      <c r="CK39" s="103">
        <v>0</v>
      </c>
      <c r="CL39" s="104">
        <v>0</v>
      </c>
      <c r="CM39" s="101">
        <v>5</v>
      </c>
      <c r="CN39" s="102">
        <v>4</v>
      </c>
      <c r="CO39" s="103">
        <v>9</v>
      </c>
      <c r="CP39" s="413">
        <v>0</v>
      </c>
      <c r="CQ39" s="102">
        <v>14</v>
      </c>
      <c r="CR39" s="102">
        <v>8</v>
      </c>
      <c r="CS39" s="102">
        <v>6</v>
      </c>
      <c r="CT39" s="102">
        <v>7</v>
      </c>
      <c r="CU39" s="102">
        <v>4</v>
      </c>
      <c r="CV39" s="103">
        <v>39</v>
      </c>
      <c r="CW39" s="104">
        <v>48</v>
      </c>
      <c r="CX39" s="105">
        <v>2</v>
      </c>
      <c r="CY39" s="97">
        <v>3</v>
      </c>
      <c r="CZ39" s="98">
        <v>5</v>
      </c>
      <c r="DA39" s="413">
        <v>0</v>
      </c>
      <c r="DB39" s="97">
        <v>4</v>
      </c>
      <c r="DC39" s="97">
        <v>2</v>
      </c>
      <c r="DD39" s="97">
        <v>1</v>
      </c>
      <c r="DE39" s="97">
        <v>0</v>
      </c>
      <c r="DF39" s="97">
        <v>0</v>
      </c>
      <c r="DG39" s="99">
        <v>7</v>
      </c>
      <c r="DH39" s="100">
        <v>12</v>
      </c>
      <c r="DI39" s="101">
        <v>0</v>
      </c>
      <c r="DJ39" s="102">
        <v>0</v>
      </c>
      <c r="DK39" s="103">
        <v>0</v>
      </c>
      <c r="DL39" s="413">
        <v>0</v>
      </c>
      <c r="DM39" s="102">
        <v>1</v>
      </c>
      <c r="DN39" s="102">
        <v>0</v>
      </c>
      <c r="DO39" s="102">
        <v>0</v>
      </c>
      <c r="DP39" s="102">
        <v>0</v>
      </c>
      <c r="DQ39" s="102">
        <v>0</v>
      </c>
      <c r="DR39" s="103">
        <v>1</v>
      </c>
      <c r="DS39" s="104">
        <v>1</v>
      </c>
      <c r="DT39" s="101">
        <v>0</v>
      </c>
      <c r="DU39" s="102">
        <v>0</v>
      </c>
      <c r="DV39" s="103">
        <v>0</v>
      </c>
      <c r="DW39" s="413">
        <v>0</v>
      </c>
      <c r="DX39" s="102">
        <v>0</v>
      </c>
      <c r="DY39" s="102">
        <v>0</v>
      </c>
      <c r="DZ39" s="102">
        <v>0</v>
      </c>
      <c r="EA39" s="102">
        <v>0</v>
      </c>
      <c r="EB39" s="102">
        <v>0</v>
      </c>
      <c r="EC39" s="103">
        <v>0</v>
      </c>
      <c r="ED39" s="104">
        <v>0</v>
      </c>
      <c r="EE39" s="101">
        <v>1</v>
      </c>
      <c r="EF39" s="102">
        <v>0</v>
      </c>
      <c r="EG39" s="103">
        <v>1</v>
      </c>
      <c r="EH39" s="413">
        <v>0</v>
      </c>
      <c r="EI39" s="102">
        <v>0</v>
      </c>
      <c r="EJ39" s="102">
        <v>0</v>
      </c>
      <c r="EK39" s="102">
        <v>0</v>
      </c>
      <c r="EL39" s="102">
        <v>0</v>
      </c>
      <c r="EM39" s="102">
        <v>0</v>
      </c>
      <c r="EN39" s="103">
        <v>0</v>
      </c>
      <c r="EO39" s="104">
        <v>1</v>
      </c>
      <c r="EP39" s="101">
        <v>0</v>
      </c>
      <c r="EQ39" s="102">
        <v>0</v>
      </c>
      <c r="ER39" s="103">
        <v>0</v>
      </c>
      <c r="ES39" s="413">
        <v>0</v>
      </c>
      <c r="ET39" s="102">
        <v>1</v>
      </c>
      <c r="EU39" s="102">
        <v>0</v>
      </c>
      <c r="EV39" s="102">
        <v>0</v>
      </c>
      <c r="EW39" s="102">
        <v>0</v>
      </c>
      <c r="EX39" s="102">
        <v>0</v>
      </c>
      <c r="EY39" s="103">
        <v>1</v>
      </c>
      <c r="EZ39" s="104">
        <v>1</v>
      </c>
      <c r="FA39" s="101">
        <v>0</v>
      </c>
      <c r="FB39" s="102">
        <v>2</v>
      </c>
      <c r="FC39" s="103">
        <v>2</v>
      </c>
      <c r="FD39" s="413">
        <v>0</v>
      </c>
      <c r="FE39" s="102">
        <v>0</v>
      </c>
      <c r="FF39" s="102">
        <v>2</v>
      </c>
      <c r="FG39" s="102">
        <v>0</v>
      </c>
      <c r="FH39" s="102">
        <v>0</v>
      </c>
      <c r="FI39" s="102">
        <v>0</v>
      </c>
      <c r="FJ39" s="103">
        <v>2</v>
      </c>
      <c r="FK39" s="104">
        <v>4</v>
      </c>
      <c r="FL39" s="101">
        <v>1</v>
      </c>
      <c r="FM39" s="102">
        <v>1</v>
      </c>
      <c r="FN39" s="103">
        <v>2</v>
      </c>
      <c r="FO39" s="413">
        <v>0</v>
      </c>
      <c r="FP39" s="102">
        <v>2</v>
      </c>
      <c r="FQ39" s="102">
        <v>0</v>
      </c>
      <c r="FR39" s="102">
        <v>1</v>
      </c>
      <c r="FS39" s="102">
        <v>0</v>
      </c>
      <c r="FT39" s="102">
        <v>0</v>
      </c>
      <c r="FU39" s="103">
        <v>3</v>
      </c>
      <c r="FV39" s="104">
        <v>5</v>
      </c>
      <c r="FW39" s="101">
        <v>0</v>
      </c>
      <c r="FX39" s="102">
        <v>0</v>
      </c>
      <c r="FY39" s="103">
        <v>0</v>
      </c>
      <c r="FZ39" s="413">
        <v>0</v>
      </c>
      <c r="GA39" s="102">
        <v>0</v>
      </c>
      <c r="GB39" s="102">
        <v>0</v>
      </c>
      <c r="GC39" s="102">
        <v>0</v>
      </c>
      <c r="GD39" s="102">
        <v>0</v>
      </c>
      <c r="GE39" s="102">
        <v>0</v>
      </c>
      <c r="GF39" s="103">
        <v>0</v>
      </c>
      <c r="GG39" s="104">
        <v>0</v>
      </c>
      <c r="GH39" s="101">
        <v>2</v>
      </c>
      <c r="GI39" s="102">
        <v>3</v>
      </c>
      <c r="GJ39" s="103">
        <v>5</v>
      </c>
      <c r="GK39" s="413">
        <v>0</v>
      </c>
      <c r="GL39" s="102">
        <v>4</v>
      </c>
      <c r="GM39" s="102">
        <v>2</v>
      </c>
      <c r="GN39" s="102">
        <v>1</v>
      </c>
      <c r="GO39" s="102">
        <v>0</v>
      </c>
      <c r="GP39" s="102">
        <v>0</v>
      </c>
      <c r="GQ39" s="103">
        <v>7</v>
      </c>
      <c r="GR39" s="104">
        <v>12</v>
      </c>
      <c r="GS39" s="105">
        <v>7</v>
      </c>
      <c r="GT39" s="97">
        <v>7</v>
      </c>
      <c r="GU39" s="98">
        <v>14</v>
      </c>
      <c r="GV39" s="413">
        <v>0</v>
      </c>
      <c r="GW39" s="97">
        <v>18</v>
      </c>
      <c r="GX39" s="97">
        <v>10</v>
      </c>
      <c r="GY39" s="97">
        <v>7</v>
      </c>
      <c r="GZ39" s="97">
        <v>7</v>
      </c>
      <c r="HA39" s="97">
        <v>4</v>
      </c>
      <c r="HB39" s="99">
        <v>46</v>
      </c>
      <c r="HC39" s="100">
        <v>60</v>
      </c>
      <c r="HD39" s="101">
        <v>0</v>
      </c>
      <c r="HE39" s="102">
        <v>0</v>
      </c>
      <c r="HF39" s="103">
        <v>0</v>
      </c>
      <c r="HG39" s="413">
        <v>0</v>
      </c>
      <c r="HH39" s="102">
        <v>2</v>
      </c>
      <c r="HI39" s="102">
        <v>1</v>
      </c>
      <c r="HJ39" s="102">
        <v>0</v>
      </c>
      <c r="HK39" s="102">
        <v>0</v>
      </c>
      <c r="HL39" s="102">
        <v>1</v>
      </c>
      <c r="HM39" s="103">
        <v>4</v>
      </c>
      <c r="HN39" s="104">
        <v>4</v>
      </c>
      <c r="HO39" s="101">
        <v>1</v>
      </c>
      <c r="HP39" s="102">
        <v>0</v>
      </c>
      <c r="HQ39" s="103">
        <v>1</v>
      </c>
      <c r="HR39" s="413">
        <v>0</v>
      </c>
      <c r="HS39" s="102">
        <v>2</v>
      </c>
      <c r="HT39" s="102">
        <v>1</v>
      </c>
      <c r="HU39" s="102">
        <v>0</v>
      </c>
      <c r="HV39" s="102">
        <v>0</v>
      </c>
      <c r="HW39" s="102">
        <v>0</v>
      </c>
      <c r="HX39" s="103">
        <v>3</v>
      </c>
      <c r="HY39" s="104">
        <v>4</v>
      </c>
      <c r="HZ39" s="101">
        <v>2</v>
      </c>
      <c r="IA39" s="102">
        <v>0</v>
      </c>
      <c r="IB39" s="103">
        <v>2</v>
      </c>
      <c r="IC39" s="413">
        <v>0</v>
      </c>
      <c r="ID39" s="102">
        <v>0</v>
      </c>
      <c r="IE39" s="102">
        <v>0</v>
      </c>
      <c r="IF39" s="102">
        <v>2</v>
      </c>
      <c r="IG39" s="102">
        <v>1</v>
      </c>
      <c r="IH39" s="102">
        <v>1</v>
      </c>
      <c r="II39" s="103">
        <v>4</v>
      </c>
      <c r="IJ39" s="104">
        <v>6</v>
      </c>
      <c r="IK39" s="101">
        <v>0</v>
      </c>
      <c r="IL39" s="102">
        <v>1</v>
      </c>
      <c r="IM39" s="103">
        <v>1</v>
      </c>
      <c r="IN39" s="413">
        <v>0</v>
      </c>
      <c r="IO39" s="102">
        <v>3</v>
      </c>
      <c r="IP39" s="102">
        <v>4</v>
      </c>
      <c r="IQ39" s="102">
        <v>1</v>
      </c>
      <c r="IR39" s="102">
        <v>1</v>
      </c>
      <c r="IS39" s="102">
        <v>1</v>
      </c>
      <c r="IT39" s="103">
        <v>10</v>
      </c>
      <c r="IU39" s="104">
        <v>11</v>
      </c>
      <c r="IV39" s="101">
        <v>2</v>
      </c>
      <c r="IW39" s="102">
        <v>2</v>
      </c>
      <c r="IX39" s="103">
        <v>4</v>
      </c>
      <c r="IY39" s="413">
        <v>0</v>
      </c>
      <c r="IZ39" s="102">
        <v>5</v>
      </c>
      <c r="JA39" s="102">
        <v>3</v>
      </c>
      <c r="JB39" s="102">
        <v>1</v>
      </c>
      <c r="JC39" s="102">
        <v>2</v>
      </c>
      <c r="JD39" s="102">
        <v>1</v>
      </c>
      <c r="JE39" s="103">
        <v>12</v>
      </c>
      <c r="JF39" s="104">
        <v>16</v>
      </c>
      <c r="JG39" s="101">
        <v>2</v>
      </c>
      <c r="JH39" s="102">
        <v>4</v>
      </c>
      <c r="JI39" s="103">
        <v>6</v>
      </c>
      <c r="JJ39" s="413">
        <v>0</v>
      </c>
      <c r="JK39" s="102">
        <v>6</v>
      </c>
      <c r="JL39" s="102">
        <v>1</v>
      </c>
      <c r="JM39" s="102">
        <v>3</v>
      </c>
      <c r="JN39" s="102">
        <v>3</v>
      </c>
      <c r="JO39" s="102">
        <v>0</v>
      </c>
      <c r="JP39" s="103">
        <v>13</v>
      </c>
      <c r="JQ39" s="104">
        <v>19</v>
      </c>
      <c r="JR39" s="101">
        <v>0</v>
      </c>
      <c r="JS39" s="102">
        <v>0</v>
      </c>
      <c r="JT39" s="103">
        <v>0</v>
      </c>
      <c r="JU39" s="413">
        <v>0</v>
      </c>
      <c r="JV39" s="102">
        <v>0</v>
      </c>
      <c r="JW39" s="102">
        <v>0</v>
      </c>
      <c r="JX39" s="102">
        <v>0</v>
      </c>
      <c r="JY39" s="102">
        <v>0</v>
      </c>
      <c r="JZ39" s="102">
        <v>0</v>
      </c>
      <c r="KA39" s="103">
        <v>0</v>
      </c>
      <c r="KB39" s="104">
        <v>0</v>
      </c>
      <c r="KC39" s="101">
        <v>7</v>
      </c>
      <c r="KD39" s="102">
        <v>7</v>
      </c>
      <c r="KE39" s="103">
        <v>14</v>
      </c>
      <c r="KF39" s="413">
        <v>0</v>
      </c>
      <c r="KG39" s="102">
        <v>18</v>
      </c>
      <c r="KH39" s="102">
        <v>10</v>
      </c>
      <c r="KI39" s="102">
        <v>7</v>
      </c>
      <c r="KJ39" s="102">
        <v>7</v>
      </c>
      <c r="KK39" s="102">
        <v>4</v>
      </c>
      <c r="KL39" s="103">
        <v>46</v>
      </c>
      <c r="KM39" s="104">
        <v>60</v>
      </c>
    </row>
    <row r="40" spans="2:299" s="70" customFormat="1" ht="21" customHeight="1" thickBot="1" x14ac:dyDescent="0.25">
      <c r="B40" s="108" t="s">
        <v>37</v>
      </c>
      <c r="C40" s="109">
        <v>0</v>
      </c>
      <c r="D40" s="110">
        <v>0</v>
      </c>
      <c r="E40" s="111">
        <v>0</v>
      </c>
      <c r="F40" s="414">
        <v>0</v>
      </c>
      <c r="G40" s="110">
        <v>1</v>
      </c>
      <c r="H40" s="110">
        <v>3</v>
      </c>
      <c r="I40" s="110">
        <v>1</v>
      </c>
      <c r="J40" s="110">
        <v>0</v>
      </c>
      <c r="K40" s="110">
        <v>0</v>
      </c>
      <c r="L40" s="112">
        <v>5</v>
      </c>
      <c r="M40" s="113">
        <v>5</v>
      </c>
      <c r="N40" s="114">
        <v>0</v>
      </c>
      <c r="O40" s="115">
        <v>0</v>
      </c>
      <c r="P40" s="116">
        <v>0</v>
      </c>
      <c r="Q40" s="414">
        <v>0</v>
      </c>
      <c r="R40" s="115">
        <v>0</v>
      </c>
      <c r="S40" s="115">
        <v>0</v>
      </c>
      <c r="T40" s="115">
        <v>0</v>
      </c>
      <c r="U40" s="115">
        <v>0</v>
      </c>
      <c r="V40" s="115">
        <v>0</v>
      </c>
      <c r="W40" s="116">
        <v>0</v>
      </c>
      <c r="X40" s="117">
        <v>0</v>
      </c>
      <c r="Y40" s="114">
        <v>0</v>
      </c>
      <c r="Z40" s="115">
        <v>0</v>
      </c>
      <c r="AA40" s="116">
        <v>0</v>
      </c>
      <c r="AB40" s="414">
        <v>0</v>
      </c>
      <c r="AC40" s="115">
        <v>0</v>
      </c>
      <c r="AD40" s="115">
        <v>0</v>
      </c>
      <c r="AE40" s="115">
        <v>1</v>
      </c>
      <c r="AF40" s="115">
        <v>0</v>
      </c>
      <c r="AG40" s="115">
        <v>0</v>
      </c>
      <c r="AH40" s="116">
        <v>1</v>
      </c>
      <c r="AI40" s="117">
        <v>1</v>
      </c>
      <c r="AJ40" s="114">
        <v>0</v>
      </c>
      <c r="AK40" s="115">
        <v>0</v>
      </c>
      <c r="AL40" s="116">
        <v>0</v>
      </c>
      <c r="AM40" s="414">
        <v>0</v>
      </c>
      <c r="AN40" s="115">
        <v>1</v>
      </c>
      <c r="AO40" s="115">
        <v>2</v>
      </c>
      <c r="AP40" s="115">
        <v>0</v>
      </c>
      <c r="AQ40" s="115">
        <v>0</v>
      </c>
      <c r="AR40" s="115">
        <v>0</v>
      </c>
      <c r="AS40" s="116">
        <v>3</v>
      </c>
      <c r="AT40" s="117">
        <v>3</v>
      </c>
      <c r="AU40" s="114">
        <v>0</v>
      </c>
      <c r="AV40" s="115">
        <v>0</v>
      </c>
      <c r="AW40" s="116">
        <v>0</v>
      </c>
      <c r="AX40" s="414">
        <v>0</v>
      </c>
      <c r="AY40" s="115">
        <v>0</v>
      </c>
      <c r="AZ40" s="115">
        <v>0</v>
      </c>
      <c r="BA40" s="115">
        <v>0</v>
      </c>
      <c r="BB40" s="115">
        <v>0</v>
      </c>
      <c r="BC40" s="115">
        <v>0</v>
      </c>
      <c r="BD40" s="116">
        <v>0</v>
      </c>
      <c r="BE40" s="117">
        <v>0</v>
      </c>
      <c r="BF40" s="114">
        <v>0</v>
      </c>
      <c r="BG40" s="115">
        <v>0</v>
      </c>
      <c r="BH40" s="116">
        <v>0</v>
      </c>
      <c r="BI40" s="414">
        <v>0</v>
      </c>
      <c r="BJ40" s="115">
        <v>0</v>
      </c>
      <c r="BK40" s="115">
        <v>0</v>
      </c>
      <c r="BL40" s="115">
        <v>0</v>
      </c>
      <c r="BM40" s="115">
        <v>0</v>
      </c>
      <c r="BN40" s="115">
        <v>0</v>
      </c>
      <c r="BO40" s="116">
        <v>0</v>
      </c>
      <c r="BP40" s="117">
        <v>0</v>
      </c>
      <c r="BQ40" s="114">
        <v>0</v>
      </c>
      <c r="BR40" s="115">
        <v>0</v>
      </c>
      <c r="BS40" s="116">
        <v>0</v>
      </c>
      <c r="BT40" s="414">
        <v>0</v>
      </c>
      <c r="BU40" s="115">
        <v>0</v>
      </c>
      <c r="BV40" s="115">
        <v>1</v>
      </c>
      <c r="BW40" s="115">
        <v>0</v>
      </c>
      <c r="BX40" s="115">
        <v>0</v>
      </c>
      <c r="BY40" s="115">
        <v>0</v>
      </c>
      <c r="BZ40" s="116">
        <v>1</v>
      </c>
      <c r="CA40" s="117">
        <v>1</v>
      </c>
      <c r="CB40" s="114">
        <v>0</v>
      </c>
      <c r="CC40" s="115">
        <v>0</v>
      </c>
      <c r="CD40" s="116">
        <v>0</v>
      </c>
      <c r="CE40" s="414">
        <v>0</v>
      </c>
      <c r="CF40" s="115">
        <v>0</v>
      </c>
      <c r="CG40" s="115">
        <v>0</v>
      </c>
      <c r="CH40" s="115">
        <v>0</v>
      </c>
      <c r="CI40" s="115">
        <v>0</v>
      </c>
      <c r="CJ40" s="115">
        <v>0</v>
      </c>
      <c r="CK40" s="116">
        <v>0</v>
      </c>
      <c r="CL40" s="117">
        <v>0</v>
      </c>
      <c r="CM40" s="114">
        <v>0</v>
      </c>
      <c r="CN40" s="115">
        <v>0</v>
      </c>
      <c r="CO40" s="116">
        <v>0</v>
      </c>
      <c r="CP40" s="414">
        <v>0</v>
      </c>
      <c r="CQ40" s="115">
        <v>1</v>
      </c>
      <c r="CR40" s="115">
        <v>3</v>
      </c>
      <c r="CS40" s="115">
        <v>1</v>
      </c>
      <c r="CT40" s="115">
        <v>0</v>
      </c>
      <c r="CU40" s="115">
        <v>0</v>
      </c>
      <c r="CV40" s="116">
        <v>5</v>
      </c>
      <c r="CW40" s="117">
        <v>5</v>
      </c>
      <c r="CX40" s="118">
        <v>0</v>
      </c>
      <c r="CY40" s="110">
        <v>0</v>
      </c>
      <c r="CZ40" s="111">
        <v>0</v>
      </c>
      <c r="DA40" s="414">
        <v>0</v>
      </c>
      <c r="DB40" s="110">
        <v>0</v>
      </c>
      <c r="DC40" s="110">
        <v>0</v>
      </c>
      <c r="DD40" s="110">
        <v>0</v>
      </c>
      <c r="DE40" s="110">
        <v>0</v>
      </c>
      <c r="DF40" s="110">
        <v>0</v>
      </c>
      <c r="DG40" s="112">
        <v>0</v>
      </c>
      <c r="DH40" s="113">
        <v>0</v>
      </c>
      <c r="DI40" s="114">
        <v>0</v>
      </c>
      <c r="DJ40" s="115">
        <v>0</v>
      </c>
      <c r="DK40" s="116">
        <v>0</v>
      </c>
      <c r="DL40" s="414">
        <v>0</v>
      </c>
      <c r="DM40" s="115">
        <v>0</v>
      </c>
      <c r="DN40" s="115">
        <v>0</v>
      </c>
      <c r="DO40" s="115">
        <v>0</v>
      </c>
      <c r="DP40" s="115">
        <v>0</v>
      </c>
      <c r="DQ40" s="115">
        <v>0</v>
      </c>
      <c r="DR40" s="116">
        <v>0</v>
      </c>
      <c r="DS40" s="117">
        <v>0</v>
      </c>
      <c r="DT40" s="114">
        <v>0</v>
      </c>
      <c r="DU40" s="115">
        <v>0</v>
      </c>
      <c r="DV40" s="116">
        <v>0</v>
      </c>
      <c r="DW40" s="414">
        <v>0</v>
      </c>
      <c r="DX40" s="115">
        <v>0</v>
      </c>
      <c r="DY40" s="115">
        <v>0</v>
      </c>
      <c r="DZ40" s="115">
        <v>0</v>
      </c>
      <c r="EA40" s="115">
        <v>0</v>
      </c>
      <c r="EB40" s="115">
        <v>0</v>
      </c>
      <c r="EC40" s="116">
        <v>0</v>
      </c>
      <c r="ED40" s="117">
        <v>0</v>
      </c>
      <c r="EE40" s="114">
        <v>0</v>
      </c>
      <c r="EF40" s="115">
        <v>0</v>
      </c>
      <c r="EG40" s="116">
        <v>0</v>
      </c>
      <c r="EH40" s="414">
        <v>0</v>
      </c>
      <c r="EI40" s="115">
        <v>0</v>
      </c>
      <c r="EJ40" s="115">
        <v>0</v>
      </c>
      <c r="EK40" s="115">
        <v>0</v>
      </c>
      <c r="EL40" s="115">
        <v>0</v>
      </c>
      <c r="EM40" s="115">
        <v>0</v>
      </c>
      <c r="EN40" s="116">
        <v>0</v>
      </c>
      <c r="EO40" s="117">
        <v>0</v>
      </c>
      <c r="EP40" s="114">
        <v>0</v>
      </c>
      <c r="EQ40" s="115">
        <v>0</v>
      </c>
      <c r="ER40" s="116">
        <v>0</v>
      </c>
      <c r="ES40" s="414">
        <v>0</v>
      </c>
      <c r="ET40" s="115">
        <v>0</v>
      </c>
      <c r="EU40" s="115">
        <v>0</v>
      </c>
      <c r="EV40" s="115">
        <v>0</v>
      </c>
      <c r="EW40" s="115">
        <v>0</v>
      </c>
      <c r="EX40" s="115">
        <v>0</v>
      </c>
      <c r="EY40" s="116">
        <v>0</v>
      </c>
      <c r="EZ40" s="117">
        <v>0</v>
      </c>
      <c r="FA40" s="114">
        <v>0</v>
      </c>
      <c r="FB40" s="115">
        <v>0</v>
      </c>
      <c r="FC40" s="116">
        <v>0</v>
      </c>
      <c r="FD40" s="414">
        <v>0</v>
      </c>
      <c r="FE40" s="115">
        <v>0</v>
      </c>
      <c r="FF40" s="115">
        <v>0</v>
      </c>
      <c r="FG40" s="115">
        <v>0</v>
      </c>
      <c r="FH40" s="115">
        <v>0</v>
      </c>
      <c r="FI40" s="115">
        <v>0</v>
      </c>
      <c r="FJ40" s="116">
        <v>0</v>
      </c>
      <c r="FK40" s="117">
        <v>0</v>
      </c>
      <c r="FL40" s="114">
        <v>0</v>
      </c>
      <c r="FM40" s="115">
        <v>0</v>
      </c>
      <c r="FN40" s="116">
        <v>0</v>
      </c>
      <c r="FO40" s="414">
        <v>0</v>
      </c>
      <c r="FP40" s="115">
        <v>0</v>
      </c>
      <c r="FQ40" s="115">
        <v>0</v>
      </c>
      <c r="FR40" s="115">
        <v>0</v>
      </c>
      <c r="FS40" s="115">
        <v>0</v>
      </c>
      <c r="FT40" s="115">
        <v>0</v>
      </c>
      <c r="FU40" s="116">
        <v>0</v>
      </c>
      <c r="FV40" s="117">
        <v>0</v>
      </c>
      <c r="FW40" s="114">
        <v>0</v>
      </c>
      <c r="FX40" s="115">
        <v>0</v>
      </c>
      <c r="FY40" s="116">
        <v>0</v>
      </c>
      <c r="FZ40" s="414">
        <v>0</v>
      </c>
      <c r="GA40" s="115">
        <v>0</v>
      </c>
      <c r="GB40" s="115">
        <v>0</v>
      </c>
      <c r="GC40" s="115">
        <v>0</v>
      </c>
      <c r="GD40" s="115">
        <v>0</v>
      </c>
      <c r="GE40" s="115">
        <v>0</v>
      </c>
      <c r="GF40" s="116">
        <v>0</v>
      </c>
      <c r="GG40" s="117">
        <v>0</v>
      </c>
      <c r="GH40" s="114">
        <v>0</v>
      </c>
      <c r="GI40" s="115">
        <v>0</v>
      </c>
      <c r="GJ40" s="116">
        <v>0</v>
      </c>
      <c r="GK40" s="414">
        <v>0</v>
      </c>
      <c r="GL40" s="115">
        <v>0</v>
      </c>
      <c r="GM40" s="115">
        <v>0</v>
      </c>
      <c r="GN40" s="115">
        <v>0</v>
      </c>
      <c r="GO40" s="115">
        <v>0</v>
      </c>
      <c r="GP40" s="115">
        <v>0</v>
      </c>
      <c r="GQ40" s="116">
        <v>0</v>
      </c>
      <c r="GR40" s="117">
        <v>0</v>
      </c>
      <c r="GS40" s="118">
        <v>0</v>
      </c>
      <c r="GT40" s="110">
        <v>0</v>
      </c>
      <c r="GU40" s="111">
        <v>0</v>
      </c>
      <c r="GV40" s="414">
        <v>0</v>
      </c>
      <c r="GW40" s="110">
        <v>1</v>
      </c>
      <c r="GX40" s="110">
        <v>3</v>
      </c>
      <c r="GY40" s="110">
        <v>1</v>
      </c>
      <c r="GZ40" s="110">
        <v>0</v>
      </c>
      <c r="HA40" s="110">
        <v>0</v>
      </c>
      <c r="HB40" s="112">
        <v>5</v>
      </c>
      <c r="HC40" s="113">
        <v>5</v>
      </c>
      <c r="HD40" s="114">
        <v>0</v>
      </c>
      <c r="HE40" s="115">
        <v>0</v>
      </c>
      <c r="HF40" s="116">
        <v>0</v>
      </c>
      <c r="HG40" s="414">
        <v>0</v>
      </c>
      <c r="HH40" s="115">
        <v>0</v>
      </c>
      <c r="HI40" s="115">
        <v>0</v>
      </c>
      <c r="HJ40" s="115">
        <v>0</v>
      </c>
      <c r="HK40" s="115">
        <v>0</v>
      </c>
      <c r="HL40" s="115">
        <v>0</v>
      </c>
      <c r="HM40" s="116">
        <v>0</v>
      </c>
      <c r="HN40" s="117">
        <v>0</v>
      </c>
      <c r="HO40" s="114">
        <v>0</v>
      </c>
      <c r="HP40" s="115">
        <v>0</v>
      </c>
      <c r="HQ40" s="116">
        <v>0</v>
      </c>
      <c r="HR40" s="414">
        <v>0</v>
      </c>
      <c r="HS40" s="115">
        <v>0</v>
      </c>
      <c r="HT40" s="115">
        <v>0</v>
      </c>
      <c r="HU40" s="115">
        <v>1</v>
      </c>
      <c r="HV40" s="115">
        <v>0</v>
      </c>
      <c r="HW40" s="115">
        <v>0</v>
      </c>
      <c r="HX40" s="116">
        <v>1</v>
      </c>
      <c r="HY40" s="117">
        <v>1</v>
      </c>
      <c r="HZ40" s="114">
        <v>0</v>
      </c>
      <c r="IA40" s="115">
        <v>0</v>
      </c>
      <c r="IB40" s="116">
        <v>0</v>
      </c>
      <c r="IC40" s="414">
        <v>0</v>
      </c>
      <c r="ID40" s="115">
        <v>1</v>
      </c>
      <c r="IE40" s="115">
        <v>2</v>
      </c>
      <c r="IF40" s="115">
        <v>0</v>
      </c>
      <c r="IG40" s="115">
        <v>0</v>
      </c>
      <c r="IH40" s="115">
        <v>0</v>
      </c>
      <c r="II40" s="116">
        <v>3</v>
      </c>
      <c r="IJ40" s="117">
        <v>3</v>
      </c>
      <c r="IK40" s="114">
        <v>0</v>
      </c>
      <c r="IL40" s="115">
        <v>0</v>
      </c>
      <c r="IM40" s="116">
        <v>0</v>
      </c>
      <c r="IN40" s="414">
        <v>0</v>
      </c>
      <c r="IO40" s="115">
        <v>0</v>
      </c>
      <c r="IP40" s="115">
        <v>0</v>
      </c>
      <c r="IQ40" s="115">
        <v>0</v>
      </c>
      <c r="IR40" s="115">
        <v>0</v>
      </c>
      <c r="IS40" s="115">
        <v>0</v>
      </c>
      <c r="IT40" s="116">
        <v>0</v>
      </c>
      <c r="IU40" s="117">
        <v>0</v>
      </c>
      <c r="IV40" s="114">
        <v>0</v>
      </c>
      <c r="IW40" s="115">
        <v>0</v>
      </c>
      <c r="IX40" s="116">
        <v>0</v>
      </c>
      <c r="IY40" s="414">
        <v>0</v>
      </c>
      <c r="IZ40" s="115">
        <v>0</v>
      </c>
      <c r="JA40" s="115">
        <v>0</v>
      </c>
      <c r="JB40" s="115">
        <v>0</v>
      </c>
      <c r="JC40" s="115">
        <v>0</v>
      </c>
      <c r="JD40" s="115">
        <v>0</v>
      </c>
      <c r="JE40" s="116">
        <v>0</v>
      </c>
      <c r="JF40" s="117">
        <v>0</v>
      </c>
      <c r="JG40" s="114">
        <v>0</v>
      </c>
      <c r="JH40" s="115">
        <v>0</v>
      </c>
      <c r="JI40" s="116">
        <v>0</v>
      </c>
      <c r="JJ40" s="414">
        <v>0</v>
      </c>
      <c r="JK40" s="115">
        <v>0</v>
      </c>
      <c r="JL40" s="115">
        <v>1</v>
      </c>
      <c r="JM40" s="115">
        <v>0</v>
      </c>
      <c r="JN40" s="115">
        <v>0</v>
      </c>
      <c r="JO40" s="115">
        <v>0</v>
      </c>
      <c r="JP40" s="116">
        <v>1</v>
      </c>
      <c r="JQ40" s="117">
        <v>1</v>
      </c>
      <c r="JR40" s="114">
        <v>0</v>
      </c>
      <c r="JS40" s="115">
        <v>0</v>
      </c>
      <c r="JT40" s="116">
        <v>0</v>
      </c>
      <c r="JU40" s="414">
        <v>0</v>
      </c>
      <c r="JV40" s="115">
        <v>0</v>
      </c>
      <c r="JW40" s="115">
        <v>0</v>
      </c>
      <c r="JX40" s="115">
        <v>0</v>
      </c>
      <c r="JY40" s="115">
        <v>0</v>
      </c>
      <c r="JZ40" s="115">
        <v>0</v>
      </c>
      <c r="KA40" s="116">
        <v>0</v>
      </c>
      <c r="KB40" s="117">
        <v>0</v>
      </c>
      <c r="KC40" s="114">
        <v>0</v>
      </c>
      <c r="KD40" s="115">
        <v>0</v>
      </c>
      <c r="KE40" s="116">
        <v>0</v>
      </c>
      <c r="KF40" s="414">
        <v>0</v>
      </c>
      <c r="KG40" s="115">
        <v>1</v>
      </c>
      <c r="KH40" s="115">
        <v>3</v>
      </c>
      <c r="KI40" s="115">
        <v>1</v>
      </c>
      <c r="KJ40" s="115">
        <v>0</v>
      </c>
      <c r="KK40" s="115">
        <v>0</v>
      </c>
      <c r="KL40" s="116">
        <v>5</v>
      </c>
      <c r="KM40" s="117">
        <v>5</v>
      </c>
    </row>
    <row r="41" spans="2:299" ht="32.25" customHeight="1" x14ac:dyDescent="0.2">
      <c r="C41" s="70" t="s">
        <v>124</v>
      </c>
    </row>
  </sheetData>
  <mergeCells count="36">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 ref="I1:J1"/>
    <mergeCell ref="F1:G1"/>
    <mergeCell ref="CB4:CL5"/>
    <mergeCell ref="B3:B5"/>
    <mergeCell ref="C3:CW3"/>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93" width="9" style="70"/>
    <col min="94" max="94" width="8.44140625" style="70" customWidth="1"/>
    <col min="95" max="102" width="9" style="70"/>
    <col min="103" max="104" width="9" style="71"/>
    <col min="105" max="105" width="7.77734375" style="71" customWidth="1"/>
    <col min="106" max="115" width="9" style="71"/>
    <col min="116" max="116" width="7.77734375" style="71" customWidth="1"/>
    <col min="117" max="126" width="9" style="71"/>
    <col min="127" max="127" width="7.77734375" style="71" customWidth="1"/>
    <col min="128" max="137" width="9" style="71"/>
    <col min="138" max="138" width="8" style="71" customWidth="1"/>
    <col min="139" max="148" width="9" style="71"/>
    <col min="149" max="149" width="7.77734375" style="71" customWidth="1"/>
    <col min="150" max="159" width="9" style="71"/>
    <col min="160" max="160" width="7.44140625" style="71" customWidth="1"/>
    <col min="161" max="170" width="9" style="71"/>
    <col min="171" max="171" width="7.88671875" style="71" customWidth="1"/>
    <col min="172" max="181" width="9" style="71"/>
    <col min="182" max="182" width="7.21875" style="71" customWidth="1"/>
    <col min="183" max="192" width="9" style="71"/>
    <col min="193" max="193" width="8" style="71" customWidth="1"/>
    <col min="194" max="203" width="9" style="71"/>
    <col min="204" max="204" width="7.88671875" style="71" customWidth="1"/>
    <col min="205" max="214" width="9" style="71"/>
    <col min="215" max="215" width="7.88671875" style="71" customWidth="1"/>
    <col min="216" max="225" width="9" style="71"/>
    <col min="226" max="226" width="7.33203125" style="71" customWidth="1"/>
    <col min="227" max="236" width="9" style="71"/>
    <col min="237" max="237" width="7.6640625" style="71" customWidth="1"/>
    <col min="238" max="247" width="9" style="71"/>
    <col min="248" max="248" width="8" style="71" customWidth="1"/>
    <col min="249" max="258" width="9" style="71"/>
    <col min="259" max="259" width="8" style="71" customWidth="1"/>
    <col min="260" max="269" width="9" style="71"/>
    <col min="270" max="270" width="8" style="71" customWidth="1"/>
    <col min="271" max="280" width="9" style="71"/>
    <col min="281" max="281" width="8" style="71" customWidth="1"/>
    <col min="282" max="291" width="9" style="71"/>
    <col min="292" max="292" width="8.109375" style="71" customWidth="1"/>
    <col min="293" max="16384" width="9" style="71"/>
  </cols>
  <sheetData>
    <row r="1" spans="2:299" ht="24" customHeight="1" x14ac:dyDescent="0.2">
      <c r="B1" s="9" t="s">
        <v>119</v>
      </c>
      <c r="F1" s="441">
        <f>第１表!F2</f>
        <v>6</v>
      </c>
      <c r="G1" s="441"/>
      <c r="H1" s="18">
        <f>第１表!G2</f>
        <v>9</v>
      </c>
      <c r="I1" s="440">
        <f>H1</f>
        <v>9</v>
      </c>
      <c r="J1" s="440"/>
    </row>
    <row r="2" spans="2:299" ht="24" customHeight="1" thickBot="1" x14ac:dyDescent="0.25">
      <c r="B2" s="10" t="s">
        <v>150</v>
      </c>
    </row>
    <row r="3" spans="2:299" ht="21" customHeight="1" thickBot="1" x14ac:dyDescent="0.25">
      <c r="B3" s="427" t="s">
        <v>38</v>
      </c>
      <c r="C3" s="422" t="s">
        <v>96</v>
      </c>
      <c r="D3" s="422"/>
      <c r="E3" s="422"/>
      <c r="F3" s="422"/>
      <c r="G3" s="422"/>
      <c r="H3" s="422"/>
      <c r="I3" s="422"/>
      <c r="J3" s="422"/>
      <c r="K3" s="422"/>
      <c r="L3" s="422"/>
      <c r="M3" s="422"/>
      <c r="N3" s="422"/>
      <c r="O3" s="422"/>
      <c r="P3" s="422"/>
      <c r="Q3" s="422"/>
      <c r="R3" s="422"/>
      <c r="S3" s="422"/>
      <c r="T3" s="422"/>
      <c r="U3" s="422"/>
      <c r="V3" s="422"/>
      <c r="W3" s="422"/>
      <c r="X3" s="422"/>
      <c r="Y3" s="422"/>
      <c r="Z3" s="422"/>
      <c r="AA3" s="422"/>
      <c r="AB3" s="422"/>
      <c r="AC3" s="422"/>
      <c r="AD3" s="422"/>
      <c r="AE3" s="422"/>
      <c r="AF3" s="422"/>
      <c r="AG3" s="422"/>
      <c r="AH3" s="422"/>
      <c r="AI3" s="422"/>
      <c r="AJ3" s="422"/>
      <c r="AK3" s="422"/>
      <c r="AL3" s="422"/>
      <c r="AM3" s="422"/>
      <c r="AN3" s="422"/>
      <c r="AO3" s="422"/>
      <c r="AP3" s="422"/>
      <c r="AQ3" s="422"/>
      <c r="AR3" s="422"/>
      <c r="AS3" s="422"/>
      <c r="AT3" s="422"/>
      <c r="AU3" s="422"/>
      <c r="AV3" s="422"/>
      <c r="AW3" s="422"/>
      <c r="AX3" s="422"/>
      <c r="AY3" s="422"/>
      <c r="AZ3" s="422"/>
      <c r="BA3" s="422"/>
      <c r="BB3" s="422"/>
      <c r="BC3" s="422"/>
      <c r="BD3" s="422"/>
      <c r="BE3" s="422"/>
      <c r="BF3" s="422"/>
      <c r="BG3" s="422"/>
      <c r="BH3" s="422"/>
      <c r="BI3" s="422"/>
      <c r="BJ3" s="422"/>
      <c r="BK3" s="422"/>
      <c r="BL3" s="422"/>
      <c r="BM3" s="422"/>
      <c r="BN3" s="422"/>
      <c r="BO3" s="422"/>
      <c r="BP3" s="422"/>
      <c r="BQ3" s="422"/>
      <c r="BR3" s="422"/>
      <c r="BS3" s="422"/>
      <c r="BT3" s="422"/>
      <c r="BU3" s="422"/>
      <c r="BV3" s="422"/>
      <c r="BW3" s="422"/>
      <c r="BX3" s="422"/>
      <c r="BY3" s="422"/>
      <c r="BZ3" s="422"/>
      <c r="CA3" s="422"/>
      <c r="CB3" s="422"/>
      <c r="CC3" s="422"/>
      <c r="CD3" s="422"/>
      <c r="CE3" s="422"/>
      <c r="CF3" s="422"/>
      <c r="CG3" s="422"/>
      <c r="CH3" s="422"/>
      <c r="CI3" s="422"/>
      <c r="CJ3" s="422"/>
      <c r="CK3" s="422"/>
      <c r="CL3" s="422"/>
      <c r="CM3" s="422"/>
      <c r="CN3" s="422"/>
      <c r="CO3" s="422"/>
      <c r="CP3" s="422"/>
      <c r="CQ3" s="422"/>
      <c r="CR3" s="422"/>
      <c r="CS3" s="422"/>
      <c r="CT3" s="422"/>
      <c r="CU3" s="422"/>
      <c r="CV3" s="422"/>
      <c r="CW3" s="423"/>
      <c r="CX3" s="422" t="s">
        <v>102</v>
      </c>
      <c r="CY3" s="422"/>
      <c r="CZ3" s="422"/>
      <c r="DA3" s="422"/>
      <c r="DB3" s="422"/>
      <c r="DC3" s="422"/>
      <c r="DD3" s="422"/>
      <c r="DE3" s="422"/>
      <c r="DF3" s="422"/>
      <c r="DG3" s="422"/>
      <c r="DH3" s="422"/>
      <c r="DI3" s="422"/>
      <c r="DJ3" s="422"/>
      <c r="DK3" s="422"/>
      <c r="DL3" s="422"/>
      <c r="DM3" s="422"/>
      <c r="DN3" s="422"/>
      <c r="DO3" s="422"/>
      <c r="DP3" s="422"/>
      <c r="DQ3" s="422"/>
      <c r="DR3" s="422"/>
      <c r="DS3" s="422"/>
      <c r="DT3" s="422"/>
      <c r="DU3" s="422"/>
      <c r="DV3" s="422"/>
      <c r="DW3" s="422"/>
      <c r="DX3" s="422"/>
      <c r="DY3" s="422"/>
      <c r="DZ3" s="422"/>
      <c r="EA3" s="422"/>
      <c r="EB3" s="422"/>
      <c r="EC3" s="422"/>
      <c r="ED3" s="422"/>
      <c r="EE3" s="422"/>
      <c r="EF3" s="422"/>
      <c r="EG3" s="422"/>
      <c r="EH3" s="422"/>
      <c r="EI3" s="422"/>
      <c r="EJ3" s="422"/>
      <c r="EK3" s="422"/>
      <c r="EL3" s="422"/>
      <c r="EM3" s="422"/>
      <c r="EN3" s="422"/>
      <c r="EO3" s="422"/>
      <c r="EP3" s="422"/>
      <c r="EQ3" s="422"/>
      <c r="ER3" s="422"/>
      <c r="ES3" s="422"/>
      <c r="ET3" s="422"/>
      <c r="EU3" s="422"/>
      <c r="EV3" s="422"/>
      <c r="EW3" s="422"/>
      <c r="EX3" s="422"/>
      <c r="EY3" s="422"/>
      <c r="EZ3" s="422"/>
      <c r="FA3" s="422"/>
      <c r="FB3" s="422"/>
      <c r="FC3" s="422"/>
      <c r="FD3" s="422"/>
      <c r="FE3" s="422"/>
      <c r="FF3" s="422"/>
      <c r="FG3" s="422"/>
      <c r="FH3" s="422"/>
      <c r="FI3" s="422"/>
      <c r="FJ3" s="422"/>
      <c r="FK3" s="422"/>
      <c r="FL3" s="422"/>
      <c r="FM3" s="422"/>
      <c r="FN3" s="422"/>
      <c r="FO3" s="422"/>
      <c r="FP3" s="422"/>
      <c r="FQ3" s="422"/>
      <c r="FR3" s="422"/>
      <c r="FS3" s="422"/>
      <c r="FT3" s="422"/>
      <c r="FU3" s="422"/>
      <c r="FV3" s="422"/>
      <c r="FW3" s="422"/>
      <c r="FX3" s="422"/>
      <c r="FY3" s="422"/>
      <c r="FZ3" s="422"/>
      <c r="GA3" s="422"/>
      <c r="GB3" s="422"/>
      <c r="GC3" s="422"/>
      <c r="GD3" s="422"/>
      <c r="GE3" s="422"/>
      <c r="GF3" s="422"/>
      <c r="GG3" s="422"/>
      <c r="GH3" s="422"/>
      <c r="GI3" s="422"/>
      <c r="GJ3" s="422"/>
      <c r="GK3" s="422"/>
      <c r="GL3" s="422"/>
      <c r="GM3" s="422"/>
      <c r="GN3" s="422"/>
      <c r="GO3" s="422"/>
      <c r="GP3" s="422"/>
      <c r="GQ3" s="422"/>
      <c r="GR3" s="423"/>
      <c r="GS3" s="422" t="s">
        <v>103</v>
      </c>
      <c r="GT3" s="422"/>
      <c r="GU3" s="422"/>
      <c r="GV3" s="422"/>
      <c r="GW3" s="422"/>
      <c r="GX3" s="422"/>
      <c r="GY3" s="422"/>
      <c r="GZ3" s="422"/>
      <c r="HA3" s="422"/>
      <c r="HB3" s="422"/>
      <c r="HC3" s="422"/>
      <c r="HD3" s="422"/>
      <c r="HE3" s="422"/>
      <c r="HF3" s="422"/>
      <c r="HG3" s="422"/>
      <c r="HH3" s="422"/>
      <c r="HI3" s="422"/>
      <c r="HJ3" s="422"/>
      <c r="HK3" s="422"/>
      <c r="HL3" s="422"/>
      <c r="HM3" s="422"/>
      <c r="HN3" s="422"/>
      <c r="HO3" s="422"/>
      <c r="HP3" s="422"/>
      <c r="HQ3" s="422"/>
      <c r="HR3" s="422"/>
      <c r="HS3" s="422"/>
      <c r="HT3" s="422"/>
      <c r="HU3" s="422"/>
      <c r="HV3" s="422"/>
      <c r="HW3" s="422"/>
      <c r="HX3" s="422"/>
      <c r="HY3" s="422"/>
      <c r="HZ3" s="422"/>
      <c r="IA3" s="422"/>
      <c r="IB3" s="422"/>
      <c r="IC3" s="422"/>
      <c r="ID3" s="422"/>
      <c r="IE3" s="422"/>
      <c r="IF3" s="422"/>
      <c r="IG3" s="422"/>
      <c r="IH3" s="422"/>
      <c r="II3" s="422"/>
      <c r="IJ3" s="422"/>
      <c r="IK3" s="422"/>
      <c r="IL3" s="422"/>
      <c r="IM3" s="422"/>
      <c r="IN3" s="422"/>
      <c r="IO3" s="422"/>
      <c r="IP3" s="422"/>
      <c r="IQ3" s="422"/>
      <c r="IR3" s="422"/>
      <c r="IS3" s="422"/>
      <c r="IT3" s="422"/>
      <c r="IU3" s="422"/>
      <c r="IV3" s="422"/>
      <c r="IW3" s="422"/>
      <c r="IX3" s="422"/>
      <c r="IY3" s="422"/>
      <c r="IZ3" s="422"/>
      <c r="JA3" s="422"/>
      <c r="JB3" s="422"/>
      <c r="JC3" s="422"/>
      <c r="JD3" s="422"/>
      <c r="JE3" s="422"/>
      <c r="JF3" s="422"/>
      <c r="JG3" s="422"/>
      <c r="JH3" s="422"/>
      <c r="JI3" s="422"/>
      <c r="JJ3" s="422"/>
      <c r="JK3" s="422"/>
      <c r="JL3" s="422"/>
      <c r="JM3" s="422"/>
      <c r="JN3" s="422"/>
      <c r="JO3" s="422"/>
      <c r="JP3" s="422"/>
      <c r="JQ3" s="422"/>
      <c r="JR3" s="422"/>
      <c r="JS3" s="422"/>
      <c r="JT3" s="422"/>
      <c r="JU3" s="422"/>
      <c r="JV3" s="422"/>
      <c r="JW3" s="422"/>
      <c r="JX3" s="422"/>
      <c r="JY3" s="422"/>
      <c r="JZ3" s="422"/>
      <c r="KA3" s="422"/>
      <c r="KB3" s="422"/>
      <c r="KC3" s="422"/>
      <c r="KD3" s="422"/>
      <c r="KE3" s="422"/>
      <c r="KF3" s="422"/>
      <c r="KG3" s="422"/>
      <c r="KH3" s="422"/>
      <c r="KI3" s="422"/>
      <c r="KJ3" s="422"/>
      <c r="KK3" s="422"/>
      <c r="KL3" s="422"/>
      <c r="KM3" s="423"/>
    </row>
    <row r="4" spans="2:299" ht="21" customHeight="1" thickBot="1" x14ac:dyDescent="0.25">
      <c r="B4" s="439"/>
      <c r="C4" s="424" t="s">
        <v>39</v>
      </c>
      <c r="D4" s="425"/>
      <c r="E4" s="425"/>
      <c r="F4" s="425"/>
      <c r="G4" s="425"/>
      <c r="H4" s="425"/>
      <c r="I4" s="425"/>
      <c r="J4" s="425"/>
      <c r="K4" s="425"/>
      <c r="L4" s="425"/>
      <c r="M4" s="425"/>
      <c r="N4" s="425"/>
      <c r="O4" s="425"/>
      <c r="P4" s="425"/>
      <c r="Q4" s="425"/>
      <c r="R4" s="425"/>
      <c r="S4" s="425"/>
      <c r="T4" s="425"/>
      <c r="U4" s="425"/>
      <c r="V4" s="425"/>
      <c r="W4" s="425"/>
      <c r="X4" s="425"/>
      <c r="Y4" s="425"/>
      <c r="Z4" s="425"/>
      <c r="AA4" s="425"/>
      <c r="AB4" s="425"/>
      <c r="AC4" s="425"/>
      <c r="AD4" s="425"/>
      <c r="AE4" s="425"/>
      <c r="AF4" s="425"/>
      <c r="AG4" s="425"/>
      <c r="AH4" s="425"/>
      <c r="AI4" s="425"/>
      <c r="AJ4" s="425"/>
      <c r="AK4" s="425"/>
      <c r="AL4" s="425"/>
      <c r="AM4" s="425"/>
      <c r="AN4" s="425"/>
      <c r="AO4" s="425"/>
      <c r="AP4" s="425"/>
      <c r="AQ4" s="425"/>
      <c r="AR4" s="425"/>
      <c r="AS4" s="425"/>
      <c r="AT4" s="425"/>
      <c r="AU4" s="425"/>
      <c r="AV4" s="425"/>
      <c r="AW4" s="425"/>
      <c r="AX4" s="425"/>
      <c r="AY4" s="425"/>
      <c r="AZ4" s="425"/>
      <c r="BA4" s="425"/>
      <c r="BB4" s="425"/>
      <c r="BC4" s="425"/>
      <c r="BD4" s="425"/>
      <c r="BE4" s="425"/>
      <c r="BF4" s="425"/>
      <c r="BG4" s="425"/>
      <c r="BH4" s="425"/>
      <c r="BI4" s="425"/>
      <c r="BJ4" s="425"/>
      <c r="BK4" s="425"/>
      <c r="BL4" s="425"/>
      <c r="BM4" s="425"/>
      <c r="BN4" s="425"/>
      <c r="BO4" s="425"/>
      <c r="BP4" s="425"/>
      <c r="BQ4" s="425"/>
      <c r="BR4" s="425"/>
      <c r="BS4" s="425"/>
      <c r="BT4" s="425"/>
      <c r="BU4" s="425"/>
      <c r="BV4" s="425"/>
      <c r="BW4" s="425"/>
      <c r="BX4" s="425"/>
      <c r="BY4" s="425"/>
      <c r="BZ4" s="425"/>
      <c r="CA4" s="426"/>
      <c r="CB4" s="427" t="s">
        <v>40</v>
      </c>
      <c r="CC4" s="428"/>
      <c r="CD4" s="428"/>
      <c r="CE4" s="428"/>
      <c r="CF4" s="428"/>
      <c r="CG4" s="428"/>
      <c r="CH4" s="428"/>
      <c r="CI4" s="428"/>
      <c r="CJ4" s="428"/>
      <c r="CK4" s="428"/>
      <c r="CL4" s="429"/>
      <c r="CM4" s="427" t="s">
        <v>41</v>
      </c>
      <c r="CN4" s="428"/>
      <c r="CO4" s="428"/>
      <c r="CP4" s="428"/>
      <c r="CQ4" s="428"/>
      <c r="CR4" s="428"/>
      <c r="CS4" s="428"/>
      <c r="CT4" s="428"/>
      <c r="CU4" s="428"/>
      <c r="CV4" s="428"/>
      <c r="CW4" s="429"/>
      <c r="CX4" s="424" t="s">
        <v>39</v>
      </c>
      <c r="CY4" s="425"/>
      <c r="CZ4" s="425"/>
      <c r="DA4" s="425"/>
      <c r="DB4" s="425"/>
      <c r="DC4" s="425"/>
      <c r="DD4" s="425"/>
      <c r="DE4" s="425"/>
      <c r="DF4" s="425"/>
      <c r="DG4" s="425"/>
      <c r="DH4" s="425"/>
      <c r="DI4" s="425"/>
      <c r="DJ4" s="425"/>
      <c r="DK4" s="425"/>
      <c r="DL4" s="425"/>
      <c r="DM4" s="425"/>
      <c r="DN4" s="425"/>
      <c r="DO4" s="425"/>
      <c r="DP4" s="425"/>
      <c r="DQ4" s="425"/>
      <c r="DR4" s="425"/>
      <c r="DS4" s="425"/>
      <c r="DT4" s="425"/>
      <c r="DU4" s="425"/>
      <c r="DV4" s="425"/>
      <c r="DW4" s="425"/>
      <c r="DX4" s="425"/>
      <c r="DY4" s="425"/>
      <c r="DZ4" s="425"/>
      <c r="EA4" s="425"/>
      <c r="EB4" s="425"/>
      <c r="EC4" s="425"/>
      <c r="ED4" s="425"/>
      <c r="EE4" s="425"/>
      <c r="EF4" s="425"/>
      <c r="EG4" s="425"/>
      <c r="EH4" s="425"/>
      <c r="EI4" s="425"/>
      <c r="EJ4" s="425"/>
      <c r="EK4" s="425"/>
      <c r="EL4" s="425"/>
      <c r="EM4" s="425"/>
      <c r="EN4" s="425"/>
      <c r="EO4" s="425"/>
      <c r="EP4" s="425"/>
      <c r="EQ4" s="425"/>
      <c r="ER4" s="425"/>
      <c r="ES4" s="425"/>
      <c r="ET4" s="425"/>
      <c r="EU4" s="425"/>
      <c r="EV4" s="425"/>
      <c r="EW4" s="425"/>
      <c r="EX4" s="425"/>
      <c r="EY4" s="425"/>
      <c r="EZ4" s="425"/>
      <c r="FA4" s="425"/>
      <c r="FB4" s="425"/>
      <c r="FC4" s="425"/>
      <c r="FD4" s="425"/>
      <c r="FE4" s="425"/>
      <c r="FF4" s="425"/>
      <c r="FG4" s="425"/>
      <c r="FH4" s="425"/>
      <c r="FI4" s="425"/>
      <c r="FJ4" s="425"/>
      <c r="FK4" s="425"/>
      <c r="FL4" s="425"/>
      <c r="FM4" s="425"/>
      <c r="FN4" s="425"/>
      <c r="FO4" s="425"/>
      <c r="FP4" s="425"/>
      <c r="FQ4" s="425"/>
      <c r="FR4" s="425"/>
      <c r="FS4" s="425"/>
      <c r="FT4" s="425"/>
      <c r="FU4" s="425"/>
      <c r="FV4" s="426"/>
      <c r="FW4" s="427" t="s">
        <v>40</v>
      </c>
      <c r="FX4" s="428"/>
      <c r="FY4" s="428"/>
      <c r="FZ4" s="428"/>
      <c r="GA4" s="428"/>
      <c r="GB4" s="428"/>
      <c r="GC4" s="428"/>
      <c r="GD4" s="428"/>
      <c r="GE4" s="428"/>
      <c r="GF4" s="428"/>
      <c r="GG4" s="429"/>
      <c r="GH4" s="427" t="s">
        <v>41</v>
      </c>
      <c r="GI4" s="428"/>
      <c r="GJ4" s="428"/>
      <c r="GK4" s="428"/>
      <c r="GL4" s="428"/>
      <c r="GM4" s="428"/>
      <c r="GN4" s="428"/>
      <c r="GO4" s="428"/>
      <c r="GP4" s="428"/>
      <c r="GQ4" s="428"/>
      <c r="GR4" s="429"/>
      <c r="GS4" s="424" t="s">
        <v>39</v>
      </c>
      <c r="GT4" s="425"/>
      <c r="GU4" s="425"/>
      <c r="GV4" s="425"/>
      <c r="GW4" s="425"/>
      <c r="GX4" s="425"/>
      <c r="GY4" s="425"/>
      <c r="GZ4" s="425"/>
      <c r="HA4" s="425"/>
      <c r="HB4" s="425"/>
      <c r="HC4" s="425"/>
      <c r="HD4" s="425"/>
      <c r="HE4" s="425"/>
      <c r="HF4" s="425"/>
      <c r="HG4" s="425"/>
      <c r="HH4" s="425"/>
      <c r="HI4" s="425"/>
      <c r="HJ4" s="425"/>
      <c r="HK4" s="425"/>
      <c r="HL4" s="425"/>
      <c r="HM4" s="425"/>
      <c r="HN4" s="425"/>
      <c r="HO4" s="425"/>
      <c r="HP4" s="425"/>
      <c r="HQ4" s="425"/>
      <c r="HR4" s="425"/>
      <c r="HS4" s="425"/>
      <c r="HT4" s="425"/>
      <c r="HU4" s="425"/>
      <c r="HV4" s="425"/>
      <c r="HW4" s="425"/>
      <c r="HX4" s="425"/>
      <c r="HY4" s="425"/>
      <c r="HZ4" s="425"/>
      <c r="IA4" s="425"/>
      <c r="IB4" s="425"/>
      <c r="IC4" s="425"/>
      <c r="ID4" s="425"/>
      <c r="IE4" s="425"/>
      <c r="IF4" s="425"/>
      <c r="IG4" s="425"/>
      <c r="IH4" s="425"/>
      <c r="II4" s="425"/>
      <c r="IJ4" s="425"/>
      <c r="IK4" s="425"/>
      <c r="IL4" s="425"/>
      <c r="IM4" s="425"/>
      <c r="IN4" s="425"/>
      <c r="IO4" s="425"/>
      <c r="IP4" s="425"/>
      <c r="IQ4" s="425"/>
      <c r="IR4" s="425"/>
      <c r="IS4" s="425"/>
      <c r="IT4" s="425"/>
      <c r="IU4" s="425"/>
      <c r="IV4" s="425"/>
      <c r="IW4" s="425"/>
      <c r="IX4" s="425"/>
      <c r="IY4" s="425"/>
      <c r="IZ4" s="425"/>
      <c r="JA4" s="425"/>
      <c r="JB4" s="425"/>
      <c r="JC4" s="425"/>
      <c r="JD4" s="425"/>
      <c r="JE4" s="425"/>
      <c r="JF4" s="425"/>
      <c r="JG4" s="425"/>
      <c r="JH4" s="425"/>
      <c r="JI4" s="425"/>
      <c r="JJ4" s="425"/>
      <c r="JK4" s="425"/>
      <c r="JL4" s="425"/>
      <c r="JM4" s="425"/>
      <c r="JN4" s="425"/>
      <c r="JO4" s="425"/>
      <c r="JP4" s="425"/>
      <c r="JQ4" s="426"/>
      <c r="JR4" s="427" t="s">
        <v>40</v>
      </c>
      <c r="JS4" s="428"/>
      <c r="JT4" s="428"/>
      <c r="JU4" s="428"/>
      <c r="JV4" s="428"/>
      <c r="JW4" s="428"/>
      <c r="JX4" s="428"/>
      <c r="JY4" s="428"/>
      <c r="JZ4" s="428"/>
      <c r="KA4" s="428"/>
      <c r="KB4" s="429"/>
      <c r="KC4" s="427" t="s">
        <v>41</v>
      </c>
      <c r="KD4" s="428"/>
      <c r="KE4" s="428"/>
      <c r="KF4" s="428"/>
      <c r="KG4" s="428"/>
      <c r="KH4" s="428"/>
      <c r="KI4" s="428"/>
      <c r="KJ4" s="428"/>
      <c r="KK4" s="428"/>
      <c r="KL4" s="428"/>
      <c r="KM4" s="429"/>
    </row>
    <row r="5" spans="2:299" ht="21" customHeight="1" thickBot="1" x14ac:dyDescent="0.25">
      <c r="B5" s="433"/>
      <c r="C5" s="433"/>
      <c r="D5" s="434"/>
      <c r="E5" s="434"/>
      <c r="F5" s="434"/>
      <c r="G5" s="434"/>
      <c r="H5" s="434"/>
      <c r="I5" s="434"/>
      <c r="J5" s="434"/>
      <c r="K5" s="434"/>
      <c r="L5" s="434"/>
      <c r="M5" s="435"/>
      <c r="N5" s="436" t="s">
        <v>97</v>
      </c>
      <c r="O5" s="437"/>
      <c r="P5" s="437"/>
      <c r="Q5" s="437"/>
      <c r="R5" s="437"/>
      <c r="S5" s="437"/>
      <c r="T5" s="437"/>
      <c r="U5" s="437"/>
      <c r="V5" s="437"/>
      <c r="W5" s="437"/>
      <c r="X5" s="438"/>
      <c r="Y5" s="436" t="s">
        <v>98</v>
      </c>
      <c r="Z5" s="437"/>
      <c r="AA5" s="437"/>
      <c r="AB5" s="437"/>
      <c r="AC5" s="437"/>
      <c r="AD5" s="437"/>
      <c r="AE5" s="437"/>
      <c r="AF5" s="437"/>
      <c r="AG5" s="437"/>
      <c r="AH5" s="437"/>
      <c r="AI5" s="438"/>
      <c r="AJ5" s="436" t="s">
        <v>99</v>
      </c>
      <c r="AK5" s="437"/>
      <c r="AL5" s="437"/>
      <c r="AM5" s="437"/>
      <c r="AN5" s="437"/>
      <c r="AO5" s="437"/>
      <c r="AP5" s="437"/>
      <c r="AQ5" s="437"/>
      <c r="AR5" s="437"/>
      <c r="AS5" s="437"/>
      <c r="AT5" s="438"/>
      <c r="AU5" s="436" t="s">
        <v>100</v>
      </c>
      <c r="AV5" s="437"/>
      <c r="AW5" s="437"/>
      <c r="AX5" s="437"/>
      <c r="AY5" s="437"/>
      <c r="AZ5" s="437"/>
      <c r="BA5" s="437"/>
      <c r="BB5" s="437"/>
      <c r="BC5" s="437"/>
      <c r="BD5" s="437"/>
      <c r="BE5" s="438"/>
      <c r="BF5" s="436" t="s">
        <v>162</v>
      </c>
      <c r="BG5" s="437"/>
      <c r="BH5" s="437"/>
      <c r="BI5" s="437"/>
      <c r="BJ5" s="437"/>
      <c r="BK5" s="437"/>
      <c r="BL5" s="437"/>
      <c r="BM5" s="437"/>
      <c r="BN5" s="437"/>
      <c r="BO5" s="437"/>
      <c r="BP5" s="438"/>
      <c r="BQ5" s="436" t="s">
        <v>101</v>
      </c>
      <c r="BR5" s="437"/>
      <c r="BS5" s="437"/>
      <c r="BT5" s="437"/>
      <c r="BU5" s="437"/>
      <c r="BV5" s="437"/>
      <c r="BW5" s="437"/>
      <c r="BX5" s="437"/>
      <c r="BY5" s="437"/>
      <c r="BZ5" s="437"/>
      <c r="CA5" s="438"/>
      <c r="CB5" s="430"/>
      <c r="CC5" s="431"/>
      <c r="CD5" s="431"/>
      <c r="CE5" s="431"/>
      <c r="CF5" s="431"/>
      <c r="CG5" s="431"/>
      <c r="CH5" s="431"/>
      <c r="CI5" s="431"/>
      <c r="CJ5" s="431"/>
      <c r="CK5" s="431"/>
      <c r="CL5" s="432"/>
      <c r="CM5" s="430"/>
      <c r="CN5" s="431"/>
      <c r="CO5" s="431"/>
      <c r="CP5" s="431"/>
      <c r="CQ5" s="431"/>
      <c r="CR5" s="431"/>
      <c r="CS5" s="431"/>
      <c r="CT5" s="431"/>
      <c r="CU5" s="431"/>
      <c r="CV5" s="431"/>
      <c r="CW5" s="432"/>
      <c r="CX5" s="433"/>
      <c r="CY5" s="434"/>
      <c r="CZ5" s="434"/>
      <c r="DA5" s="434"/>
      <c r="DB5" s="434"/>
      <c r="DC5" s="434"/>
      <c r="DD5" s="434"/>
      <c r="DE5" s="434"/>
      <c r="DF5" s="434"/>
      <c r="DG5" s="434"/>
      <c r="DH5" s="435"/>
      <c r="DI5" s="436" t="s">
        <v>97</v>
      </c>
      <c r="DJ5" s="437"/>
      <c r="DK5" s="437"/>
      <c r="DL5" s="437"/>
      <c r="DM5" s="437"/>
      <c r="DN5" s="437"/>
      <c r="DO5" s="437"/>
      <c r="DP5" s="437"/>
      <c r="DQ5" s="437"/>
      <c r="DR5" s="437"/>
      <c r="DS5" s="438"/>
      <c r="DT5" s="436" t="s">
        <v>98</v>
      </c>
      <c r="DU5" s="437"/>
      <c r="DV5" s="437"/>
      <c r="DW5" s="437"/>
      <c r="DX5" s="437"/>
      <c r="DY5" s="437"/>
      <c r="DZ5" s="437"/>
      <c r="EA5" s="437"/>
      <c r="EB5" s="437"/>
      <c r="EC5" s="437"/>
      <c r="ED5" s="438"/>
      <c r="EE5" s="436" t="s">
        <v>99</v>
      </c>
      <c r="EF5" s="437"/>
      <c r="EG5" s="437"/>
      <c r="EH5" s="437"/>
      <c r="EI5" s="437"/>
      <c r="EJ5" s="437"/>
      <c r="EK5" s="437"/>
      <c r="EL5" s="437"/>
      <c r="EM5" s="437"/>
      <c r="EN5" s="437"/>
      <c r="EO5" s="438"/>
      <c r="EP5" s="436" t="s">
        <v>100</v>
      </c>
      <c r="EQ5" s="437"/>
      <c r="ER5" s="437"/>
      <c r="ES5" s="437"/>
      <c r="ET5" s="437"/>
      <c r="EU5" s="437"/>
      <c r="EV5" s="437"/>
      <c r="EW5" s="437"/>
      <c r="EX5" s="437"/>
      <c r="EY5" s="437"/>
      <c r="EZ5" s="438"/>
      <c r="FA5" s="436" t="s">
        <v>162</v>
      </c>
      <c r="FB5" s="437"/>
      <c r="FC5" s="437"/>
      <c r="FD5" s="437"/>
      <c r="FE5" s="437"/>
      <c r="FF5" s="437"/>
      <c r="FG5" s="437"/>
      <c r="FH5" s="437"/>
      <c r="FI5" s="437"/>
      <c r="FJ5" s="437"/>
      <c r="FK5" s="438"/>
      <c r="FL5" s="436" t="s">
        <v>101</v>
      </c>
      <c r="FM5" s="437"/>
      <c r="FN5" s="437"/>
      <c r="FO5" s="437"/>
      <c r="FP5" s="437"/>
      <c r="FQ5" s="437"/>
      <c r="FR5" s="437"/>
      <c r="FS5" s="437"/>
      <c r="FT5" s="437"/>
      <c r="FU5" s="437"/>
      <c r="FV5" s="438"/>
      <c r="FW5" s="430"/>
      <c r="FX5" s="431"/>
      <c r="FY5" s="431"/>
      <c r="FZ5" s="431"/>
      <c r="GA5" s="431"/>
      <c r="GB5" s="431"/>
      <c r="GC5" s="431"/>
      <c r="GD5" s="431"/>
      <c r="GE5" s="431"/>
      <c r="GF5" s="431"/>
      <c r="GG5" s="432"/>
      <c r="GH5" s="430"/>
      <c r="GI5" s="431"/>
      <c r="GJ5" s="431"/>
      <c r="GK5" s="431"/>
      <c r="GL5" s="431"/>
      <c r="GM5" s="431"/>
      <c r="GN5" s="431"/>
      <c r="GO5" s="431"/>
      <c r="GP5" s="431"/>
      <c r="GQ5" s="431"/>
      <c r="GR5" s="432"/>
      <c r="GS5" s="433"/>
      <c r="GT5" s="434"/>
      <c r="GU5" s="434"/>
      <c r="GV5" s="434"/>
      <c r="GW5" s="434"/>
      <c r="GX5" s="434"/>
      <c r="GY5" s="434"/>
      <c r="GZ5" s="434"/>
      <c r="HA5" s="434"/>
      <c r="HB5" s="434"/>
      <c r="HC5" s="435"/>
      <c r="HD5" s="436" t="s">
        <v>97</v>
      </c>
      <c r="HE5" s="437"/>
      <c r="HF5" s="437"/>
      <c r="HG5" s="437"/>
      <c r="HH5" s="437"/>
      <c r="HI5" s="437"/>
      <c r="HJ5" s="437"/>
      <c r="HK5" s="437"/>
      <c r="HL5" s="437"/>
      <c r="HM5" s="437"/>
      <c r="HN5" s="438"/>
      <c r="HO5" s="436" t="s">
        <v>98</v>
      </c>
      <c r="HP5" s="437"/>
      <c r="HQ5" s="437"/>
      <c r="HR5" s="437"/>
      <c r="HS5" s="437"/>
      <c r="HT5" s="437"/>
      <c r="HU5" s="437"/>
      <c r="HV5" s="437"/>
      <c r="HW5" s="437"/>
      <c r="HX5" s="437"/>
      <c r="HY5" s="438"/>
      <c r="HZ5" s="436" t="s">
        <v>99</v>
      </c>
      <c r="IA5" s="437"/>
      <c r="IB5" s="437"/>
      <c r="IC5" s="437"/>
      <c r="ID5" s="437"/>
      <c r="IE5" s="437"/>
      <c r="IF5" s="437"/>
      <c r="IG5" s="437"/>
      <c r="IH5" s="437"/>
      <c r="II5" s="437"/>
      <c r="IJ5" s="438"/>
      <c r="IK5" s="436" t="s">
        <v>100</v>
      </c>
      <c r="IL5" s="437"/>
      <c r="IM5" s="437"/>
      <c r="IN5" s="437"/>
      <c r="IO5" s="437"/>
      <c r="IP5" s="437"/>
      <c r="IQ5" s="437"/>
      <c r="IR5" s="437"/>
      <c r="IS5" s="437"/>
      <c r="IT5" s="437"/>
      <c r="IU5" s="438"/>
      <c r="IV5" s="436" t="s">
        <v>162</v>
      </c>
      <c r="IW5" s="437"/>
      <c r="IX5" s="437"/>
      <c r="IY5" s="437"/>
      <c r="IZ5" s="437"/>
      <c r="JA5" s="437"/>
      <c r="JB5" s="437"/>
      <c r="JC5" s="437"/>
      <c r="JD5" s="437"/>
      <c r="JE5" s="437"/>
      <c r="JF5" s="438"/>
      <c r="JG5" s="436" t="s">
        <v>101</v>
      </c>
      <c r="JH5" s="437"/>
      <c r="JI5" s="437"/>
      <c r="JJ5" s="437"/>
      <c r="JK5" s="437"/>
      <c r="JL5" s="437"/>
      <c r="JM5" s="437"/>
      <c r="JN5" s="437"/>
      <c r="JO5" s="437"/>
      <c r="JP5" s="437"/>
      <c r="JQ5" s="438"/>
      <c r="JR5" s="430"/>
      <c r="JS5" s="431"/>
      <c r="JT5" s="431"/>
      <c r="JU5" s="431"/>
      <c r="JV5" s="431"/>
      <c r="JW5" s="431"/>
      <c r="JX5" s="431"/>
      <c r="JY5" s="431"/>
      <c r="JZ5" s="431"/>
      <c r="KA5" s="431"/>
      <c r="KB5" s="432"/>
      <c r="KC5" s="430"/>
      <c r="KD5" s="431"/>
      <c r="KE5" s="431"/>
      <c r="KF5" s="431"/>
      <c r="KG5" s="431"/>
      <c r="KH5" s="431"/>
      <c r="KI5" s="431"/>
      <c r="KJ5" s="431"/>
      <c r="KK5" s="431"/>
      <c r="KL5" s="431"/>
      <c r="KM5" s="432"/>
    </row>
    <row r="6" spans="2:299" ht="30" customHeight="1" thickBot="1" x14ac:dyDescent="0.25">
      <c r="B6" s="72" t="s">
        <v>42</v>
      </c>
      <c r="C6" s="73" t="s">
        <v>43</v>
      </c>
      <c r="D6" s="74" t="s">
        <v>44</v>
      </c>
      <c r="E6" s="75" t="s">
        <v>45</v>
      </c>
      <c r="F6" s="76" t="s">
        <v>46</v>
      </c>
      <c r="G6" s="74" t="s">
        <v>47</v>
      </c>
      <c r="H6" s="74" t="s">
        <v>48</v>
      </c>
      <c r="I6" s="74" t="s">
        <v>49</v>
      </c>
      <c r="J6" s="74" t="s">
        <v>50</v>
      </c>
      <c r="K6" s="74" t="s">
        <v>51</v>
      </c>
      <c r="L6" s="75" t="s">
        <v>45</v>
      </c>
      <c r="M6" s="77" t="s">
        <v>52</v>
      </c>
      <c r="N6" s="78" t="s">
        <v>43</v>
      </c>
      <c r="O6" s="79" t="s">
        <v>44</v>
      </c>
      <c r="P6" s="80" t="s">
        <v>45</v>
      </c>
      <c r="Q6" s="81" t="s">
        <v>46</v>
      </c>
      <c r="R6" s="79" t="s">
        <v>47</v>
      </c>
      <c r="S6" s="79" t="s">
        <v>48</v>
      </c>
      <c r="T6" s="79" t="s">
        <v>49</v>
      </c>
      <c r="U6" s="79" t="s">
        <v>50</v>
      </c>
      <c r="V6" s="79" t="s">
        <v>51</v>
      </c>
      <c r="W6" s="80" t="s">
        <v>45</v>
      </c>
      <c r="X6" s="82" t="s">
        <v>52</v>
      </c>
      <c r="Y6" s="78" t="s">
        <v>43</v>
      </c>
      <c r="Z6" s="79" t="s">
        <v>44</v>
      </c>
      <c r="AA6" s="80" t="s">
        <v>45</v>
      </c>
      <c r="AB6" s="81" t="s">
        <v>46</v>
      </c>
      <c r="AC6" s="79" t="s">
        <v>47</v>
      </c>
      <c r="AD6" s="79" t="s">
        <v>48</v>
      </c>
      <c r="AE6" s="79" t="s">
        <v>49</v>
      </c>
      <c r="AF6" s="79" t="s">
        <v>50</v>
      </c>
      <c r="AG6" s="79" t="s">
        <v>51</v>
      </c>
      <c r="AH6" s="80" t="s">
        <v>45</v>
      </c>
      <c r="AI6" s="83" t="s">
        <v>52</v>
      </c>
      <c r="AJ6" s="78" t="s">
        <v>43</v>
      </c>
      <c r="AK6" s="79" t="s">
        <v>44</v>
      </c>
      <c r="AL6" s="80" t="s">
        <v>45</v>
      </c>
      <c r="AM6" s="81" t="s">
        <v>46</v>
      </c>
      <c r="AN6" s="79" t="s">
        <v>47</v>
      </c>
      <c r="AO6" s="79" t="s">
        <v>48</v>
      </c>
      <c r="AP6" s="79" t="s">
        <v>49</v>
      </c>
      <c r="AQ6" s="79" t="s">
        <v>50</v>
      </c>
      <c r="AR6" s="79" t="s">
        <v>51</v>
      </c>
      <c r="AS6" s="80" t="s">
        <v>45</v>
      </c>
      <c r="AT6" s="83" t="s">
        <v>52</v>
      </c>
      <c r="AU6" s="78" t="s">
        <v>43</v>
      </c>
      <c r="AV6" s="79" t="s">
        <v>44</v>
      </c>
      <c r="AW6" s="80" t="s">
        <v>45</v>
      </c>
      <c r="AX6" s="81" t="s">
        <v>46</v>
      </c>
      <c r="AY6" s="79" t="s">
        <v>47</v>
      </c>
      <c r="AZ6" s="79" t="s">
        <v>48</v>
      </c>
      <c r="BA6" s="79" t="s">
        <v>49</v>
      </c>
      <c r="BB6" s="79" t="s">
        <v>50</v>
      </c>
      <c r="BC6" s="79" t="s">
        <v>51</v>
      </c>
      <c r="BD6" s="80" t="s">
        <v>45</v>
      </c>
      <c r="BE6" s="83" t="s">
        <v>52</v>
      </c>
      <c r="BF6" s="78" t="s">
        <v>43</v>
      </c>
      <c r="BG6" s="79" t="s">
        <v>44</v>
      </c>
      <c r="BH6" s="80" t="s">
        <v>45</v>
      </c>
      <c r="BI6" s="81" t="s">
        <v>46</v>
      </c>
      <c r="BJ6" s="79" t="s">
        <v>47</v>
      </c>
      <c r="BK6" s="79" t="s">
        <v>48</v>
      </c>
      <c r="BL6" s="79" t="s">
        <v>49</v>
      </c>
      <c r="BM6" s="79" t="s">
        <v>50</v>
      </c>
      <c r="BN6" s="79" t="s">
        <v>51</v>
      </c>
      <c r="BO6" s="80" t="s">
        <v>45</v>
      </c>
      <c r="BP6" s="83" t="s">
        <v>52</v>
      </c>
      <c r="BQ6" s="78" t="s">
        <v>43</v>
      </c>
      <c r="BR6" s="79" t="s">
        <v>44</v>
      </c>
      <c r="BS6" s="80" t="s">
        <v>45</v>
      </c>
      <c r="BT6" s="81" t="s">
        <v>46</v>
      </c>
      <c r="BU6" s="79" t="s">
        <v>47</v>
      </c>
      <c r="BV6" s="79" t="s">
        <v>48</v>
      </c>
      <c r="BW6" s="79" t="s">
        <v>49</v>
      </c>
      <c r="BX6" s="79" t="s">
        <v>50</v>
      </c>
      <c r="BY6" s="79" t="s">
        <v>51</v>
      </c>
      <c r="BZ6" s="80" t="s">
        <v>45</v>
      </c>
      <c r="CA6" s="83" t="s">
        <v>52</v>
      </c>
      <c r="CB6" s="78" t="s">
        <v>43</v>
      </c>
      <c r="CC6" s="79" t="s">
        <v>44</v>
      </c>
      <c r="CD6" s="80" t="s">
        <v>45</v>
      </c>
      <c r="CE6" s="81" t="s">
        <v>46</v>
      </c>
      <c r="CF6" s="79" t="s">
        <v>47</v>
      </c>
      <c r="CG6" s="79" t="s">
        <v>48</v>
      </c>
      <c r="CH6" s="79" t="s">
        <v>49</v>
      </c>
      <c r="CI6" s="79" t="s">
        <v>50</v>
      </c>
      <c r="CJ6" s="79" t="s">
        <v>51</v>
      </c>
      <c r="CK6" s="80" t="s">
        <v>45</v>
      </c>
      <c r="CL6" s="83" t="s">
        <v>52</v>
      </c>
      <c r="CM6" s="78" t="s">
        <v>43</v>
      </c>
      <c r="CN6" s="79" t="s">
        <v>44</v>
      </c>
      <c r="CO6" s="80" t="s">
        <v>45</v>
      </c>
      <c r="CP6" s="81" t="s">
        <v>46</v>
      </c>
      <c r="CQ6" s="79" t="s">
        <v>47</v>
      </c>
      <c r="CR6" s="79" t="s">
        <v>48</v>
      </c>
      <c r="CS6" s="79" t="s">
        <v>49</v>
      </c>
      <c r="CT6" s="79" t="s">
        <v>50</v>
      </c>
      <c r="CU6" s="79" t="s">
        <v>51</v>
      </c>
      <c r="CV6" s="80" t="s">
        <v>45</v>
      </c>
      <c r="CW6" s="83" t="s">
        <v>52</v>
      </c>
      <c r="CX6" s="73" t="s">
        <v>43</v>
      </c>
      <c r="CY6" s="74" t="s">
        <v>44</v>
      </c>
      <c r="CZ6" s="75" t="s">
        <v>45</v>
      </c>
      <c r="DA6" s="76" t="s">
        <v>46</v>
      </c>
      <c r="DB6" s="74" t="s">
        <v>47</v>
      </c>
      <c r="DC6" s="74" t="s">
        <v>48</v>
      </c>
      <c r="DD6" s="74" t="s">
        <v>49</v>
      </c>
      <c r="DE6" s="74" t="s">
        <v>50</v>
      </c>
      <c r="DF6" s="74" t="s">
        <v>51</v>
      </c>
      <c r="DG6" s="75" t="s">
        <v>45</v>
      </c>
      <c r="DH6" s="77" t="s">
        <v>52</v>
      </c>
      <c r="DI6" s="78" t="s">
        <v>43</v>
      </c>
      <c r="DJ6" s="79" t="s">
        <v>44</v>
      </c>
      <c r="DK6" s="80" t="s">
        <v>45</v>
      </c>
      <c r="DL6" s="81" t="s">
        <v>46</v>
      </c>
      <c r="DM6" s="79" t="s">
        <v>47</v>
      </c>
      <c r="DN6" s="79" t="s">
        <v>48</v>
      </c>
      <c r="DO6" s="79" t="s">
        <v>49</v>
      </c>
      <c r="DP6" s="79" t="s">
        <v>50</v>
      </c>
      <c r="DQ6" s="79" t="s">
        <v>51</v>
      </c>
      <c r="DR6" s="80" t="s">
        <v>45</v>
      </c>
      <c r="DS6" s="83" t="s">
        <v>52</v>
      </c>
      <c r="DT6" s="78" t="s">
        <v>43</v>
      </c>
      <c r="DU6" s="79" t="s">
        <v>44</v>
      </c>
      <c r="DV6" s="80" t="s">
        <v>45</v>
      </c>
      <c r="DW6" s="81" t="s">
        <v>46</v>
      </c>
      <c r="DX6" s="79" t="s">
        <v>47</v>
      </c>
      <c r="DY6" s="79" t="s">
        <v>48</v>
      </c>
      <c r="DZ6" s="79" t="s">
        <v>49</v>
      </c>
      <c r="EA6" s="79" t="s">
        <v>50</v>
      </c>
      <c r="EB6" s="79" t="s">
        <v>51</v>
      </c>
      <c r="EC6" s="80" t="s">
        <v>45</v>
      </c>
      <c r="ED6" s="83" t="s">
        <v>52</v>
      </c>
      <c r="EE6" s="78" t="s">
        <v>43</v>
      </c>
      <c r="EF6" s="79" t="s">
        <v>44</v>
      </c>
      <c r="EG6" s="80" t="s">
        <v>45</v>
      </c>
      <c r="EH6" s="81" t="s">
        <v>46</v>
      </c>
      <c r="EI6" s="79" t="s">
        <v>47</v>
      </c>
      <c r="EJ6" s="79" t="s">
        <v>48</v>
      </c>
      <c r="EK6" s="79" t="s">
        <v>49</v>
      </c>
      <c r="EL6" s="79" t="s">
        <v>50</v>
      </c>
      <c r="EM6" s="79" t="s">
        <v>51</v>
      </c>
      <c r="EN6" s="80" t="s">
        <v>45</v>
      </c>
      <c r="EO6" s="83" t="s">
        <v>52</v>
      </c>
      <c r="EP6" s="78" t="s">
        <v>43</v>
      </c>
      <c r="EQ6" s="79" t="s">
        <v>44</v>
      </c>
      <c r="ER6" s="80" t="s">
        <v>45</v>
      </c>
      <c r="ES6" s="81" t="s">
        <v>46</v>
      </c>
      <c r="ET6" s="79" t="s">
        <v>47</v>
      </c>
      <c r="EU6" s="79" t="s">
        <v>48</v>
      </c>
      <c r="EV6" s="79" t="s">
        <v>49</v>
      </c>
      <c r="EW6" s="79" t="s">
        <v>50</v>
      </c>
      <c r="EX6" s="79" t="s">
        <v>51</v>
      </c>
      <c r="EY6" s="80" t="s">
        <v>45</v>
      </c>
      <c r="EZ6" s="83" t="s">
        <v>52</v>
      </c>
      <c r="FA6" s="78" t="s">
        <v>43</v>
      </c>
      <c r="FB6" s="79" t="s">
        <v>44</v>
      </c>
      <c r="FC6" s="80" t="s">
        <v>45</v>
      </c>
      <c r="FD6" s="81" t="s">
        <v>46</v>
      </c>
      <c r="FE6" s="79" t="s">
        <v>47</v>
      </c>
      <c r="FF6" s="79" t="s">
        <v>48</v>
      </c>
      <c r="FG6" s="79" t="s">
        <v>49</v>
      </c>
      <c r="FH6" s="79" t="s">
        <v>50</v>
      </c>
      <c r="FI6" s="79" t="s">
        <v>51</v>
      </c>
      <c r="FJ6" s="80" t="s">
        <v>45</v>
      </c>
      <c r="FK6" s="83" t="s">
        <v>52</v>
      </c>
      <c r="FL6" s="78" t="s">
        <v>43</v>
      </c>
      <c r="FM6" s="79" t="s">
        <v>44</v>
      </c>
      <c r="FN6" s="80" t="s">
        <v>45</v>
      </c>
      <c r="FO6" s="81" t="s">
        <v>46</v>
      </c>
      <c r="FP6" s="79" t="s">
        <v>47</v>
      </c>
      <c r="FQ6" s="79" t="s">
        <v>48</v>
      </c>
      <c r="FR6" s="79" t="s">
        <v>49</v>
      </c>
      <c r="FS6" s="79" t="s">
        <v>50</v>
      </c>
      <c r="FT6" s="79" t="s">
        <v>51</v>
      </c>
      <c r="FU6" s="80" t="s">
        <v>45</v>
      </c>
      <c r="FV6" s="83" t="s">
        <v>52</v>
      </c>
      <c r="FW6" s="78" t="s">
        <v>43</v>
      </c>
      <c r="FX6" s="79" t="s">
        <v>44</v>
      </c>
      <c r="FY6" s="80" t="s">
        <v>45</v>
      </c>
      <c r="FZ6" s="81" t="s">
        <v>46</v>
      </c>
      <c r="GA6" s="79" t="s">
        <v>47</v>
      </c>
      <c r="GB6" s="79" t="s">
        <v>48</v>
      </c>
      <c r="GC6" s="79" t="s">
        <v>49</v>
      </c>
      <c r="GD6" s="79" t="s">
        <v>50</v>
      </c>
      <c r="GE6" s="79" t="s">
        <v>51</v>
      </c>
      <c r="GF6" s="80" t="s">
        <v>45</v>
      </c>
      <c r="GG6" s="83" t="s">
        <v>52</v>
      </c>
      <c r="GH6" s="78" t="s">
        <v>43</v>
      </c>
      <c r="GI6" s="79" t="s">
        <v>44</v>
      </c>
      <c r="GJ6" s="80" t="s">
        <v>45</v>
      </c>
      <c r="GK6" s="81" t="s">
        <v>46</v>
      </c>
      <c r="GL6" s="79" t="s">
        <v>47</v>
      </c>
      <c r="GM6" s="79" t="s">
        <v>48</v>
      </c>
      <c r="GN6" s="79" t="s">
        <v>49</v>
      </c>
      <c r="GO6" s="79" t="s">
        <v>50</v>
      </c>
      <c r="GP6" s="79" t="s">
        <v>51</v>
      </c>
      <c r="GQ6" s="80" t="s">
        <v>45</v>
      </c>
      <c r="GR6" s="83" t="s">
        <v>52</v>
      </c>
      <c r="GS6" s="73" t="s">
        <v>43</v>
      </c>
      <c r="GT6" s="74" t="s">
        <v>44</v>
      </c>
      <c r="GU6" s="75" t="s">
        <v>45</v>
      </c>
      <c r="GV6" s="76" t="s">
        <v>46</v>
      </c>
      <c r="GW6" s="74" t="s">
        <v>47</v>
      </c>
      <c r="GX6" s="74" t="s">
        <v>48</v>
      </c>
      <c r="GY6" s="74" t="s">
        <v>49</v>
      </c>
      <c r="GZ6" s="74" t="s">
        <v>50</v>
      </c>
      <c r="HA6" s="74" t="s">
        <v>51</v>
      </c>
      <c r="HB6" s="75" t="s">
        <v>45</v>
      </c>
      <c r="HC6" s="77" t="s">
        <v>52</v>
      </c>
      <c r="HD6" s="78" t="s">
        <v>43</v>
      </c>
      <c r="HE6" s="79" t="s">
        <v>44</v>
      </c>
      <c r="HF6" s="80" t="s">
        <v>45</v>
      </c>
      <c r="HG6" s="81" t="s">
        <v>46</v>
      </c>
      <c r="HH6" s="79" t="s">
        <v>47</v>
      </c>
      <c r="HI6" s="79" t="s">
        <v>48</v>
      </c>
      <c r="HJ6" s="79" t="s">
        <v>49</v>
      </c>
      <c r="HK6" s="79" t="s">
        <v>50</v>
      </c>
      <c r="HL6" s="79" t="s">
        <v>51</v>
      </c>
      <c r="HM6" s="80" t="s">
        <v>45</v>
      </c>
      <c r="HN6" s="83" t="s">
        <v>52</v>
      </c>
      <c r="HO6" s="78" t="s">
        <v>43</v>
      </c>
      <c r="HP6" s="79" t="s">
        <v>44</v>
      </c>
      <c r="HQ6" s="80" t="s">
        <v>45</v>
      </c>
      <c r="HR6" s="81" t="s">
        <v>46</v>
      </c>
      <c r="HS6" s="79" t="s">
        <v>47</v>
      </c>
      <c r="HT6" s="79" t="s">
        <v>48</v>
      </c>
      <c r="HU6" s="79" t="s">
        <v>49</v>
      </c>
      <c r="HV6" s="79" t="s">
        <v>50</v>
      </c>
      <c r="HW6" s="79" t="s">
        <v>51</v>
      </c>
      <c r="HX6" s="80" t="s">
        <v>45</v>
      </c>
      <c r="HY6" s="83" t="s">
        <v>52</v>
      </c>
      <c r="HZ6" s="78" t="s">
        <v>43</v>
      </c>
      <c r="IA6" s="79" t="s">
        <v>44</v>
      </c>
      <c r="IB6" s="80" t="s">
        <v>45</v>
      </c>
      <c r="IC6" s="81" t="s">
        <v>46</v>
      </c>
      <c r="ID6" s="79" t="s">
        <v>47</v>
      </c>
      <c r="IE6" s="79" t="s">
        <v>48</v>
      </c>
      <c r="IF6" s="79" t="s">
        <v>49</v>
      </c>
      <c r="IG6" s="79" t="s">
        <v>50</v>
      </c>
      <c r="IH6" s="79" t="s">
        <v>51</v>
      </c>
      <c r="II6" s="80" t="s">
        <v>45</v>
      </c>
      <c r="IJ6" s="83" t="s">
        <v>52</v>
      </c>
      <c r="IK6" s="78" t="s">
        <v>43</v>
      </c>
      <c r="IL6" s="79" t="s">
        <v>44</v>
      </c>
      <c r="IM6" s="80" t="s">
        <v>45</v>
      </c>
      <c r="IN6" s="81" t="s">
        <v>46</v>
      </c>
      <c r="IO6" s="79" t="s">
        <v>47</v>
      </c>
      <c r="IP6" s="79" t="s">
        <v>48</v>
      </c>
      <c r="IQ6" s="79" t="s">
        <v>49</v>
      </c>
      <c r="IR6" s="79" t="s">
        <v>50</v>
      </c>
      <c r="IS6" s="79" t="s">
        <v>51</v>
      </c>
      <c r="IT6" s="80" t="s">
        <v>45</v>
      </c>
      <c r="IU6" s="83" t="s">
        <v>52</v>
      </c>
      <c r="IV6" s="78" t="s">
        <v>43</v>
      </c>
      <c r="IW6" s="79" t="s">
        <v>44</v>
      </c>
      <c r="IX6" s="80" t="s">
        <v>45</v>
      </c>
      <c r="IY6" s="81" t="s">
        <v>46</v>
      </c>
      <c r="IZ6" s="79" t="s">
        <v>47</v>
      </c>
      <c r="JA6" s="79" t="s">
        <v>48</v>
      </c>
      <c r="JB6" s="79" t="s">
        <v>49</v>
      </c>
      <c r="JC6" s="79" t="s">
        <v>50</v>
      </c>
      <c r="JD6" s="79" t="s">
        <v>51</v>
      </c>
      <c r="JE6" s="80" t="s">
        <v>45</v>
      </c>
      <c r="JF6" s="83" t="s">
        <v>52</v>
      </c>
      <c r="JG6" s="78" t="s">
        <v>43</v>
      </c>
      <c r="JH6" s="79" t="s">
        <v>44</v>
      </c>
      <c r="JI6" s="80" t="s">
        <v>45</v>
      </c>
      <c r="JJ6" s="81" t="s">
        <v>46</v>
      </c>
      <c r="JK6" s="79" t="s">
        <v>47</v>
      </c>
      <c r="JL6" s="79" t="s">
        <v>48</v>
      </c>
      <c r="JM6" s="79" t="s">
        <v>49</v>
      </c>
      <c r="JN6" s="79" t="s">
        <v>50</v>
      </c>
      <c r="JO6" s="79" t="s">
        <v>51</v>
      </c>
      <c r="JP6" s="80" t="s">
        <v>45</v>
      </c>
      <c r="JQ6" s="83" t="s">
        <v>52</v>
      </c>
      <c r="JR6" s="78" t="s">
        <v>43</v>
      </c>
      <c r="JS6" s="79" t="s">
        <v>44</v>
      </c>
      <c r="JT6" s="80" t="s">
        <v>45</v>
      </c>
      <c r="JU6" s="81" t="s">
        <v>46</v>
      </c>
      <c r="JV6" s="79" t="s">
        <v>47</v>
      </c>
      <c r="JW6" s="79" t="s">
        <v>48</v>
      </c>
      <c r="JX6" s="79" t="s">
        <v>49</v>
      </c>
      <c r="JY6" s="79" t="s">
        <v>50</v>
      </c>
      <c r="JZ6" s="79" t="s">
        <v>51</v>
      </c>
      <c r="KA6" s="80" t="s">
        <v>45</v>
      </c>
      <c r="KB6" s="83" t="s">
        <v>52</v>
      </c>
      <c r="KC6" s="78" t="s">
        <v>43</v>
      </c>
      <c r="KD6" s="79" t="s">
        <v>44</v>
      </c>
      <c r="KE6" s="80" t="s">
        <v>45</v>
      </c>
      <c r="KF6" s="81" t="s">
        <v>46</v>
      </c>
      <c r="KG6" s="79" t="s">
        <v>47</v>
      </c>
      <c r="KH6" s="79" t="s">
        <v>48</v>
      </c>
      <c r="KI6" s="79" t="s">
        <v>49</v>
      </c>
      <c r="KJ6" s="79" t="s">
        <v>50</v>
      </c>
      <c r="KK6" s="79" t="s">
        <v>51</v>
      </c>
      <c r="KL6" s="80" t="s">
        <v>45</v>
      </c>
      <c r="KM6" s="83" t="s">
        <v>52</v>
      </c>
    </row>
    <row r="7" spans="2:299" s="70" customFormat="1" ht="21" customHeight="1" x14ac:dyDescent="0.2">
      <c r="B7" s="84" t="s">
        <v>4</v>
      </c>
      <c r="C7" s="85">
        <v>3581</v>
      </c>
      <c r="D7" s="86">
        <v>3512</v>
      </c>
      <c r="E7" s="87">
        <v>7093</v>
      </c>
      <c r="F7" s="412">
        <v>0</v>
      </c>
      <c r="G7" s="86">
        <v>4546</v>
      </c>
      <c r="H7" s="86">
        <v>4267</v>
      </c>
      <c r="I7" s="86">
        <v>2558</v>
      </c>
      <c r="J7" s="86">
        <v>2107</v>
      </c>
      <c r="K7" s="86">
        <v>1404</v>
      </c>
      <c r="L7" s="88">
        <v>14882</v>
      </c>
      <c r="M7" s="89">
        <v>21975</v>
      </c>
      <c r="N7" s="90">
        <v>122</v>
      </c>
      <c r="O7" s="91">
        <v>154</v>
      </c>
      <c r="P7" s="92">
        <v>276</v>
      </c>
      <c r="Q7" s="412">
        <v>0</v>
      </c>
      <c r="R7" s="91">
        <v>113</v>
      </c>
      <c r="S7" s="91">
        <v>132</v>
      </c>
      <c r="T7" s="91">
        <v>83</v>
      </c>
      <c r="U7" s="91">
        <v>81</v>
      </c>
      <c r="V7" s="91">
        <v>68</v>
      </c>
      <c r="W7" s="92">
        <v>477</v>
      </c>
      <c r="X7" s="93">
        <v>753</v>
      </c>
      <c r="Y7" s="90">
        <v>227</v>
      </c>
      <c r="Z7" s="91">
        <v>264</v>
      </c>
      <c r="AA7" s="92">
        <v>491</v>
      </c>
      <c r="AB7" s="412">
        <v>0</v>
      </c>
      <c r="AC7" s="91">
        <v>266</v>
      </c>
      <c r="AD7" s="91">
        <v>298</v>
      </c>
      <c r="AE7" s="91">
        <v>174</v>
      </c>
      <c r="AF7" s="91">
        <v>162</v>
      </c>
      <c r="AG7" s="91">
        <v>110</v>
      </c>
      <c r="AH7" s="92">
        <v>1010</v>
      </c>
      <c r="AI7" s="93">
        <v>1501</v>
      </c>
      <c r="AJ7" s="90">
        <v>404</v>
      </c>
      <c r="AK7" s="91">
        <v>435</v>
      </c>
      <c r="AL7" s="92">
        <v>839</v>
      </c>
      <c r="AM7" s="412">
        <v>0</v>
      </c>
      <c r="AN7" s="91">
        <v>520</v>
      </c>
      <c r="AO7" s="91">
        <v>475</v>
      </c>
      <c r="AP7" s="91">
        <v>274</v>
      </c>
      <c r="AQ7" s="91">
        <v>240</v>
      </c>
      <c r="AR7" s="91">
        <v>199</v>
      </c>
      <c r="AS7" s="92">
        <v>1708</v>
      </c>
      <c r="AT7" s="93">
        <v>2547</v>
      </c>
      <c r="AU7" s="90">
        <v>820</v>
      </c>
      <c r="AV7" s="91">
        <v>747</v>
      </c>
      <c r="AW7" s="92">
        <v>1567</v>
      </c>
      <c r="AX7" s="412">
        <v>0</v>
      </c>
      <c r="AY7" s="91">
        <v>1019</v>
      </c>
      <c r="AZ7" s="91">
        <v>895</v>
      </c>
      <c r="BA7" s="91">
        <v>494</v>
      </c>
      <c r="BB7" s="91">
        <v>419</v>
      </c>
      <c r="BC7" s="91">
        <v>276</v>
      </c>
      <c r="BD7" s="92">
        <v>3103</v>
      </c>
      <c r="BE7" s="93">
        <v>4670</v>
      </c>
      <c r="BF7" s="90">
        <v>1157</v>
      </c>
      <c r="BG7" s="91">
        <v>995</v>
      </c>
      <c r="BH7" s="92">
        <v>2152</v>
      </c>
      <c r="BI7" s="412">
        <v>0</v>
      </c>
      <c r="BJ7" s="91">
        <v>1362</v>
      </c>
      <c r="BK7" s="91">
        <v>1169</v>
      </c>
      <c r="BL7" s="91">
        <v>689</v>
      </c>
      <c r="BM7" s="91">
        <v>544</v>
      </c>
      <c r="BN7" s="91">
        <v>361</v>
      </c>
      <c r="BO7" s="92">
        <v>4125</v>
      </c>
      <c r="BP7" s="93">
        <v>6277</v>
      </c>
      <c r="BQ7" s="90">
        <v>851</v>
      </c>
      <c r="BR7" s="91">
        <v>917</v>
      </c>
      <c r="BS7" s="92">
        <v>1768</v>
      </c>
      <c r="BT7" s="412">
        <v>0</v>
      </c>
      <c r="BU7" s="91">
        <v>1266</v>
      </c>
      <c r="BV7" s="91">
        <v>1298</v>
      </c>
      <c r="BW7" s="91">
        <v>844</v>
      </c>
      <c r="BX7" s="91">
        <v>661</v>
      </c>
      <c r="BY7" s="91">
        <v>390</v>
      </c>
      <c r="BZ7" s="92">
        <v>4459</v>
      </c>
      <c r="CA7" s="93">
        <v>6227</v>
      </c>
      <c r="CB7" s="90">
        <v>0</v>
      </c>
      <c r="CC7" s="91">
        <v>0</v>
      </c>
      <c r="CD7" s="92">
        <v>0</v>
      </c>
      <c r="CE7" s="412">
        <v>0</v>
      </c>
      <c r="CF7" s="91">
        <v>0</v>
      </c>
      <c r="CG7" s="91">
        <v>0</v>
      </c>
      <c r="CH7" s="91">
        <v>0</v>
      </c>
      <c r="CI7" s="91">
        <v>0</v>
      </c>
      <c r="CJ7" s="91">
        <v>0</v>
      </c>
      <c r="CK7" s="92">
        <v>0</v>
      </c>
      <c r="CL7" s="93">
        <v>0</v>
      </c>
      <c r="CM7" s="90">
        <v>3581</v>
      </c>
      <c r="CN7" s="91">
        <v>3512</v>
      </c>
      <c r="CO7" s="92">
        <v>7093</v>
      </c>
      <c r="CP7" s="412">
        <v>0</v>
      </c>
      <c r="CQ7" s="91">
        <v>4546</v>
      </c>
      <c r="CR7" s="91">
        <v>4267</v>
      </c>
      <c r="CS7" s="91">
        <v>2558</v>
      </c>
      <c r="CT7" s="91">
        <v>2107</v>
      </c>
      <c r="CU7" s="91">
        <v>1404</v>
      </c>
      <c r="CV7" s="92">
        <v>14882</v>
      </c>
      <c r="CW7" s="93">
        <v>21975</v>
      </c>
      <c r="CX7" s="94">
        <v>1294</v>
      </c>
      <c r="CY7" s="86">
        <v>1517</v>
      </c>
      <c r="CZ7" s="87">
        <v>2811</v>
      </c>
      <c r="DA7" s="412">
        <v>0</v>
      </c>
      <c r="DB7" s="86">
        <v>1814</v>
      </c>
      <c r="DC7" s="86">
        <v>1735</v>
      </c>
      <c r="DD7" s="86">
        <v>1090</v>
      </c>
      <c r="DE7" s="86">
        <v>1126</v>
      </c>
      <c r="DF7" s="86">
        <v>732</v>
      </c>
      <c r="DG7" s="88">
        <v>6497</v>
      </c>
      <c r="DH7" s="89">
        <v>9308</v>
      </c>
      <c r="DI7" s="90">
        <v>30</v>
      </c>
      <c r="DJ7" s="91">
        <v>35</v>
      </c>
      <c r="DK7" s="92">
        <v>65</v>
      </c>
      <c r="DL7" s="412">
        <v>0</v>
      </c>
      <c r="DM7" s="91">
        <v>23</v>
      </c>
      <c r="DN7" s="91">
        <v>44</v>
      </c>
      <c r="DO7" s="91">
        <v>18</v>
      </c>
      <c r="DP7" s="91">
        <v>20</v>
      </c>
      <c r="DQ7" s="91">
        <v>13</v>
      </c>
      <c r="DR7" s="92">
        <v>118</v>
      </c>
      <c r="DS7" s="93">
        <v>183</v>
      </c>
      <c r="DT7" s="90">
        <v>86</v>
      </c>
      <c r="DU7" s="91">
        <v>92</v>
      </c>
      <c r="DV7" s="92">
        <v>178</v>
      </c>
      <c r="DW7" s="412">
        <v>0</v>
      </c>
      <c r="DX7" s="91">
        <v>73</v>
      </c>
      <c r="DY7" s="91">
        <v>75</v>
      </c>
      <c r="DZ7" s="91">
        <v>43</v>
      </c>
      <c r="EA7" s="91">
        <v>34</v>
      </c>
      <c r="EB7" s="91">
        <v>33</v>
      </c>
      <c r="EC7" s="92">
        <v>258</v>
      </c>
      <c r="ED7" s="93">
        <v>436</v>
      </c>
      <c r="EE7" s="90">
        <v>196</v>
      </c>
      <c r="EF7" s="91">
        <v>222</v>
      </c>
      <c r="EG7" s="92">
        <v>418</v>
      </c>
      <c r="EH7" s="412">
        <v>0</v>
      </c>
      <c r="EI7" s="91">
        <v>205</v>
      </c>
      <c r="EJ7" s="91">
        <v>179</v>
      </c>
      <c r="EK7" s="91">
        <v>82</v>
      </c>
      <c r="EL7" s="91">
        <v>59</v>
      </c>
      <c r="EM7" s="91">
        <v>65</v>
      </c>
      <c r="EN7" s="92">
        <v>590</v>
      </c>
      <c r="EO7" s="93">
        <v>1008</v>
      </c>
      <c r="EP7" s="90">
        <v>391</v>
      </c>
      <c r="EQ7" s="91">
        <v>361</v>
      </c>
      <c r="ER7" s="92">
        <v>752</v>
      </c>
      <c r="ES7" s="412">
        <v>0</v>
      </c>
      <c r="ET7" s="91">
        <v>362</v>
      </c>
      <c r="EU7" s="91">
        <v>294</v>
      </c>
      <c r="EV7" s="91">
        <v>166</v>
      </c>
      <c r="EW7" s="91">
        <v>162</v>
      </c>
      <c r="EX7" s="91">
        <v>107</v>
      </c>
      <c r="EY7" s="92">
        <v>1091</v>
      </c>
      <c r="EZ7" s="93">
        <v>1843</v>
      </c>
      <c r="FA7" s="90">
        <v>345</v>
      </c>
      <c r="FB7" s="91">
        <v>457</v>
      </c>
      <c r="FC7" s="92">
        <v>802</v>
      </c>
      <c r="FD7" s="412">
        <v>0</v>
      </c>
      <c r="FE7" s="91">
        <v>575</v>
      </c>
      <c r="FF7" s="91">
        <v>478</v>
      </c>
      <c r="FG7" s="91">
        <v>260</v>
      </c>
      <c r="FH7" s="91">
        <v>265</v>
      </c>
      <c r="FI7" s="91">
        <v>176</v>
      </c>
      <c r="FJ7" s="92">
        <v>1754</v>
      </c>
      <c r="FK7" s="93">
        <v>2556</v>
      </c>
      <c r="FL7" s="90">
        <v>246</v>
      </c>
      <c r="FM7" s="91">
        <v>350</v>
      </c>
      <c r="FN7" s="92">
        <v>596</v>
      </c>
      <c r="FO7" s="412">
        <v>0</v>
      </c>
      <c r="FP7" s="91">
        <v>576</v>
      </c>
      <c r="FQ7" s="91">
        <v>665</v>
      </c>
      <c r="FR7" s="91">
        <v>521</v>
      </c>
      <c r="FS7" s="91">
        <v>586</v>
      </c>
      <c r="FT7" s="91">
        <v>338</v>
      </c>
      <c r="FU7" s="92">
        <v>2686</v>
      </c>
      <c r="FV7" s="93">
        <v>3282</v>
      </c>
      <c r="FW7" s="90">
        <v>0</v>
      </c>
      <c r="FX7" s="91">
        <v>0</v>
      </c>
      <c r="FY7" s="92">
        <v>0</v>
      </c>
      <c r="FZ7" s="412">
        <v>0</v>
      </c>
      <c r="GA7" s="91">
        <v>0</v>
      </c>
      <c r="GB7" s="91">
        <v>0</v>
      </c>
      <c r="GC7" s="91">
        <v>0</v>
      </c>
      <c r="GD7" s="91">
        <v>0</v>
      </c>
      <c r="GE7" s="91">
        <v>0</v>
      </c>
      <c r="GF7" s="92">
        <v>0</v>
      </c>
      <c r="GG7" s="93">
        <v>0</v>
      </c>
      <c r="GH7" s="90">
        <v>1294</v>
      </c>
      <c r="GI7" s="91">
        <v>1517</v>
      </c>
      <c r="GJ7" s="92">
        <v>2811</v>
      </c>
      <c r="GK7" s="412">
        <v>0</v>
      </c>
      <c r="GL7" s="91">
        <v>1814</v>
      </c>
      <c r="GM7" s="91">
        <v>1735</v>
      </c>
      <c r="GN7" s="91">
        <v>1090</v>
      </c>
      <c r="GO7" s="91">
        <v>1126</v>
      </c>
      <c r="GP7" s="91">
        <v>732</v>
      </c>
      <c r="GQ7" s="92">
        <v>6497</v>
      </c>
      <c r="GR7" s="93">
        <v>9308</v>
      </c>
      <c r="GS7" s="94">
        <v>4875</v>
      </c>
      <c r="GT7" s="86">
        <v>5029</v>
      </c>
      <c r="GU7" s="87">
        <v>9904</v>
      </c>
      <c r="GV7" s="412">
        <v>0</v>
      </c>
      <c r="GW7" s="86">
        <v>6360</v>
      </c>
      <c r="GX7" s="86">
        <v>6002</v>
      </c>
      <c r="GY7" s="86">
        <v>3648</v>
      </c>
      <c r="GZ7" s="86">
        <v>3233</v>
      </c>
      <c r="HA7" s="86">
        <v>2136</v>
      </c>
      <c r="HB7" s="88">
        <v>21379</v>
      </c>
      <c r="HC7" s="89">
        <v>31283</v>
      </c>
      <c r="HD7" s="90">
        <v>152</v>
      </c>
      <c r="HE7" s="91">
        <v>189</v>
      </c>
      <c r="HF7" s="92">
        <v>341</v>
      </c>
      <c r="HG7" s="412">
        <v>0</v>
      </c>
      <c r="HH7" s="91">
        <v>136</v>
      </c>
      <c r="HI7" s="91">
        <v>176</v>
      </c>
      <c r="HJ7" s="91">
        <v>101</v>
      </c>
      <c r="HK7" s="91">
        <v>101</v>
      </c>
      <c r="HL7" s="91">
        <v>81</v>
      </c>
      <c r="HM7" s="92">
        <v>595</v>
      </c>
      <c r="HN7" s="93">
        <v>936</v>
      </c>
      <c r="HO7" s="90">
        <v>313</v>
      </c>
      <c r="HP7" s="91">
        <v>356</v>
      </c>
      <c r="HQ7" s="92">
        <v>669</v>
      </c>
      <c r="HR7" s="412">
        <v>0</v>
      </c>
      <c r="HS7" s="91">
        <v>339</v>
      </c>
      <c r="HT7" s="91">
        <v>373</v>
      </c>
      <c r="HU7" s="91">
        <v>217</v>
      </c>
      <c r="HV7" s="91">
        <v>196</v>
      </c>
      <c r="HW7" s="91">
        <v>143</v>
      </c>
      <c r="HX7" s="92">
        <v>1268</v>
      </c>
      <c r="HY7" s="93">
        <v>1937</v>
      </c>
      <c r="HZ7" s="90">
        <v>600</v>
      </c>
      <c r="IA7" s="91">
        <v>657</v>
      </c>
      <c r="IB7" s="92">
        <v>1257</v>
      </c>
      <c r="IC7" s="412">
        <v>0</v>
      </c>
      <c r="ID7" s="91">
        <v>725</v>
      </c>
      <c r="IE7" s="91">
        <v>654</v>
      </c>
      <c r="IF7" s="91">
        <v>356</v>
      </c>
      <c r="IG7" s="91">
        <v>299</v>
      </c>
      <c r="IH7" s="91">
        <v>264</v>
      </c>
      <c r="II7" s="92">
        <v>2298</v>
      </c>
      <c r="IJ7" s="93">
        <v>3555</v>
      </c>
      <c r="IK7" s="90">
        <v>1211</v>
      </c>
      <c r="IL7" s="91">
        <v>1108</v>
      </c>
      <c r="IM7" s="92">
        <v>2319</v>
      </c>
      <c r="IN7" s="412">
        <v>0</v>
      </c>
      <c r="IO7" s="91">
        <v>1381</v>
      </c>
      <c r="IP7" s="91">
        <v>1189</v>
      </c>
      <c r="IQ7" s="91">
        <v>660</v>
      </c>
      <c r="IR7" s="91">
        <v>581</v>
      </c>
      <c r="IS7" s="91">
        <v>383</v>
      </c>
      <c r="IT7" s="92">
        <v>4194</v>
      </c>
      <c r="IU7" s="93">
        <v>6513</v>
      </c>
      <c r="IV7" s="90">
        <v>1502</v>
      </c>
      <c r="IW7" s="91">
        <v>1452</v>
      </c>
      <c r="IX7" s="92">
        <v>2954</v>
      </c>
      <c r="IY7" s="412">
        <v>0</v>
      </c>
      <c r="IZ7" s="91">
        <v>1937</v>
      </c>
      <c r="JA7" s="91">
        <v>1647</v>
      </c>
      <c r="JB7" s="91">
        <v>949</v>
      </c>
      <c r="JC7" s="91">
        <v>809</v>
      </c>
      <c r="JD7" s="91">
        <v>537</v>
      </c>
      <c r="JE7" s="92">
        <v>5879</v>
      </c>
      <c r="JF7" s="93">
        <v>8833</v>
      </c>
      <c r="JG7" s="90">
        <v>1097</v>
      </c>
      <c r="JH7" s="91">
        <v>1267</v>
      </c>
      <c r="JI7" s="92">
        <v>2364</v>
      </c>
      <c r="JJ7" s="412">
        <v>0</v>
      </c>
      <c r="JK7" s="91">
        <v>1842</v>
      </c>
      <c r="JL7" s="91">
        <v>1963</v>
      </c>
      <c r="JM7" s="91">
        <v>1365</v>
      </c>
      <c r="JN7" s="91">
        <v>1247</v>
      </c>
      <c r="JO7" s="91">
        <v>728</v>
      </c>
      <c r="JP7" s="92">
        <v>7145</v>
      </c>
      <c r="JQ7" s="93">
        <v>9509</v>
      </c>
      <c r="JR7" s="90">
        <v>0</v>
      </c>
      <c r="JS7" s="91">
        <v>0</v>
      </c>
      <c r="JT7" s="92">
        <v>0</v>
      </c>
      <c r="JU7" s="412">
        <v>0</v>
      </c>
      <c r="JV7" s="91">
        <v>0</v>
      </c>
      <c r="JW7" s="91">
        <v>0</v>
      </c>
      <c r="JX7" s="91">
        <v>0</v>
      </c>
      <c r="JY7" s="91">
        <v>0</v>
      </c>
      <c r="JZ7" s="91">
        <v>0</v>
      </c>
      <c r="KA7" s="92">
        <v>0</v>
      </c>
      <c r="KB7" s="93">
        <v>0</v>
      </c>
      <c r="KC7" s="90">
        <v>4875</v>
      </c>
      <c r="KD7" s="91">
        <v>5029</v>
      </c>
      <c r="KE7" s="92">
        <v>9904</v>
      </c>
      <c r="KF7" s="412">
        <v>0</v>
      </c>
      <c r="KG7" s="91">
        <v>6360</v>
      </c>
      <c r="KH7" s="91">
        <v>6002</v>
      </c>
      <c r="KI7" s="91">
        <v>3648</v>
      </c>
      <c r="KJ7" s="91">
        <v>3233</v>
      </c>
      <c r="KK7" s="91">
        <v>2136</v>
      </c>
      <c r="KL7" s="92">
        <v>21379</v>
      </c>
      <c r="KM7" s="93">
        <v>31283</v>
      </c>
    </row>
    <row r="8" spans="2:299" s="70" customFormat="1" ht="21" customHeight="1" x14ac:dyDescent="0.2">
      <c r="B8" s="95" t="s">
        <v>5</v>
      </c>
      <c r="C8" s="96">
        <v>1557</v>
      </c>
      <c r="D8" s="97">
        <v>1845</v>
      </c>
      <c r="E8" s="98">
        <v>3402</v>
      </c>
      <c r="F8" s="413">
        <v>0</v>
      </c>
      <c r="G8" s="97">
        <v>1695</v>
      </c>
      <c r="H8" s="97">
        <v>2046</v>
      </c>
      <c r="I8" s="97">
        <v>1180</v>
      </c>
      <c r="J8" s="97">
        <v>966</v>
      </c>
      <c r="K8" s="97">
        <v>617</v>
      </c>
      <c r="L8" s="99">
        <v>6504</v>
      </c>
      <c r="M8" s="100">
        <v>9906</v>
      </c>
      <c r="N8" s="101">
        <v>49</v>
      </c>
      <c r="O8" s="102">
        <v>74</v>
      </c>
      <c r="P8" s="103">
        <v>123</v>
      </c>
      <c r="Q8" s="413">
        <v>0</v>
      </c>
      <c r="R8" s="102">
        <v>33</v>
      </c>
      <c r="S8" s="102">
        <v>61</v>
      </c>
      <c r="T8" s="102">
        <v>35</v>
      </c>
      <c r="U8" s="102">
        <v>39</v>
      </c>
      <c r="V8" s="102">
        <v>28</v>
      </c>
      <c r="W8" s="103">
        <v>196</v>
      </c>
      <c r="X8" s="104">
        <v>319</v>
      </c>
      <c r="Y8" s="101">
        <v>95</v>
      </c>
      <c r="Z8" s="102">
        <v>134</v>
      </c>
      <c r="AA8" s="103">
        <v>229</v>
      </c>
      <c r="AB8" s="413">
        <v>0</v>
      </c>
      <c r="AC8" s="102">
        <v>86</v>
      </c>
      <c r="AD8" s="102">
        <v>134</v>
      </c>
      <c r="AE8" s="102">
        <v>77</v>
      </c>
      <c r="AF8" s="102">
        <v>71</v>
      </c>
      <c r="AG8" s="102">
        <v>38</v>
      </c>
      <c r="AH8" s="103">
        <v>406</v>
      </c>
      <c r="AI8" s="104">
        <v>635</v>
      </c>
      <c r="AJ8" s="101">
        <v>160</v>
      </c>
      <c r="AK8" s="102">
        <v>212</v>
      </c>
      <c r="AL8" s="103">
        <v>372</v>
      </c>
      <c r="AM8" s="413">
        <v>0</v>
      </c>
      <c r="AN8" s="102">
        <v>170</v>
      </c>
      <c r="AO8" s="102">
        <v>231</v>
      </c>
      <c r="AP8" s="102">
        <v>110</v>
      </c>
      <c r="AQ8" s="102">
        <v>117</v>
      </c>
      <c r="AR8" s="102">
        <v>80</v>
      </c>
      <c r="AS8" s="103">
        <v>708</v>
      </c>
      <c r="AT8" s="104">
        <v>1080</v>
      </c>
      <c r="AU8" s="101">
        <v>362</v>
      </c>
      <c r="AV8" s="102">
        <v>400</v>
      </c>
      <c r="AW8" s="103">
        <v>762</v>
      </c>
      <c r="AX8" s="413">
        <v>0</v>
      </c>
      <c r="AY8" s="102">
        <v>352</v>
      </c>
      <c r="AZ8" s="102">
        <v>410</v>
      </c>
      <c r="BA8" s="102">
        <v>215</v>
      </c>
      <c r="BB8" s="102">
        <v>185</v>
      </c>
      <c r="BC8" s="102">
        <v>114</v>
      </c>
      <c r="BD8" s="103">
        <v>1276</v>
      </c>
      <c r="BE8" s="104">
        <v>2038</v>
      </c>
      <c r="BF8" s="101">
        <v>519</v>
      </c>
      <c r="BG8" s="102">
        <v>532</v>
      </c>
      <c r="BH8" s="103">
        <v>1051</v>
      </c>
      <c r="BI8" s="413">
        <v>0</v>
      </c>
      <c r="BJ8" s="102">
        <v>554</v>
      </c>
      <c r="BK8" s="102">
        <v>570</v>
      </c>
      <c r="BL8" s="102">
        <v>325</v>
      </c>
      <c r="BM8" s="102">
        <v>262</v>
      </c>
      <c r="BN8" s="102">
        <v>163</v>
      </c>
      <c r="BO8" s="103">
        <v>1874</v>
      </c>
      <c r="BP8" s="104">
        <v>2925</v>
      </c>
      <c r="BQ8" s="101">
        <v>372</v>
      </c>
      <c r="BR8" s="102">
        <v>493</v>
      </c>
      <c r="BS8" s="103">
        <v>865</v>
      </c>
      <c r="BT8" s="413">
        <v>0</v>
      </c>
      <c r="BU8" s="102">
        <v>500</v>
      </c>
      <c r="BV8" s="102">
        <v>640</v>
      </c>
      <c r="BW8" s="102">
        <v>418</v>
      </c>
      <c r="BX8" s="102">
        <v>292</v>
      </c>
      <c r="BY8" s="102">
        <v>194</v>
      </c>
      <c r="BZ8" s="103">
        <v>2044</v>
      </c>
      <c r="CA8" s="104">
        <v>2909</v>
      </c>
      <c r="CB8" s="101">
        <v>0</v>
      </c>
      <c r="CC8" s="102">
        <v>0</v>
      </c>
      <c r="CD8" s="103">
        <v>0</v>
      </c>
      <c r="CE8" s="413">
        <v>0</v>
      </c>
      <c r="CF8" s="102">
        <v>0</v>
      </c>
      <c r="CG8" s="102">
        <v>0</v>
      </c>
      <c r="CH8" s="102">
        <v>0</v>
      </c>
      <c r="CI8" s="102">
        <v>0</v>
      </c>
      <c r="CJ8" s="102">
        <v>0</v>
      </c>
      <c r="CK8" s="103">
        <v>0</v>
      </c>
      <c r="CL8" s="104">
        <v>0</v>
      </c>
      <c r="CM8" s="101">
        <v>1557</v>
      </c>
      <c r="CN8" s="102">
        <v>1845</v>
      </c>
      <c r="CO8" s="103">
        <v>3402</v>
      </c>
      <c r="CP8" s="413">
        <v>0</v>
      </c>
      <c r="CQ8" s="102">
        <v>1695</v>
      </c>
      <c r="CR8" s="102">
        <v>2046</v>
      </c>
      <c r="CS8" s="102">
        <v>1180</v>
      </c>
      <c r="CT8" s="102">
        <v>966</v>
      </c>
      <c r="CU8" s="102">
        <v>617</v>
      </c>
      <c r="CV8" s="103">
        <v>6504</v>
      </c>
      <c r="CW8" s="104">
        <v>9906</v>
      </c>
      <c r="CX8" s="105">
        <v>516</v>
      </c>
      <c r="CY8" s="97">
        <v>729</v>
      </c>
      <c r="CZ8" s="98">
        <v>1245</v>
      </c>
      <c r="DA8" s="413">
        <v>0</v>
      </c>
      <c r="DB8" s="97">
        <v>671</v>
      </c>
      <c r="DC8" s="97">
        <v>831</v>
      </c>
      <c r="DD8" s="97">
        <v>485</v>
      </c>
      <c r="DE8" s="97">
        <v>495</v>
      </c>
      <c r="DF8" s="97">
        <v>324</v>
      </c>
      <c r="DG8" s="99">
        <v>2806</v>
      </c>
      <c r="DH8" s="100">
        <v>4051</v>
      </c>
      <c r="DI8" s="101">
        <v>11</v>
      </c>
      <c r="DJ8" s="102">
        <v>16</v>
      </c>
      <c r="DK8" s="103">
        <v>27</v>
      </c>
      <c r="DL8" s="413">
        <v>0</v>
      </c>
      <c r="DM8" s="102">
        <v>10</v>
      </c>
      <c r="DN8" s="102">
        <v>21</v>
      </c>
      <c r="DO8" s="102">
        <v>10</v>
      </c>
      <c r="DP8" s="102">
        <v>11</v>
      </c>
      <c r="DQ8" s="102">
        <v>6</v>
      </c>
      <c r="DR8" s="103">
        <v>58</v>
      </c>
      <c r="DS8" s="104">
        <v>85</v>
      </c>
      <c r="DT8" s="101">
        <v>28</v>
      </c>
      <c r="DU8" s="102">
        <v>50</v>
      </c>
      <c r="DV8" s="103">
        <v>78</v>
      </c>
      <c r="DW8" s="413">
        <v>0</v>
      </c>
      <c r="DX8" s="102">
        <v>17</v>
      </c>
      <c r="DY8" s="102">
        <v>37</v>
      </c>
      <c r="DZ8" s="102">
        <v>18</v>
      </c>
      <c r="EA8" s="102">
        <v>14</v>
      </c>
      <c r="EB8" s="102">
        <v>21</v>
      </c>
      <c r="EC8" s="103">
        <v>107</v>
      </c>
      <c r="ED8" s="104">
        <v>185</v>
      </c>
      <c r="EE8" s="101">
        <v>75</v>
      </c>
      <c r="EF8" s="102">
        <v>104</v>
      </c>
      <c r="EG8" s="103">
        <v>179</v>
      </c>
      <c r="EH8" s="413">
        <v>0</v>
      </c>
      <c r="EI8" s="102">
        <v>72</v>
      </c>
      <c r="EJ8" s="102">
        <v>92</v>
      </c>
      <c r="EK8" s="102">
        <v>28</v>
      </c>
      <c r="EL8" s="102">
        <v>29</v>
      </c>
      <c r="EM8" s="102">
        <v>30</v>
      </c>
      <c r="EN8" s="103">
        <v>251</v>
      </c>
      <c r="EO8" s="104">
        <v>430</v>
      </c>
      <c r="EP8" s="101">
        <v>153</v>
      </c>
      <c r="EQ8" s="102">
        <v>175</v>
      </c>
      <c r="ER8" s="103">
        <v>328</v>
      </c>
      <c r="ES8" s="413">
        <v>0</v>
      </c>
      <c r="ET8" s="102">
        <v>137</v>
      </c>
      <c r="EU8" s="102">
        <v>128</v>
      </c>
      <c r="EV8" s="102">
        <v>87</v>
      </c>
      <c r="EW8" s="102">
        <v>70</v>
      </c>
      <c r="EX8" s="102">
        <v>37</v>
      </c>
      <c r="EY8" s="103">
        <v>459</v>
      </c>
      <c r="EZ8" s="104">
        <v>787</v>
      </c>
      <c r="FA8" s="101">
        <v>140</v>
      </c>
      <c r="FB8" s="102">
        <v>230</v>
      </c>
      <c r="FC8" s="103">
        <v>370</v>
      </c>
      <c r="FD8" s="413">
        <v>0</v>
      </c>
      <c r="FE8" s="102">
        <v>226</v>
      </c>
      <c r="FF8" s="102">
        <v>241</v>
      </c>
      <c r="FG8" s="102">
        <v>112</v>
      </c>
      <c r="FH8" s="102">
        <v>126</v>
      </c>
      <c r="FI8" s="102">
        <v>76</v>
      </c>
      <c r="FJ8" s="103">
        <v>781</v>
      </c>
      <c r="FK8" s="104">
        <v>1151</v>
      </c>
      <c r="FL8" s="101">
        <v>109</v>
      </c>
      <c r="FM8" s="102">
        <v>154</v>
      </c>
      <c r="FN8" s="103">
        <v>263</v>
      </c>
      <c r="FO8" s="413">
        <v>0</v>
      </c>
      <c r="FP8" s="102">
        <v>209</v>
      </c>
      <c r="FQ8" s="102">
        <v>312</v>
      </c>
      <c r="FR8" s="102">
        <v>230</v>
      </c>
      <c r="FS8" s="102">
        <v>245</v>
      </c>
      <c r="FT8" s="102">
        <v>154</v>
      </c>
      <c r="FU8" s="103">
        <v>1150</v>
      </c>
      <c r="FV8" s="104">
        <v>1413</v>
      </c>
      <c r="FW8" s="101">
        <v>0</v>
      </c>
      <c r="FX8" s="102">
        <v>0</v>
      </c>
      <c r="FY8" s="103">
        <v>0</v>
      </c>
      <c r="FZ8" s="413">
        <v>0</v>
      </c>
      <c r="GA8" s="102">
        <v>0</v>
      </c>
      <c r="GB8" s="102">
        <v>0</v>
      </c>
      <c r="GC8" s="102">
        <v>0</v>
      </c>
      <c r="GD8" s="102">
        <v>0</v>
      </c>
      <c r="GE8" s="102">
        <v>0</v>
      </c>
      <c r="GF8" s="103">
        <v>0</v>
      </c>
      <c r="GG8" s="104">
        <v>0</v>
      </c>
      <c r="GH8" s="101">
        <v>516</v>
      </c>
      <c r="GI8" s="102">
        <v>729</v>
      </c>
      <c r="GJ8" s="103">
        <v>1245</v>
      </c>
      <c r="GK8" s="413">
        <v>0</v>
      </c>
      <c r="GL8" s="102">
        <v>671</v>
      </c>
      <c r="GM8" s="102">
        <v>831</v>
      </c>
      <c r="GN8" s="102">
        <v>485</v>
      </c>
      <c r="GO8" s="102">
        <v>495</v>
      </c>
      <c r="GP8" s="102">
        <v>324</v>
      </c>
      <c r="GQ8" s="103">
        <v>2806</v>
      </c>
      <c r="GR8" s="104">
        <v>4051</v>
      </c>
      <c r="GS8" s="105">
        <v>2073</v>
      </c>
      <c r="GT8" s="97">
        <v>2574</v>
      </c>
      <c r="GU8" s="98">
        <v>4647</v>
      </c>
      <c r="GV8" s="413">
        <v>0</v>
      </c>
      <c r="GW8" s="97">
        <v>2366</v>
      </c>
      <c r="GX8" s="97">
        <v>2877</v>
      </c>
      <c r="GY8" s="97">
        <v>1665</v>
      </c>
      <c r="GZ8" s="97">
        <v>1461</v>
      </c>
      <c r="HA8" s="97">
        <v>941</v>
      </c>
      <c r="HB8" s="99">
        <v>9310</v>
      </c>
      <c r="HC8" s="100">
        <v>13957</v>
      </c>
      <c r="HD8" s="101">
        <v>60</v>
      </c>
      <c r="HE8" s="102">
        <v>90</v>
      </c>
      <c r="HF8" s="103">
        <v>150</v>
      </c>
      <c r="HG8" s="413">
        <v>0</v>
      </c>
      <c r="HH8" s="102">
        <v>43</v>
      </c>
      <c r="HI8" s="102">
        <v>82</v>
      </c>
      <c r="HJ8" s="102">
        <v>45</v>
      </c>
      <c r="HK8" s="102">
        <v>50</v>
      </c>
      <c r="HL8" s="102">
        <v>34</v>
      </c>
      <c r="HM8" s="103">
        <v>254</v>
      </c>
      <c r="HN8" s="104">
        <v>404</v>
      </c>
      <c r="HO8" s="101">
        <v>123</v>
      </c>
      <c r="HP8" s="102">
        <v>184</v>
      </c>
      <c r="HQ8" s="103">
        <v>307</v>
      </c>
      <c r="HR8" s="413">
        <v>0</v>
      </c>
      <c r="HS8" s="102">
        <v>103</v>
      </c>
      <c r="HT8" s="102">
        <v>171</v>
      </c>
      <c r="HU8" s="102">
        <v>95</v>
      </c>
      <c r="HV8" s="102">
        <v>85</v>
      </c>
      <c r="HW8" s="102">
        <v>59</v>
      </c>
      <c r="HX8" s="103">
        <v>513</v>
      </c>
      <c r="HY8" s="104">
        <v>820</v>
      </c>
      <c r="HZ8" s="101">
        <v>235</v>
      </c>
      <c r="IA8" s="102">
        <v>316</v>
      </c>
      <c r="IB8" s="103">
        <v>551</v>
      </c>
      <c r="IC8" s="413">
        <v>0</v>
      </c>
      <c r="ID8" s="102">
        <v>242</v>
      </c>
      <c r="IE8" s="102">
        <v>323</v>
      </c>
      <c r="IF8" s="102">
        <v>138</v>
      </c>
      <c r="IG8" s="102">
        <v>146</v>
      </c>
      <c r="IH8" s="102">
        <v>110</v>
      </c>
      <c r="II8" s="103">
        <v>959</v>
      </c>
      <c r="IJ8" s="104">
        <v>1510</v>
      </c>
      <c r="IK8" s="101">
        <v>515</v>
      </c>
      <c r="IL8" s="102">
        <v>575</v>
      </c>
      <c r="IM8" s="103">
        <v>1090</v>
      </c>
      <c r="IN8" s="413">
        <v>0</v>
      </c>
      <c r="IO8" s="102">
        <v>489</v>
      </c>
      <c r="IP8" s="102">
        <v>538</v>
      </c>
      <c r="IQ8" s="102">
        <v>302</v>
      </c>
      <c r="IR8" s="102">
        <v>255</v>
      </c>
      <c r="IS8" s="102">
        <v>151</v>
      </c>
      <c r="IT8" s="103">
        <v>1735</v>
      </c>
      <c r="IU8" s="104">
        <v>2825</v>
      </c>
      <c r="IV8" s="101">
        <v>659</v>
      </c>
      <c r="IW8" s="102">
        <v>762</v>
      </c>
      <c r="IX8" s="103">
        <v>1421</v>
      </c>
      <c r="IY8" s="413">
        <v>0</v>
      </c>
      <c r="IZ8" s="102">
        <v>780</v>
      </c>
      <c r="JA8" s="102">
        <v>811</v>
      </c>
      <c r="JB8" s="102">
        <v>437</v>
      </c>
      <c r="JC8" s="102">
        <v>388</v>
      </c>
      <c r="JD8" s="102">
        <v>239</v>
      </c>
      <c r="JE8" s="103">
        <v>2655</v>
      </c>
      <c r="JF8" s="104">
        <v>4076</v>
      </c>
      <c r="JG8" s="101">
        <v>481</v>
      </c>
      <c r="JH8" s="102">
        <v>647</v>
      </c>
      <c r="JI8" s="103">
        <v>1128</v>
      </c>
      <c r="JJ8" s="413">
        <v>0</v>
      </c>
      <c r="JK8" s="102">
        <v>709</v>
      </c>
      <c r="JL8" s="102">
        <v>952</v>
      </c>
      <c r="JM8" s="102">
        <v>648</v>
      </c>
      <c r="JN8" s="102">
        <v>537</v>
      </c>
      <c r="JO8" s="102">
        <v>348</v>
      </c>
      <c r="JP8" s="103">
        <v>3194</v>
      </c>
      <c r="JQ8" s="104">
        <v>4322</v>
      </c>
      <c r="JR8" s="101">
        <v>0</v>
      </c>
      <c r="JS8" s="102">
        <v>0</v>
      </c>
      <c r="JT8" s="103">
        <v>0</v>
      </c>
      <c r="JU8" s="413">
        <v>0</v>
      </c>
      <c r="JV8" s="102">
        <v>0</v>
      </c>
      <c r="JW8" s="102">
        <v>0</v>
      </c>
      <c r="JX8" s="102">
        <v>0</v>
      </c>
      <c r="JY8" s="102">
        <v>0</v>
      </c>
      <c r="JZ8" s="102">
        <v>0</v>
      </c>
      <c r="KA8" s="103">
        <v>0</v>
      </c>
      <c r="KB8" s="104">
        <v>0</v>
      </c>
      <c r="KC8" s="101">
        <v>2073</v>
      </c>
      <c r="KD8" s="102">
        <v>2574</v>
      </c>
      <c r="KE8" s="103">
        <v>4647</v>
      </c>
      <c r="KF8" s="413">
        <v>0</v>
      </c>
      <c r="KG8" s="102">
        <v>2366</v>
      </c>
      <c r="KH8" s="102">
        <v>2877</v>
      </c>
      <c r="KI8" s="102">
        <v>1665</v>
      </c>
      <c r="KJ8" s="102">
        <v>1461</v>
      </c>
      <c r="KK8" s="102">
        <v>941</v>
      </c>
      <c r="KL8" s="103">
        <v>9310</v>
      </c>
      <c r="KM8" s="104">
        <v>13957</v>
      </c>
    </row>
    <row r="9" spans="2:299" s="70" customFormat="1" ht="21" customHeight="1" x14ac:dyDescent="0.2">
      <c r="B9" s="106" t="s">
        <v>6</v>
      </c>
      <c r="C9" s="96">
        <v>470</v>
      </c>
      <c r="D9" s="97">
        <v>416</v>
      </c>
      <c r="E9" s="98">
        <v>886</v>
      </c>
      <c r="F9" s="413">
        <v>0</v>
      </c>
      <c r="G9" s="97">
        <v>798</v>
      </c>
      <c r="H9" s="97">
        <v>634</v>
      </c>
      <c r="I9" s="97">
        <v>347</v>
      </c>
      <c r="J9" s="97">
        <v>337</v>
      </c>
      <c r="K9" s="97">
        <v>240</v>
      </c>
      <c r="L9" s="99">
        <v>2356</v>
      </c>
      <c r="M9" s="100">
        <v>3242</v>
      </c>
      <c r="N9" s="101">
        <v>25</v>
      </c>
      <c r="O9" s="102">
        <v>25</v>
      </c>
      <c r="P9" s="103">
        <v>50</v>
      </c>
      <c r="Q9" s="413">
        <v>0</v>
      </c>
      <c r="R9" s="102">
        <v>27</v>
      </c>
      <c r="S9" s="102">
        <v>21</v>
      </c>
      <c r="T9" s="102">
        <v>13</v>
      </c>
      <c r="U9" s="102">
        <v>15</v>
      </c>
      <c r="V9" s="102">
        <v>13</v>
      </c>
      <c r="W9" s="103">
        <v>89</v>
      </c>
      <c r="X9" s="104">
        <v>139</v>
      </c>
      <c r="Y9" s="101">
        <v>38</v>
      </c>
      <c r="Z9" s="102">
        <v>33</v>
      </c>
      <c r="AA9" s="103">
        <v>71</v>
      </c>
      <c r="AB9" s="413">
        <v>0</v>
      </c>
      <c r="AC9" s="102">
        <v>58</v>
      </c>
      <c r="AD9" s="102">
        <v>41</v>
      </c>
      <c r="AE9" s="102">
        <v>22</v>
      </c>
      <c r="AF9" s="102">
        <v>31</v>
      </c>
      <c r="AG9" s="102">
        <v>24</v>
      </c>
      <c r="AH9" s="103">
        <v>176</v>
      </c>
      <c r="AI9" s="104">
        <v>247</v>
      </c>
      <c r="AJ9" s="101">
        <v>70</v>
      </c>
      <c r="AK9" s="102">
        <v>57</v>
      </c>
      <c r="AL9" s="103">
        <v>127</v>
      </c>
      <c r="AM9" s="413">
        <v>0</v>
      </c>
      <c r="AN9" s="102">
        <v>95</v>
      </c>
      <c r="AO9" s="102">
        <v>68</v>
      </c>
      <c r="AP9" s="102">
        <v>43</v>
      </c>
      <c r="AQ9" s="102">
        <v>38</v>
      </c>
      <c r="AR9" s="102">
        <v>42</v>
      </c>
      <c r="AS9" s="103">
        <v>286</v>
      </c>
      <c r="AT9" s="104">
        <v>413</v>
      </c>
      <c r="AU9" s="101">
        <v>102</v>
      </c>
      <c r="AV9" s="102">
        <v>73</v>
      </c>
      <c r="AW9" s="103">
        <v>175</v>
      </c>
      <c r="AX9" s="413">
        <v>0</v>
      </c>
      <c r="AY9" s="102">
        <v>189</v>
      </c>
      <c r="AZ9" s="102">
        <v>139</v>
      </c>
      <c r="BA9" s="102">
        <v>68</v>
      </c>
      <c r="BB9" s="102">
        <v>65</v>
      </c>
      <c r="BC9" s="102">
        <v>38</v>
      </c>
      <c r="BD9" s="103">
        <v>499</v>
      </c>
      <c r="BE9" s="104">
        <v>674</v>
      </c>
      <c r="BF9" s="101">
        <v>131</v>
      </c>
      <c r="BG9" s="102">
        <v>108</v>
      </c>
      <c r="BH9" s="103">
        <v>239</v>
      </c>
      <c r="BI9" s="413">
        <v>0</v>
      </c>
      <c r="BJ9" s="102">
        <v>221</v>
      </c>
      <c r="BK9" s="102">
        <v>158</v>
      </c>
      <c r="BL9" s="102">
        <v>82</v>
      </c>
      <c r="BM9" s="102">
        <v>81</v>
      </c>
      <c r="BN9" s="102">
        <v>60</v>
      </c>
      <c r="BO9" s="103">
        <v>602</v>
      </c>
      <c r="BP9" s="104">
        <v>841</v>
      </c>
      <c r="BQ9" s="101">
        <v>104</v>
      </c>
      <c r="BR9" s="102">
        <v>120</v>
      </c>
      <c r="BS9" s="103">
        <v>224</v>
      </c>
      <c r="BT9" s="413">
        <v>0</v>
      </c>
      <c r="BU9" s="102">
        <v>208</v>
      </c>
      <c r="BV9" s="102">
        <v>207</v>
      </c>
      <c r="BW9" s="102">
        <v>119</v>
      </c>
      <c r="BX9" s="102">
        <v>107</v>
      </c>
      <c r="BY9" s="102">
        <v>63</v>
      </c>
      <c r="BZ9" s="103">
        <v>704</v>
      </c>
      <c r="CA9" s="104">
        <v>928</v>
      </c>
      <c r="CB9" s="101">
        <v>0</v>
      </c>
      <c r="CC9" s="102">
        <v>0</v>
      </c>
      <c r="CD9" s="103">
        <v>0</v>
      </c>
      <c r="CE9" s="413">
        <v>0</v>
      </c>
      <c r="CF9" s="102">
        <v>0</v>
      </c>
      <c r="CG9" s="102">
        <v>0</v>
      </c>
      <c r="CH9" s="102">
        <v>0</v>
      </c>
      <c r="CI9" s="102">
        <v>0</v>
      </c>
      <c r="CJ9" s="102">
        <v>0</v>
      </c>
      <c r="CK9" s="103">
        <v>0</v>
      </c>
      <c r="CL9" s="104">
        <v>0</v>
      </c>
      <c r="CM9" s="101">
        <v>470</v>
      </c>
      <c r="CN9" s="102">
        <v>416</v>
      </c>
      <c r="CO9" s="103">
        <v>886</v>
      </c>
      <c r="CP9" s="413">
        <v>0</v>
      </c>
      <c r="CQ9" s="102">
        <v>798</v>
      </c>
      <c r="CR9" s="102">
        <v>634</v>
      </c>
      <c r="CS9" s="102">
        <v>347</v>
      </c>
      <c r="CT9" s="102">
        <v>337</v>
      </c>
      <c r="CU9" s="102">
        <v>240</v>
      </c>
      <c r="CV9" s="103">
        <v>2356</v>
      </c>
      <c r="CW9" s="104">
        <v>3242</v>
      </c>
      <c r="CX9" s="105">
        <v>229</v>
      </c>
      <c r="CY9" s="97">
        <v>252</v>
      </c>
      <c r="CZ9" s="98">
        <v>481</v>
      </c>
      <c r="DA9" s="413">
        <v>0</v>
      </c>
      <c r="DB9" s="97">
        <v>392</v>
      </c>
      <c r="DC9" s="97">
        <v>284</v>
      </c>
      <c r="DD9" s="97">
        <v>206</v>
      </c>
      <c r="DE9" s="97">
        <v>203</v>
      </c>
      <c r="DF9" s="97">
        <v>119</v>
      </c>
      <c r="DG9" s="99">
        <v>1204</v>
      </c>
      <c r="DH9" s="100">
        <v>1685</v>
      </c>
      <c r="DI9" s="101">
        <v>6</v>
      </c>
      <c r="DJ9" s="102">
        <v>6</v>
      </c>
      <c r="DK9" s="103">
        <v>12</v>
      </c>
      <c r="DL9" s="413">
        <v>0</v>
      </c>
      <c r="DM9" s="102">
        <v>3</v>
      </c>
      <c r="DN9" s="102">
        <v>6</v>
      </c>
      <c r="DO9" s="102">
        <v>2</v>
      </c>
      <c r="DP9" s="102">
        <v>2</v>
      </c>
      <c r="DQ9" s="102">
        <v>1</v>
      </c>
      <c r="DR9" s="103">
        <v>14</v>
      </c>
      <c r="DS9" s="104">
        <v>26</v>
      </c>
      <c r="DT9" s="101">
        <v>19</v>
      </c>
      <c r="DU9" s="102">
        <v>15</v>
      </c>
      <c r="DV9" s="103">
        <v>34</v>
      </c>
      <c r="DW9" s="413">
        <v>0</v>
      </c>
      <c r="DX9" s="102">
        <v>24</v>
      </c>
      <c r="DY9" s="102">
        <v>12</v>
      </c>
      <c r="DZ9" s="102">
        <v>12</v>
      </c>
      <c r="EA9" s="102">
        <v>5</v>
      </c>
      <c r="EB9" s="102">
        <v>3</v>
      </c>
      <c r="EC9" s="103">
        <v>56</v>
      </c>
      <c r="ED9" s="104">
        <v>90</v>
      </c>
      <c r="EE9" s="101">
        <v>32</v>
      </c>
      <c r="EF9" s="102">
        <v>39</v>
      </c>
      <c r="EG9" s="103">
        <v>71</v>
      </c>
      <c r="EH9" s="413">
        <v>0</v>
      </c>
      <c r="EI9" s="102">
        <v>51</v>
      </c>
      <c r="EJ9" s="102">
        <v>25</v>
      </c>
      <c r="EK9" s="102">
        <v>13</v>
      </c>
      <c r="EL9" s="102">
        <v>6</v>
      </c>
      <c r="EM9" s="102">
        <v>15</v>
      </c>
      <c r="EN9" s="103">
        <v>110</v>
      </c>
      <c r="EO9" s="104">
        <v>181</v>
      </c>
      <c r="EP9" s="101">
        <v>72</v>
      </c>
      <c r="EQ9" s="102">
        <v>52</v>
      </c>
      <c r="ER9" s="103">
        <v>124</v>
      </c>
      <c r="ES9" s="413">
        <v>0</v>
      </c>
      <c r="ET9" s="102">
        <v>79</v>
      </c>
      <c r="EU9" s="102">
        <v>54</v>
      </c>
      <c r="EV9" s="102">
        <v>22</v>
      </c>
      <c r="EW9" s="102">
        <v>32</v>
      </c>
      <c r="EX9" s="102">
        <v>23</v>
      </c>
      <c r="EY9" s="103">
        <v>210</v>
      </c>
      <c r="EZ9" s="104">
        <v>334</v>
      </c>
      <c r="FA9" s="101">
        <v>58</v>
      </c>
      <c r="FB9" s="102">
        <v>77</v>
      </c>
      <c r="FC9" s="103">
        <v>135</v>
      </c>
      <c r="FD9" s="413">
        <v>0</v>
      </c>
      <c r="FE9" s="102">
        <v>109</v>
      </c>
      <c r="FF9" s="102">
        <v>76</v>
      </c>
      <c r="FG9" s="102">
        <v>54</v>
      </c>
      <c r="FH9" s="102">
        <v>46</v>
      </c>
      <c r="FI9" s="102">
        <v>28</v>
      </c>
      <c r="FJ9" s="103">
        <v>313</v>
      </c>
      <c r="FK9" s="104">
        <v>448</v>
      </c>
      <c r="FL9" s="101">
        <v>42</v>
      </c>
      <c r="FM9" s="102">
        <v>63</v>
      </c>
      <c r="FN9" s="103">
        <v>105</v>
      </c>
      <c r="FO9" s="413">
        <v>0</v>
      </c>
      <c r="FP9" s="102">
        <v>126</v>
      </c>
      <c r="FQ9" s="102">
        <v>111</v>
      </c>
      <c r="FR9" s="102">
        <v>103</v>
      </c>
      <c r="FS9" s="102">
        <v>112</v>
      </c>
      <c r="FT9" s="102">
        <v>49</v>
      </c>
      <c r="FU9" s="103">
        <v>501</v>
      </c>
      <c r="FV9" s="104">
        <v>606</v>
      </c>
      <c r="FW9" s="101">
        <v>0</v>
      </c>
      <c r="FX9" s="102">
        <v>0</v>
      </c>
      <c r="FY9" s="103">
        <v>0</v>
      </c>
      <c r="FZ9" s="413">
        <v>0</v>
      </c>
      <c r="GA9" s="102">
        <v>0</v>
      </c>
      <c r="GB9" s="102">
        <v>0</v>
      </c>
      <c r="GC9" s="102">
        <v>0</v>
      </c>
      <c r="GD9" s="102">
        <v>0</v>
      </c>
      <c r="GE9" s="102">
        <v>0</v>
      </c>
      <c r="GF9" s="103">
        <v>0</v>
      </c>
      <c r="GG9" s="104">
        <v>0</v>
      </c>
      <c r="GH9" s="101">
        <v>229</v>
      </c>
      <c r="GI9" s="102">
        <v>252</v>
      </c>
      <c r="GJ9" s="103">
        <v>481</v>
      </c>
      <c r="GK9" s="413">
        <v>0</v>
      </c>
      <c r="GL9" s="102">
        <v>392</v>
      </c>
      <c r="GM9" s="102">
        <v>284</v>
      </c>
      <c r="GN9" s="102">
        <v>206</v>
      </c>
      <c r="GO9" s="102">
        <v>203</v>
      </c>
      <c r="GP9" s="102">
        <v>119</v>
      </c>
      <c r="GQ9" s="103">
        <v>1204</v>
      </c>
      <c r="GR9" s="104">
        <v>1685</v>
      </c>
      <c r="GS9" s="105">
        <v>699</v>
      </c>
      <c r="GT9" s="97">
        <v>668</v>
      </c>
      <c r="GU9" s="98">
        <v>1367</v>
      </c>
      <c r="GV9" s="413">
        <v>0</v>
      </c>
      <c r="GW9" s="97">
        <v>1190</v>
      </c>
      <c r="GX9" s="97">
        <v>918</v>
      </c>
      <c r="GY9" s="97">
        <v>553</v>
      </c>
      <c r="GZ9" s="97">
        <v>540</v>
      </c>
      <c r="HA9" s="97">
        <v>359</v>
      </c>
      <c r="HB9" s="99">
        <v>3560</v>
      </c>
      <c r="HC9" s="100">
        <v>4927</v>
      </c>
      <c r="HD9" s="101">
        <v>31</v>
      </c>
      <c r="HE9" s="102">
        <v>31</v>
      </c>
      <c r="HF9" s="103">
        <v>62</v>
      </c>
      <c r="HG9" s="413">
        <v>0</v>
      </c>
      <c r="HH9" s="102">
        <v>30</v>
      </c>
      <c r="HI9" s="102">
        <v>27</v>
      </c>
      <c r="HJ9" s="102">
        <v>15</v>
      </c>
      <c r="HK9" s="102">
        <v>17</v>
      </c>
      <c r="HL9" s="102">
        <v>14</v>
      </c>
      <c r="HM9" s="103">
        <v>103</v>
      </c>
      <c r="HN9" s="104">
        <v>165</v>
      </c>
      <c r="HO9" s="101">
        <v>57</v>
      </c>
      <c r="HP9" s="102">
        <v>48</v>
      </c>
      <c r="HQ9" s="103">
        <v>105</v>
      </c>
      <c r="HR9" s="413">
        <v>0</v>
      </c>
      <c r="HS9" s="102">
        <v>82</v>
      </c>
      <c r="HT9" s="102">
        <v>53</v>
      </c>
      <c r="HU9" s="102">
        <v>34</v>
      </c>
      <c r="HV9" s="102">
        <v>36</v>
      </c>
      <c r="HW9" s="102">
        <v>27</v>
      </c>
      <c r="HX9" s="103">
        <v>232</v>
      </c>
      <c r="HY9" s="104">
        <v>337</v>
      </c>
      <c r="HZ9" s="101">
        <v>102</v>
      </c>
      <c r="IA9" s="102">
        <v>96</v>
      </c>
      <c r="IB9" s="103">
        <v>198</v>
      </c>
      <c r="IC9" s="413">
        <v>0</v>
      </c>
      <c r="ID9" s="102">
        <v>146</v>
      </c>
      <c r="IE9" s="102">
        <v>93</v>
      </c>
      <c r="IF9" s="102">
        <v>56</v>
      </c>
      <c r="IG9" s="102">
        <v>44</v>
      </c>
      <c r="IH9" s="102">
        <v>57</v>
      </c>
      <c r="II9" s="103">
        <v>396</v>
      </c>
      <c r="IJ9" s="104">
        <v>594</v>
      </c>
      <c r="IK9" s="101">
        <v>174</v>
      </c>
      <c r="IL9" s="102">
        <v>125</v>
      </c>
      <c r="IM9" s="103">
        <v>299</v>
      </c>
      <c r="IN9" s="413">
        <v>0</v>
      </c>
      <c r="IO9" s="102">
        <v>268</v>
      </c>
      <c r="IP9" s="102">
        <v>193</v>
      </c>
      <c r="IQ9" s="102">
        <v>90</v>
      </c>
      <c r="IR9" s="102">
        <v>97</v>
      </c>
      <c r="IS9" s="102">
        <v>61</v>
      </c>
      <c r="IT9" s="103">
        <v>709</v>
      </c>
      <c r="IU9" s="104">
        <v>1008</v>
      </c>
      <c r="IV9" s="101">
        <v>189</v>
      </c>
      <c r="IW9" s="102">
        <v>185</v>
      </c>
      <c r="IX9" s="103">
        <v>374</v>
      </c>
      <c r="IY9" s="413">
        <v>0</v>
      </c>
      <c r="IZ9" s="102">
        <v>330</v>
      </c>
      <c r="JA9" s="102">
        <v>234</v>
      </c>
      <c r="JB9" s="102">
        <v>136</v>
      </c>
      <c r="JC9" s="102">
        <v>127</v>
      </c>
      <c r="JD9" s="102">
        <v>88</v>
      </c>
      <c r="JE9" s="103">
        <v>915</v>
      </c>
      <c r="JF9" s="104">
        <v>1289</v>
      </c>
      <c r="JG9" s="101">
        <v>146</v>
      </c>
      <c r="JH9" s="102">
        <v>183</v>
      </c>
      <c r="JI9" s="103">
        <v>329</v>
      </c>
      <c r="JJ9" s="413">
        <v>0</v>
      </c>
      <c r="JK9" s="102">
        <v>334</v>
      </c>
      <c r="JL9" s="102">
        <v>318</v>
      </c>
      <c r="JM9" s="102">
        <v>222</v>
      </c>
      <c r="JN9" s="102">
        <v>219</v>
      </c>
      <c r="JO9" s="102">
        <v>112</v>
      </c>
      <c r="JP9" s="103">
        <v>1205</v>
      </c>
      <c r="JQ9" s="104">
        <v>1534</v>
      </c>
      <c r="JR9" s="101">
        <v>0</v>
      </c>
      <c r="JS9" s="102">
        <v>0</v>
      </c>
      <c r="JT9" s="103">
        <v>0</v>
      </c>
      <c r="JU9" s="413">
        <v>0</v>
      </c>
      <c r="JV9" s="102">
        <v>0</v>
      </c>
      <c r="JW9" s="102">
        <v>0</v>
      </c>
      <c r="JX9" s="102">
        <v>0</v>
      </c>
      <c r="JY9" s="102">
        <v>0</v>
      </c>
      <c r="JZ9" s="102">
        <v>0</v>
      </c>
      <c r="KA9" s="103">
        <v>0</v>
      </c>
      <c r="KB9" s="104">
        <v>0</v>
      </c>
      <c r="KC9" s="101">
        <v>699</v>
      </c>
      <c r="KD9" s="102">
        <v>668</v>
      </c>
      <c r="KE9" s="103">
        <v>1367</v>
      </c>
      <c r="KF9" s="413">
        <v>0</v>
      </c>
      <c r="KG9" s="102">
        <v>1190</v>
      </c>
      <c r="KH9" s="102">
        <v>918</v>
      </c>
      <c r="KI9" s="102">
        <v>553</v>
      </c>
      <c r="KJ9" s="102">
        <v>540</v>
      </c>
      <c r="KK9" s="102">
        <v>359</v>
      </c>
      <c r="KL9" s="103">
        <v>3560</v>
      </c>
      <c r="KM9" s="104">
        <v>4927</v>
      </c>
    </row>
    <row r="10" spans="2:299" s="70" customFormat="1" ht="21" customHeight="1" x14ac:dyDescent="0.2">
      <c r="B10" s="106" t="s">
        <v>14</v>
      </c>
      <c r="C10" s="96">
        <v>202</v>
      </c>
      <c r="D10" s="97">
        <v>224</v>
      </c>
      <c r="E10" s="98">
        <v>426</v>
      </c>
      <c r="F10" s="413">
        <v>0</v>
      </c>
      <c r="G10" s="97">
        <v>230</v>
      </c>
      <c r="H10" s="97">
        <v>289</v>
      </c>
      <c r="I10" s="97">
        <v>163</v>
      </c>
      <c r="J10" s="97">
        <v>136</v>
      </c>
      <c r="K10" s="97">
        <v>89</v>
      </c>
      <c r="L10" s="99">
        <v>907</v>
      </c>
      <c r="M10" s="100">
        <v>1333</v>
      </c>
      <c r="N10" s="101">
        <v>4</v>
      </c>
      <c r="O10" s="102">
        <v>11</v>
      </c>
      <c r="P10" s="103">
        <v>15</v>
      </c>
      <c r="Q10" s="413">
        <v>0</v>
      </c>
      <c r="R10" s="102">
        <v>8</v>
      </c>
      <c r="S10" s="102">
        <v>9</v>
      </c>
      <c r="T10" s="102">
        <v>4</v>
      </c>
      <c r="U10" s="102">
        <v>9</v>
      </c>
      <c r="V10" s="102">
        <v>2</v>
      </c>
      <c r="W10" s="103">
        <v>32</v>
      </c>
      <c r="X10" s="104">
        <v>47</v>
      </c>
      <c r="Y10" s="101">
        <v>15</v>
      </c>
      <c r="Z10" s="102">
        <v>19</v>
      </c>
      <c r="AA10" s="103">
        <v>34</v>
      </c>
      <c r="AB10" s="413">
        <v>0</v>
      </c>
      <c r="AC10" s="102">
        <v>12</v>
      </c>
      <c r="AD10" s="102">
        <v>17</v>
      </c>
      <c r="AE10" s="102">
        <v>16</v>
      </c>
      <c r="AF10" s="102">
        <v>10</v>
      </c>
      <c r="AG10" s="102">
        <v>11</v>
      </c>
      <c r="AH10" s="103">
        <v>66</v>
      </c>
      <c r="AI10" s="104">
        <v>100</v>
      </c>
      <c r="AJ10" s="101">
        <v>29</v>
      </c>
      <c r="AK10" s="102">
        <v>37</v>
      </c>
      <c r="AL10" s="103">
        <v>66</v>
      </c>
      <c r="AM10" s="413">
        <v>0</v>
      </c>
      <c r="AN10" s="102">
        <v>20</v>
      </c>
      <c r="AO10" s="102">
        <v>40</v>
      </c>
      <c r="AP10" s="102">
        <v>20</v>
      </c>
      <c r="AQ10" s="102">
        <v>10</v>
      </c>
      <c r="AR10" s="102">
        <v>15</v>
      </c>
      <c r="AS10" s="103">
        <v>105</v>
      </c>
      <c r="AT10" s="104">
        <v>171</v>
      </c>
      <c r="AU10" s="101">
        <v>46</v>
      </c>
      <c r="AV10" s="102">
        <v>45</v>
      </c>
      <c r="AW10" s="103">
        <v>91</v>
      </c>
      <c r="AX10" s="413">
        <v>0</v>
      </c>
      <c r="AY10" s="102">
        <v>52</v>
      </c>
      <c r="AZ10" s="102">
        <v>67</v>
      </c>
      <c r="BA10" s="102">
        <v>32</v>
      </c>
      <c r="BB10" s="102">
        <v>33</v>
      </c>
      <c r="BC10" s="102">
        <v>15</v>
      </c>
      <c r="BD10" s="103">
        <v>199</v>
      </c>
      <c r="BE10" s="104">
        <v>290</v>
      </c>
      <c r="BF10" s="101">
        <v>74</v>
      </c>
      <c r="BG10" s="102">
        <v>65</v>
      </c>
      <c r="BH10" s="103">
        <v>139</v>
      </c>
      <c r="BI10" s="413">
        <v>0</v>
      </c>
      <c r="BJ10" s="102">
        <v>71</v>
      </c>
      <c r="BK10" s="102">
        <v>85</v>
      </c>
      <c r="BL10" s="102">
        <v>51</v>
      </c>
      <c r="BM10" s="102">
        <v>32</v>
      </c>
      <c r="BN10" s="102">
        <v>24</v>
      </c>
      <c r="BO10" s="103">
        <v>263</v>
      </c>
      <c r="BP10" s="104">
        <v>402</v>
      </c>
      <c r="BQ10" s="101">
        <v>34</v>
      </c>
      <c r="BR10" s="102">
        <v>47</v>
      </c>
      <c r="BS10" s="103">
        <v>81</v>
      </c>
      <c r="BT10" s="413">
        <v>0</v>
      </c>
      <c r="BU10" s="102">
        <v>67</v>
      </c>
      <c r="BV10" s="102">
        <v>71</v>
      </c>
      <c r="BW10" s="102">
        <v>40</v>
      </c>
      <c r="BX10" s="102">
        <v>42</v>
      </c>
      <c r="BY10" s="102">
        <v>22</v>
      </c>
      <c r="BZ10" s="103">
        <v>242</v>
      </c>
      <c r="CA10" s="104">
        <v>323</v>
      </c>
      <c r="CB10" s="101">
        <v>0</v>
      </c>
      <c r="CC10" s="102">
        <v>0</v>
      </c>
      <c r="CD10" s="103">
        <v>0</v>
      </c>
      <c r="CE10" s="413">
        <v>0</v>
      </c>
      <c r="CF10" s="102">
        <v>0</v>
      </c>
      <c r="CG10" s="102">
        <v>0</v>
      </c>
      <c r="CH10" s="102">
        <v>0</v>
      </c>
      <c r="CI10" s="102">
        <v>0</v>
      </c>
      <c r="CJ10" s="102">
        <v>0</v>
      </c>
      <c r="CK10" s="103">
        <v>0</v>
      </c>
      <c r="CL10" s="104">
        <v>0</v>
      </c>
      <c r="CM10" s="101">
        <v>202</v>
      </c>
      <c r="CN10" s="102">
        <v>224</v>
      </c>
      <c r="CO10" s="103">
        <v>426</v>
      </c>
      <c r="CP10" s="413">
        <v>0</v>
      </c>
      <c r="CQ10" s="102">
        <v>230</v>
      </c>
      <c r="CR10" s="102">
        <v>289</v>
      </c>
      <c r="CS10" s="102">
        <v>163</v>
      </c>
      <c r="CT10" s="102">
        <v>136</v>
      </c>
      <c r="CU10" s="102">
        <v>89</v>
      </c>
      <c r="CV10" s="103">
        <v>907</v>
      </c>
      <c r="CW10" s="104">
        <v>1333</v>
      </c>
      <c r="CX10" s="105">
        <v>66</v>
      </c>
      <c r="CY10" s="97">
        <v>82</v>
      </c>
      <c r="CZ10" s="98">
        <v>148</v>
      </c>
      <c r="DA10" s="413">
        <v>0</v>
      </c>
      <c r="DB10" s="97">
        <v>97</v>
      </c>
      <c r="DC10" s="97">
        <v>125</v>
      </c>
      <c r="DD10" s="97">
        <v>68</v>
      </c>
      <c r="DE10" s="97">
        <v>84</v>
      </c>
      <c r="DF10" s="97">
        <v>52</v>
      </c>
      <c r="DG10" s="99">
        <v>426</v>
      </c>
      <c r="DH10" s="100">
        <v>574</v>
      </c>
      <c r="DI10" s="101">
        <v>1</v>
      </c>
      <c r="DJ10" s="102">
        <v>4</v>
      </c>
      <c r="DK10" s="103">
        <v>5</v>
      </c>
      <c r="DL10" s="413">
        <v>0</v>
      </c>
      <c r="DM10" s="102">
        <v>3</v>
      </c>
      <c r="DN10" s="102">
        <v>7</v>
      </c>
      <c r="DO10" s="102">
        <v>0</v>
      </c>
      <c r="DP10" s="102">
        <v>3</v>
      </c>
      <c r="DQ10" s="102">
        <v>2</v>
      </c>
      <c r="DR10" s="103">
        <v>15</v>
      </c>
      <c r="DS10" s="104">
        <v>20</v>
      </c>
      <c r="DT10" s="101">
        <v>7</v>
      </c>
      <c r="DU10" s="102">
        <v>2</v>
      </c>
      <c r="DV10" s="103">
        <v>9</v>
      </c>
      <c r="DW10" s="413">
        <v>0</v>
      </c>
      <c r="DX10" s="102">
        <v>5</v>
      </c>
      <c r="DY10" s="102">
        <v>5</v>
      </c>
      <c r="DZ10" s="102">
        <v>4</v>
      </c>
      <c r="EA10" s="102">
        <v>1</v>
      </c>
      <c r="EB10" s="102">
        <v>0</v>
      </c>
      <c r="EC10" s="103">
        <v>15</v>
      </c>
      <c r="ED10" s="104">
        <v>24</v>
      </c>
      <c r="EE10" s="101">
        <v>16</v>
      </c>
      <c r="EF10" s="102">
        <v>13</v>
      </c>
      <c r="EG10" s="103">
        <v>29</v>
      </c>
      <c r="EH10" s="413">
        <v>0</v>
      </c>
      <c r="EI10" s="102">
        <v>7</v>
      </c>
      <c r="EJ10" s="102">
        <v>12</v>
      </c>
      <c r="EK10" s="102">
        <v>8</v>
      </c>
      <c r="EL10" s="102">
        <v>2</v>
      </c>
      <c r="EM10" s="102">
        <v>5</v>
      </c>
      <c r="EN10" s="103">
        <v>34</v>
      </c>
      <c r="EO10" s="104">
        <v>63</v>
      </c>
      <c r="EP10" s="101">
        <v>16</v>
      </c>
      <c r="EQ10" s="102">
        <v>19</v>
      </c>
      <c r="ER10" s="103">
        <v>35</v>
      </c>
      <c r="ES10" s="413">
        <v>0</v>
      </c>
      <c r="ET10" s="102">
        <v>17</v>
      </c>
      <c r="EU10" s="102">
        <v>24</v>
      </c>
      <c r="EV10" s="102">
        <v>13</v>
      </c>
      <c r="EW10" s="102">
        <v>12</v>
      </c>
      <c r="EX10" s="102">
        <v>10</v>
      </c>
      <c r="EY10" s="103">
        <v>76</v>
      </c>
      <c r="EZ10" s="104">
        <v>111</v>
      </c>
      <c r="FA10" s="101">
        <v>17</v>
      </c>
      <c r="FB10" s="102">
        <v>21</v>
      </c>
      <c r="FC10" s="103">
        <v>38</v>
      </c>
      <c r="FD10" s="413">
        <v>0</v>
      </c>
      <c r="FE10" s="102">
        <v>29</v>
      </c>
      <c r="FF10" s="102">
        <v>36</v>
      </c>
      <c r="FG10" s="102">
        <v>13</v>
      </c>
      <c r="FH10" s="102">
        <v>25</v>
      </c>
      <c r="FI10" s="102">
        <v>14</v>
      </c>
      <c r="FJ10" s="103">
        <v>117</v>
      </c>
      <c r="FK10" s="104">
        <v>155</v>
      </c>
      <c r="FL10" s="101">
        <v>9</v>
      </c>
      <c r="FM10" s="102">
        <v>23</v>
      </c>
      <c r="FN10" s="103">
        <v>32</v>
      </c>
      <c r="FO10" s="413">
        <v>0</v>
      </c>
      <c r="FP10" s="102">
        <v>36</v>
      </c>
      <c r="FQ10" s="102">
        <v>41</v>
      </c>
      <c r="FR10" s="102">
        <v>30</v>
      </c>
      <c r="FS10" s="102">
        <v>41</v>
      </c>
      <c r="FT10" s="102">
        <v>21</v>
      </c>
      <c r="FU10" s="103">
        <v>169</v>
      </c>
      <c r="FV10" s="104">
        <v>201</v>
      </c>
      <c r="FW10" s="101">
        <v>0</v>
      </c>
      <c r="FX10" s="102">
        <v>0</v>
      </c>
      <c r="FY10" s="103">
        <v>0</v>
      </c>
      <c r="FZ10" s="413">
        <v>0</v>
      </c>
      <c r="GA10" s="102">
        <v>0</v>
      </c>
      <c r="GB10" s="102">
        <v>0</v>
      </c>
      <c r="GC10" s="102">
        <v>0</v>
      </c>
      <c r="GD10" s="102">
        <v>0</v>
      </c>
      <c r="GE10" s="102">
        <v>0</v>
      </c>
      <c r="GF10" s="103">
        <v>0</v>
      </c>
      <c r="GG10" s="104">
        <v>0</v>
      </c>
      <c r="GH10" s="101">
        <v>66</v>
      </c>
      <c r="GI10" s="102">
        <v>82</v>
      </c>
      <c r="GJ10" s="103">
        <v>148</v>
      </c>
      <c r="GK10" s="413">
        <v>0</v>
      </c>
      <c r="GL10" s="102">
        <v>97</v>
      </c>
      <c r="GM10" s="102">
        <v>125</v>
      </c>
      <c r="GN10" s="102">
        <v>68</v>
      </c>
      <c r="GO10" s="102">
        <v>84</v>
      </c>
      <c r="GP10" s="102">
        <v>52</v>
      </c>
      <c r="GQ10" s="103">
        <v>426</v>
      </c>
      <c r="GR10" s="104">
        <v>574</v>
      </c>
      <c r="GS10" s="105">
        <v>268</v>
      </c>
      <c r="GT10" s="97">
        <v>306</v>
      </c>
      <c r="GU10" s="98">
        <v>574</v>
      </c>
      <c r="GV10" s="413">
        <v>0</v>
      </c>
      <c r="GW10" s="97">
        <v>327</v>
      </c>
      <c r="GX10" s="97">
        <v>414</v>
      </c>
      <c r="GY10" s="97">
        <v>231</v>
      </c>
      <c r="GZ10" s="97">
        <v>220</v>
      </c>
      <c r="HA10" s="97">
        <v>141</v>
      </c>
      <c r="HB10" s="99">
        <v>1333</v>
      </c>
      <c r="HC10" s="100">
        <v>1907</v>
      </c>
      <c r="HD10" s="101">
        <v>5</v>
      </c>
      <c r="HE10" s="102">
        <v>15</v>
      </c>
      <c r="HF10" s="103">
        <v>20</v>
      </c>
      <c r="HG10" s="413">
        <v>0</v>
      </c>
      <c r="HH10" s="102">
        <v>11</v>
      </c>
      <c r="HI10" s="102">
        <v>16</v>
      </c>
      <c r="HJ10" s="102">
        <v>4</v>
      </c>
      <c r="HK10" s="102">
        <v>12</v>
      </c>
      <c r="HL10" s="102">
        <v>4</v>
      </c>
      <c r="HM10" s="103">
        <v>47</v>
      </c>
      <c r="HN10" s="104">
        <v>67</v>
      </c>
      <c r="HO10" s="101">
        <v>22</v>
      </c>
      <c r="HP10" s="102">
        <v>21</v>
      </c>
      <c r="HQ10" s="103">
        <v>43</v>
      </c>
      <c r="HR10" s="413">
        <v>0</v>
      </c>
      <c r="HS10" s="102">
        <v>17</v>
      </c>
      <c r="HT10" s="102">
        <v>22</v>
      </c>
      <c r="HU10" s="102">
        <v>20</v>
      </c>
      <c r="HV10" s="102">
        <v>11</v>
      </c>
      <c r="HW10" s="102">
        <v>11</v>
      </c>
      <c r="HX10" s="103">
        <v>81</v>
      </c>
      <c r="HY10" s="104">
        <v>124</v>
      </c>
      <c r="HZ10" s="101">
        <v>45</v>
      </c>
      <c r="IA10" s="102">
        <v>50</v>
      </c>
      <c r="IB10" s="103">
        <v>95</v>
      </c>
      <c r="IC10" s="413">
        <v>0</v>
      </c>
      <c r="ID10" s="102">
        <v>27</v>
      </c>
      <c r="IE10" s="102">
        <v>52</v>
      </c>
      <c r="IF10" s="102">
        <v>28</v>
      </c>
      <c r="IG10" s="102">
        <v>12</v>
      </c>
      <c r="IH10" s="102">
        <v>20</v>
      </c>
      <c r="II10" s="103">
        <v>139</v>
      </c>
      <c r="IJ10" s="104">
        <v>234</v>
      </c>
      <c r="IK10" s="101">
        <v>62</v>
      </c>
      <c r="IL10" s="102">
        <v>64</v>
      </c>
      <c r="IM10" s="103">
        <v>126</v>
      </c>
      <c r="IN10" s="413">
        <v>0</v>
      </c>
      <c r="IO10" s="102">
        <v>69</v>
      </c>
      <c r="IP10" s="102">
        <v>91</v>
      </c>
      <c r="IQ10" s="102">
        <v>45</v>
      </c>
      <c r="IR10" s="102">
        <v>45</v>
      </c>
      <c r="IS10" s="102">
        <v>25</v>
      </c>
      <c r="IT10" s="103">
        <v>275</v>
      </c>
      <c r="IU10" s="104">
        <v>401</v>
      </c>
      <c r="IV10" s="101">
        <v>91</v>
      </c>
      <c r="IW10" s="102">
        <v>86</v>
      </c>
      <c r="IX10" s="103">
        <v>177</v>
      </c>
      <c r="IY10" s="413">
        <v>0</v>
      </c>
      <c r="IZ10" s="102">
        <v>100</v>
      </c>
      <c r="JA10" s="102">
        <v>121</v>
      </c>
      <c r="JB10" s="102">
        <v>64</v>
      </c>
      <c r="JC10" s="102">
        <v>57</v>
      </c>
      <c r="JD10" s="102">
        <v>38</v>
      </c>
      <c r="JE10" s="103">
        <v>380</v>
      </c>
      <c r="JF10" s="104">
        <v>557</v>
      </c>
      <c r="JG10" s="101">
        <v>43</v>
      </c>
      <c r="JH10" s="102">
        <v>70</v>
      </c>
      <c r="JI10" s="103">
        <v>113</v>
      </c>
      <c r="JJ10" s="413">
        <v>0</v>
      </c>
      <c r="JK10" s="102">
        <v>103</v>
      </c>
      <c r="JL10" s="102">
        <v>112</v>
      </c>
      <c r="JM10" s="102">
        <v>70</v>
      </c>
      <c r="JN10" s="102">
        <v>83</v>
      </c>
      <c r="JO10" s="102">
        <v>43</v>
      </c>
      <c r="JP10" s="103">
        <v>411</v>
      </c>
      <c r="JQ10" s="104">
        <v>524</v>
      </c>
      <c r="JR10" s="101">
        <v>0</v>
      </c>
      <c r="JS10" s="102">
        <v>0</v>
      </c>
      <c r="JT10" s="103">
        <v>0</v>
      </c>
      <c r="JU10" s="413">
        <v>0</v>
      </c>
      <c r="JV10" s="102">
        <v>0</v>
      </c>
      <c r="JW10" s="102">
        <v>0</v>
      </c>
      <c r="JX10" s="102">
        <v>0</v>
      </c>
      <c r="JY10" s="102">
        <v>0</v>
      </c>
      <c r="JZ10" s="102">
        <v>0</v>
      </c>
      <c r="KA10" s="103">
        <v>0</v>
      </c>
      <c r="KB10" s="104">
        <v>0</v>
      </c>
      <c r="KC10" s="101">
        <v>268</v>
      </c>
      <c r="KD10" s="102">
        <v>306</v>
      </c>
      <c r="KE10" s="103">
        <v>574</v>
      </c>
      <c r="KF10" s="413">
        <v>0</v>
      </c>
      <c r="KG10" s="102">
        <v>327</v>
      </c>
      <c r="KH10" s="102">
        <v>414</v>
      </c>
      <c r="KI10" s="102">
        <v>231</v>
      </c>
      <c r="KJ10" s="102">
        <v>220</v>
      </c>
      <c r="KK10" s="102">
        <v>141</v>
      </c>
      <c r="KL10" s="103">
        <v>1333</v>
      </c>
      <c r="KM10" s="104">
        <v>1907</v>
      </c>
    </row>
    <row r="11" spans="2:299" s="70" customFormat="1" ht="21" customHeight="1" x14ac:dyDescent="0.2">
      <c r="B11" s="106" t="s">
        <v>7</v>
      </c>
      <c r="C11" s="96">
        <v>148</v>
      </c>
      <c r="D11" s="97">
        <v>96</v>
      </c>
      <c r="E11" s="98">
        <v>244</v>
      </c>
      <c r="F11" s="413">
        <v>0</v>
      </c>
      <c r="G11" s="97">
        <v>258</v>
      </c>
      <c r="H11" s="97">
        <v>124</v>
      </c>
      <c r="I11" s="97">
        <v>83</v>
      </c>
      <c r="J11" s="97">
        <v>77</v>
      </c>
      <c r="K11" s="97">
        <v>35</v>
      </c>
      <c r="L11" s="99">
        <v>577</v>
      </c>
      <c r="M11" s="100">
        <v>821</v>
      </c>
      <c r="N11" s="101">
        <v>5</v>
      </c>
      <c r="O11" s="102">
        <v>4</v>
      </c>
      <c r="P11" s="103">
        <v>9</v>
      </c>
      <c r="Q11" s="413">
        <v>0</v>
      </c>
      <c r="R11" s="102">
        <v>5</v>
      </c>
      <c r="S11" s="102">
        <v>5</v>
      </c>
      <c r="T11" s="102">
        <v>4</v>
      </c>
      <c r="U11" s="102">
        <v>0</v>
      </c>
      <c r="V11" s="102">
        <v>2</v>
      </c>
      <c r="W11" s="103">
        <v>16</v>
      </c>
      <c r="X11" s="104">
        <v>25</v>
      </c>
      <c r="Y11" s="101">
        <v>8</v>
      </c>
      <c r="Z11" s="102">
        <v>9</v>
      </c>
      <c r="AA11" s="103">
        <v>17</v>
      </c>
      <c r="AB11" s="413">
        <v>0</v>
      </c>
      <c r="AC11" s="102">
        <v>11</v>
      </c>
      <c r="AD11" s="102">
        <v>7</v>
      </c>
      <c r="AE11" s="102">
        <v>3</v>
      </c>
      <c r="AF11" s="102">
        <v>8</v>
      </c>
      <c r="AG11" s="102">
        <v>3</v>
      </c>
      <c r="AH11" s="103">
        <v>32</v>
      </c>
      <c r="AI11" s="104">
        <v>49</v>
      </c>
      <c r="AJ11" s="101">
        <v>13</v>
      </c>
      <c r="AK11" s="102">
        <v>15</v>
      </c>
      <c r="AL11" s="103">
        <v>28</v>
      </c>
      <c r="AM11" s="413">
        <v>0</v>
      </c>
      <c r="AN11" s="102">
        <v>34</v>
      </c>
      <c r="AO11" s="102">
        <v>11</v>
      </c>
      <c r="AP11" s="102">
        <v>7</v>
      </c>
      <c r="AQ11" s="102">
        <v>16</v>
      </c>
      <c r="AR11" s="102">
        <v>4</v>
      </c>
      <c r="AS11" s="103">
        <v>72</v>
      </c>
      <c r="AT11" s="104">
        <v>100</v>
      </c>
      <c r="AU11" s="101">
        <v>34</v>
      </c>
      <c r="AV11" s="102">
        <v>19</v>
      </c>
      <c r="AW11" s="103">
        <v>53</v>
      </c>
      <c r="AX11" s="413">
        <v>0</v>
      </c>
      <c r="AY11" s="102">
        <v>62</v>
      </c>
      <c r="AZ11" s="102">
        <v>23</v>
      </c>
      <c r="BA11" s="102">
        <v>24</v>
      </c>
      <c r="BB11" s="102">
        <v>11</v>
      </c>
      <c r="BC11" s="102">
        <v>9</v>
      </c>
      <c r="BD11" s="103">
        <v>129</v>
      </c>
      <c r="BE11" s="104">
        <v>182</v>
      </c>
      <c r="BF11" s="101">
        <v>51</v>
      </c>
      <c r="BG11" s="102">
        <v>28</v>
      </c>
      <c r="BH11" s="103">
        <v>79</v>
      </c>
      <c r="BI11" s="413">
        <v>0</v>
      </c>
      <c r="BJ11" s="102">
        <v>71</v>
      </c>
      <c r="BK11" s="102">
        <v>39</v>
      </c>
      <c r="BL11" s="102">
        <v>18</v>
      </c>
      <c r="BM11" s="102">
        <v>22</v>
      </c>
      <c r="BN11" s="102">
        <v>10</v>
      </c>
      <c r="BO11" s="103">
        <v>160</v>
      </c>
      <c r="BP11" s="104">
        <v>239</v>
      </c>
      <c r="BQ11" s="101">
        <v>37</v>
      </c>
      <c r="BR11" s="102">
        <v>21</v>
      </c>
      <c r="BS11" s="103">
        <v>58</v>
      </c>
      <c r="BT11" s="413">
        <v>0</v>
      </c>
      <c r="BU11" s="102">
        <v>75</v>
      </c>
      <c r="BV11" s="102">
        <v>39</v>
      </c>
      <c r="BW11" s="102">
        <v>27</v>
      </c>
      <c r="BX11" s="102">
        <v>20</v>
      </c>
      <c r="BY11" s="102">
        <v>7</v>
      </c>
      <c r="BZ11" s="103">
        <v>168</v>
      </c>
      <c r="CA11" s="104">
        <v>226</v>
      </c>
      <c r="CB11" s="101">
        <v>0</v>
      </c>
      <c r="CC11" s="102">
        <v>0</v>
      </c>
      <c r="CD11" s="103">
        <v>0</v>
      </c>
      <c r="CE11" s="413">
        <v>0</v>
      </c>
      <c r="CF11" s="102">
        <v>0</v>
      </c>
      <c r="CG11" s="102">
        <v>0</v>
      </c>
      <c r="CH11" s="102">
        <v>0</v>
      </c>
      <c r="CI11" s="102">
        <v>0</v>
      </c>
      <c r="CJ11" s="102">
        <v>0</v>
      </c>
      <c r="CK11" s="103">
        <v>0</v>
      </c>
      <c r="CL11" s="104">
        <v>0</v>
      </c>
      <c r="CM11" s="101">
        <v>148</v>
      </c>
      <c r="CN11" s="102">
        <v>96</v>
      </c>
      <c r="CO11" s="103">
        <v>244</v>
      </c>
      <c r="CP11" s="413">
        <v>0</v>
      </c>
      <c r="CQ11" s="102">
        <v>258</v>
      </c>
      <c r="CR11" s="102">
        <v>124</v>
      </c>
      <c r="CS11" s="102">
        <v>83</v>
      </c>
      <c r="CT11" s="102">
        <v>77</v>
      </c>
      <c r="CU11" s="102">
        <v>35</v>
      </c>
      <c r="CV11" s="103">
        <v>577</v>
      </c>
      <c r="CW11" s="104">
        <v>821</v>
      </c>
      <c r="CX11" s="105">
        <v>49</v>
      </c>
      <c r="CY11" s="97">
        <v>47</v>
      </c>
      <c r="CZ11" s="98">
        <v>96</v>
      </c>
      <c r="DA11" s="413">
        <v>0</v>
      </c>
      <c r="DB11" s="97">
        <v>68</v>
      </c>
      <c r="DC11" s="97">
        <v>32</v>
      </c>
      <c r="DD11" s="97">
        <v>25</v>
      </c>
      <c r="DE11" s="97">
        <v>24</v>
      </c>
      <c r="DF11" s="97">
        <v>21</v>
      </c>
      <c r="DG11" s="99">
        <v>170</v>
      </c>
      <c r="DH11" s="100">
        <v>266</v>
      </c>
      <c r="DI11" s="101">
        <v>1</v>
      </c>
      <c r="DJ11" s="102">
        <v>0</v>
      </c>
      <c r="DK11" s="103">
        <v>1</v>
      </c>
      <c r="DL11" s="413">
        <v>0</v>
      </c>
      <c r="DM11" s="102">
        <v>1</v>
      </c>
      <c r="DN11" s="102">
        <v>1</v>
      </c>
      <c r="DO11" s="102">
        <v>2</v>
      </c>
      <c r="DP11" s="102">
        <v>0</v>
      </c>
      <c r="DQ11" s="102">
        <v>0</v>
      </c>
      <c r="DR11" s="103">
        <v>4</v>
      </c>
      <c r="DS11" s="104">
        <v>5</v>
      </c>
      <c r="DT11" s="101">
        <v>3</v>
      </c>
      <c r="DU11" s="102">
        <v>3</v>
      </c>
      <c r="DV11" s="103">
        <v>6</v>
      </c>
      <c r="DW11" s="413">
        <v>0</v>
      </c>
      <c r="DX11" s="102">
        <v>3</v>
      </c>
      <c r="DY11" s="102">
        <v>2</v>
      </c>
      <c r="DZ11" s="102">
        <v>1</v>
      </c>
      <c r="EA11" s="102">
        <v>0</v>
      </c>
      <c r="EB11" s="102">
        <v>2</v>
      </c>
      <c r="EC11" s="103">
        <v>8</v>
      </c>
      <c r="ED11" s="104">
        <v>14</v>
      </c>
      <c r="EE11" s="101">
        <v>11</v>
      </c>
      <c r="EF11" s="102">
        <v>6</v>
      </c>
      <c r="EG11" s="103">
        <v>17</v>
      </c>
      <c r="EH11" s="413">
        <v>0</v>
      </c>
      <c r="EI11" s="102">
        <v>10</v>
      </c>
      <c r="EJ11" s="102">
        <v>4</v>
      </c>
      <c r="EK11" s="102">
        <v>0</v>
      </c>
      <c r="EL11" s="102">
        <v>4</v>
      </c>
      <c r="EM11" s="102">
        <v>2</v>
      </c>
      <c r="EN11" s="103">
        <v>20</v>
      </c>
      <c r="EO11" s="104">
        <v>37</v>
      </c>
      <c r="EP11" s="101">
        <v>11</v>
      </c>
      <c r="EQ11" s="102">
        <v>13</v>
      </c>
      <c r="ER11" s="103">
        <v>24</v>
      </c>
      <c r="ES11" s="413">
        <v>0</v>
      </c>
      <c r="ET11" s="102">
        <v>21</v>
      </c>
      <c r="EU11" s="102">
        <v>5</v>
      </c>
      <c r="EV11" s="102">
        <v>2</v>
      </c>
      <c r="EW11" s="102">
        <v>5</v>
      </c>
      <c r="EX11" s="102">
        <v>2</v>
      </c>
      <c r="EY11" s="103">
        <v>35</v>
      </c>
      <c r="EZ11" s="104">
        <v>59</v>
      </c>
      <c r="FA11" s="101">
        <v>11</v>
      </c>
      <c r="FB11" s="102">
        <v>18</v>
      </c>
      <c r="FC11" s="103">
        <v>29</v>
      </c>
      <c r="FD11" s="413">
        <v>0</v>
      </c>
      <c r="FE11" s="102">
        <v>16</v>
      </c>
      <c r="FF11" s="102">
        <v>6</v>
      </c>
      <c r="FG11" s="102">
        <v>7</v>
      </c>
      <c r="FH11" s="102">
        <v>7</v>
      </c>
      <c r="FI11" s="102">
        <v>7</v>
      </c>
      <c r="FJ11" s="103">
        <v>43</v>
      </c>
      <c r="FK11" s="104">
        <v>72</v>
      </c>
      <c r="FL11" s="101">
        <v>12</v>
      </c>
      <c r="FM11" s="102">
        <v>7</v>
      </c>
      <c r="FN11" s="103">
        <v>19</v>
      </c>
      <c r="FO11" s="413">
        <v>0</v>
      </c>
      <c r="FP11" s="102">
        <v>17</v>
      </c>
      <c r="FQ11" s="102">
        <v>14</v>
      </c>
      <c r="FR11" s="102">
        <v>13</v>
      </c>
      <c r="FS11" s="102">
        <v>8</v>
      </c>
      <c r="FT11" s="102">
        <v>8</v>
      </c>
      <c r="FU11" s="103">
        <v>60</v>
      </c>
      <c r="FV11" s="104">
        <v>79</v>
      </c>
      <c r="FW11" s="101">
        <v>0</v>
      </c>
      <c r="FX11" s="102">
        <v>0</v>
      </c>
      <c r="FY11" s="103">
        <v>0</v>
      </c>
      <c r="FZ11" s="413">
        <v>0</v>
      </c>
      <c r="GA11" s="102">
        <v>0</v>
      </c>
      <c r="GB11" s="102">
        <v>0</v>
      </c>
      <c r="GC11" s="102">
        <v>0</v>
      </c>
      <c r="GD11" s="102">
        <v>0</v>
      </c>
      <c r="GE11" s="102">
        <v>0</v>
      </c>
      <c r="GF11" s="103">
        <v>0</v>
      </c>
      <c r="GG11" s="104">
        <v>0</v>
      </c>
      <c r="GH11" s="101">
        <v>49</v>
      </c>
      <c r="GI11" s="102">
        <v>47</v>
      </c>
      <c r="GJ11" s="103">
        <v>96</v>
      </c>
      <c r="GK11" s="413">
        <v>0</v>
      </c>
      <c r="GL11" s="102">
        <v>68</v>
      </c>
      <c r="GM11" s="102">
        <v>32</v>
      </c>
      <c r="GN11" s="102">
        <v>25</v>
      </c>
      <c r="GO11" s="102">
        <v>24</v>
      </c>
      <c r="GP11" s="102">
        <v>21</v>
      </c>
      <c r="GQ11" s="103">
        <v>170</v>
      </c>
      <c r="GR11" s="104">
        <v>266</v>
      </c>
      <c r="GS11" s="105">
        <v>197</v>
      </c>
      <c r="GT11" s="97">
        <v>143</v>
      </c>
      <c r="GU11" s="98">
        <v>340</v>
      </c>
      <c r="GV11" s="413">
        <v>0</v>
      </c>
      <c r="GW11" s="97">
        <v>326</v>
      </c>
      <c r="GX11" s="97">
        <v>156</v>
      </c>
      <c r="GY11" s="97">
        <v>108</v>
      </c>
      <c r="GZ11" s="97">
        <v>101</v>
      </c>
      <c r="HA11" s="97">
        <v>56</v>
      </c>
      <c r="HB11" s="99">
        <v>747</v>
      </c>
      <c r="HC11" s="100">
        <v>1087</v>
      </c>
      <c r="HD11" s="101">
        <v>6</v>
      </c>
      <c r="HE11" s="102">
        <v>4</v>
      </c>
      <c r="HF11" s="103">
        <v>10</v>
      </c>
      <c r="HG11" s="413">
        <v>0</v>
      </c>
      <c r="HH11" s="102">
        <v>6</v>
      </c>
      <c r="HI11" s="102">
        <v>6</v>
      </c>
      <c r="HJ11" s="102">
        <v>6</v>
      </c>
      <c r="HK11" s="102">
        <v>0</v>
      </c>
      <c r="HL11" s="102">
        <v>2</v>
      </c>
      <c r="HM11" s="103">
        <v>20</v>
      </c>
      <c r="HN11" s="104">
        <v>30</v>
      </c>
      <c r="HO11" s="101">
        <v>11</v>
      </c>
      <c r="HP11" s="102">
        <v>12</v>
      </c>
      <c r="HQ11" s="103">
        <v>23</v>
      </c>
      <c r="HR11" s="413">
        <v>0</v>
      </c>
      <c r="HS11" s="102">
        <v>14</v>
      </c>
      <c r="HT11" s="102">
        <v>9</v>
      </c>
      <c r="HU11" s="102">
        <v>4</v>
      </c>
      <c r="HV11" s="102">
        <v>8</v>
      </c>
      <c r="HW11" s="102">
        <v>5</v>
      </c>
      <c r="HX11" s="103">
        <v>40</v>
      </c>
      <c r="HY11" s="104">
        <v>63</v>
      </c>
      <c r="HZ11" s="101">
        <v>24</v>
      </c>
      <c r="IA11" s="102">
        <v>21</v>
      </c>
      <c r="IB11" s="103">
        <v>45</v>
      </c>
      <c r="IC11" s="413">
        <v>0</v>
      </c>
      <c r="ID11" s="102">
        <v>44</v>
      </c>
      <c r="IE11" s="102">
        <v>15</v>
      </c>
      <c r="IF11" s="102">
        <v>7</v>
      </c>
      <c r="IG11" s="102">
        <v>20</v>
      </c>
      <c r="IH11" s="102">
        <v>6</v>
      </c>
      <c r="II11" s="103">
        <v>92</v>
      </c>
      <c r="IJ11" s="104">
        <v>137</v>
      </c>
      <c r="IK11" s="101">
        <v>45</v>
      </c>
      <c r="IL11" s="102">
        <v>32</v>
      </c>
      <c r="IM11" s="103">
        <v>77</v>
      </c>
      <c r="IN11" s="413">
        <v>0</v>
      </c>
      <c r="IO11" s="102">
        <v>83</v>
      </c>
      <c r="IP11" s="102">
        <v>28</v>
      </c>
      <c r="IQ11" s="102">
        <v>26</v>
      </c>
      <c r="IR11" s="102">
        <v>16</v>
      </c>
      <c r="IS11" s="102">
        <v>11</v>
      </c>
      <c r="IT11" s="103">
        <v>164</v>
      </c>
      <c r="IU11" s="104">
        <v>241</v>
      </c>
      <c r="IV11" s="101">
        <v>62</v>
      </c>
      <c r="IW11" s="102">
        <v>46</v>
      </c>
      <c r="IX11" s="103">
        <v>108</v>
      </c>
      <c r="IY11" s="413">
        <v>0</v>
      </c>
      <c r="IZ11" s="102">
        <v>87</v>
      </c>
      <c r="JA11" s="102">
        <v>45</v>
      </c>
      <c r="JB11" s="102">
        <v>25</v>
      </c>
      <c r="JC11" s="102">
        <v>29</v>
      </c>
      <c r="JD11" s="102">
        <v>17</v>
      </c>
      <c r="JE11" s="103">
        <v>203</v>
      </c>
      <c r="JF11" s="104">
        <v>311</v>
      </c>
      <c r="JG11" s="101">
        <v>49</v>
      </c>
      <c r="JH11" s="102">
        <v>28</v>
      </c>
      <c r="JI11" s="103">
        <v>77</v>
      </c>
      <c r="JJ11" s="413">
        <v>0</v>
      </c>
      <c r="JK11" s="102">
        <v>92</v>
      </c>
      <c r="JL11" s="102">
        <v>53</v>
      </c>
      <c r="JM11" s="102">
        <v>40</v>
      </c>
      <c r="JN11" s="102">
        <v>28</v>
      </c>
      <c r="JO11" s="102">
        <v>15</v>
      </c>
      <c r="JP11" s="103">
        <v>228</v>
      </c>
      <c r="JQ11" s="104">
        <v>305</v>
      </c>
      <c r="JR11" s="101">
        <v>0</v>
      </c>
      <c r="JS11" s="102">
        <v>0</v>
      </c>
      <c r="JT11" s="103">
        <v>0</v>
      </c>
      <c r="JU11" s="413">
        <v>0</v>
      </c>
      <c r="JV11" s="102">
        <v>0</v>
      </c>
      <c r="JW11" s="102">
        <v>0</v>
      </c>
      <c r="JX11" s="102">
        <v>0</v>
      </c>
      <c r="JY11" s="102">
        <v>0</v>
      </c>
      <c r="JZ11" s="102">
        <v>0</v>
      </c>
      <c r="KA11" s="103">
        <v>0</v>
      </c>
      <c r="KB11" s="104">
        <v>0</v>
      </c>
      <c r="KC11" s="101">
        <v>197</v>
      </c>
      <c r="KD11" s="102">
        <v>143</v>
      </c>
      <c r="KE11" s="103">
        <v>340</v>
      </c>
      <c r="KF11" s="413">
        <v>0</v>
      </c>
      <c r="KG11" s="102">
        <v>326</v>
      </c>
      <c r="KH11" s="102">
        <v>156</v>
      </c>
      <c r="KI11" s="102">
        <v>108</v>
      </c>
      <c r="KJ11" s="102">
        <v>101</v>
      </c>
      <c r="KK11" s="102">
        <v>56</v>
      </c>
      <c r="KL11" s="103">
        <v>747</v>
      </c>
      <c r="KM11" s="104">
        <v>1087</v>
      </c>
    </row>
    <row r="12" spans="2:299" s="70" customFormat="1" ht="21" customHeight="1" x14ac:dyDescent="0.2">
      <c r="B12" s="106" t="s">
        <v>8</v>
      </c>
      <c r="C12" s="96">
        <v>59</v>
      </c>
      <c r="D12" s="97">
        <v>34</v>
      </c>
      <c r="E12" s="98">
        <v>93</v>
      </c>
      <c r="F12" s="413">
        <v>0</v>
      </c>
      <c r="G12" s="97">
        <v>118</v>
      </c>
      <c r="H12" s="97">
        <v>79</v>
      </c>
      <c r="I12" s="97">
        <v>57</v>
      </c>
      <c r="J12" s="97">
        <v>41</v>
      </c>
      <c r="K12" s="97">
        <v>24</v>
      </c>
      <c r="L12" s="99">
        <v>319</v>
      </c>
      <c r="M12" s="100">
        <v>412</v>
      </c>
      <c r="N12" s="101">
        <v>1</v>
      </c>
      <c r="O12" s="102">
        <v>2</v>
      </c>
      <c r="P12" s="103">
        <v>3</v>
      </c>
      <c r="Q12" s="413">
        <v>0</v>
      </c>
      <c r="R12" s="102">
        <v>5</v>
      </c>
      <c r="S12" s="102">
        <v>2</v>
      </c>
      <c r="T12" s="102">
        <v>3</v>
      </c>
      <c r="U12" s="102">
        <v>0</v>
      </c>
      <c r="V12" s="102">
        <v>2</v>
      </c>
      <c r="W12" s="103">
        <v>12</v>
      </c>
      <c r="X12" s="104">
        <v>15</v>
      </c>
      <c r="Y12" s="101">
        <v>5</v>
      </c>
      <c r="Z12" s="102">
        <v>5</v>
      </c>
      <c r="AA12" s="103">
        <v>10</v>
      </c>
      <c r="AB12" s="413">
        <v>0</v>
      </c>
      <c r="AC12" s="102">
        <v>7</v>
      </c>
      <c r="AD12" s="102">
        <v>6</v>
      </c>
      <c r="AE12" s="102">
        <v>1</v>
      </c>
      <c r="AF12" s="102">
        <v>4</v>
      </c>
      <c r="AG12" s="102">
        <v>1</v>
      </c>
      <c r="AH12" s="103">
        <v>19</v>
      </c>
      <c r="AI12" s="104">
        <v>29</v>
      </c>
      <c r="AJ12" s="101">
        <v>9</v>
      </c>
      <c r="AK12" s="102">
        <v>5</v>
      </c>
      <c r="AL12" s="103">
        <v>14</v>
      </c>
      <c r="AM12" s="413">
        <v>0</v>
      </c>
      <c r="AN12" s="102">
        <v>18</v>
      </c>
      <c r="AO12" s="102">
        <v>12</v>
      </c>
      <c r="AP12" s="102">
        <v>8</v>
      </c>
      <c r="AQ12" s="102">
        <v>3</v>
      </c>
      <c r="AR12" s="102">
        <v>5</v>
      </c>
      <c r="AS12" s="103">
        <v>46</v>
      </c>
      <c r="AT12" s="104">
        <v>60</v>
      </c>
      <c r="AU12" s="101">
        <v>12</v>
      </c>
      <c r="AV12" s="102">
        <v>8</v>
      </c>
      <c r="AW12" s="103">
        <v>20</v>
      </c>
      <c r="AX12" s="413">
        <v>0</v>
      </c>
      <c r="AY12" s="102">
        <v>28</v>
      </c>
      <c r="AZ12" s="102">
        <v>13</v>
      </c>
      <c r="BA12" s="102">
        <v>6</v>
      </c>
      <c r="BB12" s="102">
        <v>9</v>
      </c>
      <c r="BC12" s="102">
        <v>4</v>
      </c>
      <c r="BD12" s="103">
        <v>60</v>
      </c>
      <c r="BE12" s="104">
        <v>80</v>
      </c>
      <c r="BF12" s="101">
        <v>15</v>
      </c>
      <c r="BG12" s="102">
        <v>9</v>
      </c>
      <c r="BH12" s="103">
        <v>24</v>
      </c>
      <c r="BI12" s="413">
        <v>0</v>
      </c>
      <c r="BJ12" s="102">
        <v>35</v>
      </c>
      <c r="BK12" s="102">
        <v>22</v>
      </c>
      <c r="BL12" s="102">
        <v>17</v>
      </c>
      <c r="BM12" s="102">
        <v>8</v>
      </c>
      <c r="BN12" s="102">
        <v>7</v>
      </c>
      <c r="BO12" s="103">
        <v>89</v>
      </c>
      <c r="BP12" s="104">
        <v>113</v>
      </c>
      <c r="BQ12" s="101">
        <v>17</v>
      </c>
      <c r="BR12" s="102">
        <v>5</v>
      </c>
      <c r="BS12" s="103">
        <v>22</v>
      </c>
      <c r="BT12" s="413">
        <v>0</v>
      </c>
      <c r="BU12" s="102">
        <v>25</v>
      </c>
      <c r="BV12" s="102">
        <v>24</v>
      </c>
      <c r="BW12" s="102">
        <v>22</v>
      </c>
      <c r="BX12" s="102">
        <v>17</v>
      </c>
      <c r="BY12" s="102">
        <v>5</v>
      </c>
      <c r="BZ12" s="103">
        <v>93</v>
      </c>
      <c r="CA12" s="104">
        <v>115</v>
      </c>
      <c r="CB12" s="101">
        <v>0</v>
      </c>
      <c r="CC12" s="102">
        <v>0</v>
      </c>
      <c r="CD12" s="103">
        <v>0</v>
      </c>
      <c r="CE12" s="413">
        <v>0</v>
      </c>
      <c r="CF12" s="102">
        <v>0</v>
      </c>
      <c r="CG12" s="102">
        <v>0</v>
      </c>
      <c r="CH12" s="102">
        <v>0</v>
      </c>
      <c r="CI12" s="102">
        <v>0</v>
      </c>
      <c r="CJ12" s="102">
        <v>0</v>
      </c>
      <c r="CK12" s="103">
        <v>0</v>
      </c>
      <c r="CL12" s="104">
        <v>0</v>
      </c>
      <c r="CM12" s="101">
        <v>59</v>
      </c>
      <c r="CN12" s="102">
        <v>34</v>
      </c>
      <c r="CO12" s="103">
        <v>93</v>
      </c>
      <c r="CP12" s="413">
        <v>0</v>
      </c>
      <c r="CQ12" s="102">
        <v>118</v>
      </c>
      <c r="CR12" s="102">
        <v>79</v>
      </c>
      <c r="CS12" s="102">
        <v>57</v>
      </c>
      <c r="CT12" s="102">
        <v>41</v>
      </c>
      <c r="CU12" s="102">
        <v>24</v>
      </c>
      <c r="CV12" s="103">
        <v>319</v>
      </c>
      <c r="CW12" s="104">
        <v>412</v>
      </c>
      <c r="CX12" s="105">
        <v>26</v>
      </c>
      <c r="CY12" s="97">
        <v>24</v>
      </c>
      <c r="CZ12" s="98">
        <v>50</v>
      </c>
      <c r="DA12" s="413">
        <v>0</v>
      </c>
      <c r="DB12" s="97">
        <v>40</v>
      </c>
      <c r="DC12" s="97">
        <v>47</v>
      </c>
      <c r="DD12" s="97">
        <v>26</v>
      </c>
      <c r="DE12" s="97">
        <v>18</v>
      </c>
      <c r="DF12" s="97">
        <v>19</v>
      </c>
      <c r="DG12" s="99">
        <v>150</v>
      </c>
      <c r="DH12" s="100">
        <v>200</v>
      </c>
      <c r="DI12" s="101">
        <v>1</v>
      </c>
      <c r="DJ12" s="102">
        <v>0</v>
      </c>
      <c r="DK12" s="103">
        <v>1</v>
      </c>
      <c r="DL12" s="413">
        <v>0</v>
      </c>
      <c r="DM12" s="102">
        <v>1</v>
      </c>
      <c r="DN12" s="102">
        <v>1</v>
      </c>
      <c r="DO12" s="102">
        <v>0</v>
      </c>
      <c r="DP12" s="102">
        <v>1</v>
      </c>
      <c r="DQ12" s="102">
        <v>0</v>
      </c>
      <c r="DR12" s="103">
        <v>3</v>
      </c>
      <c r="DS12" s="104">
        <v>4</v>
      </c>
      <c r="DT12" s="101">
        <v>1</v>
      </c>
      <c r="DU12" s="102">
        <v>1</v>
      </c>
      <c r="DV12" s="103">
        <v>2</v>
      </c>
      <c r="DW12" s="413">
        <v>0</v>
      </c>
      <c r="DX12" s="102">
        <v>0</v>
      </c>
      <c r="DY12" s="102">
        <v>3</v>
      </c>
      <c r="DZ12" s="102">
        <v>0</v>
      </c>
      <c r="EA12" s="102">
        <v>2</v>
      </c>
      <c r="EB12" s="102">
        <v>0</v>
      </c>
      <c r="EC12" s="103">
        <v>5</v>
      </c>
      <c r="ED12" s="104">
        <v>7</v>
      </c>
      <c r="EE12" s="101">
        <v>3</v>
      </c>
      <c r="EF12" s="102">
        <v>5</v>
      </c>
      <c r="EG12" s="103">
        <v>8</v>
      </c>
      <c r="EH12" s="413">
        <v>0</v>
      </c>
      <c r="EI12" s="102">
        <v>6</v>
      </c>
      <c r="EJ12" s="102">
        <v>6</v>
      </c>
      <c r="EK12" s="102">
        <v>3</v>
      </c>
      <c r="EL12" s="102">
        <v>1</v>
      </c>
      <c r="EM12" s="102">
        <v>0</v>
      </c>
      <c r="EN12" s="103">
        <v>16</v>
      </c>
      <c r="EO12" s="104">
        <v>24</v>
      </c>
      <c r="EP12" s="101">
        <v>8</v>
      </c>
      <c r="EQ12" s="102">
        <v>5</v>
      </c>
      <c r="ER12" s="103">
        <v>13</v>
      </c>
      <c r="ES12" s="413">
        <v>0</v>
      </c>
      <c r="ET12" s="102">
        <v>6</v>
      </c>
      <c r="EU12" s="102">
        <v>9</v>
      </c>
      <c r="EV12" s="102">
        <v>3</v>
      </c>
      <c r="EW12" s="102">
        <v>2</v>
      </c>
      <c r="EX12" s="102">
        <v>4</v>
      </c>
      <c r="EY12" s="103">
        <v>24</v>
      </c>
      <c r="EZ12" s="104">
        <v>37</v>
      </c>
      <c r="FA12" s="101">
        <v>10</v>
      </c>
      <c r="FB12" s="102">
        <v>4</v>
      </c>
      <c r="FC12" s="103">
        <v>14</v>
      </c>
      <c r="FD12" s="413">
        <v>0</v>
      </c>
      <c r="FE12" s="102">
        <v>15</v>
      </c>
      <c r="FF12" s="102">
        <v>11</v>
      </c>
      <c r="FG12" s="102">
        <v>8</v>
      </c>
      <c r="FH12" s="102">
        <v>4</v>
      </c>
      <c r="FI12" s="102">
        <v>7</v>
      </c>
      <c r="FJ12" s="103">
        <v>45</v>
      </c>
      <c r="FK12" s="104">
        <v>59</v>
      </c>
      <c r="FL12" s="101">
        <v>3</v>
      </c>
      <c r="FM12" s="102">
        <v>9</v>
      </c>
      <c r="FN12" s="103">
        <v>12</v>
      </c>
      <c r="FO12" s="413">
        <v>0</v>
      </c>
      <c r="FP12" s="102">
        <v>12</v>
      </c>
      <c r="FQ12" s="102">
        <v>17</v>
      </c>
      <c r="FR12" s="102">
        <v>12</v>
      </c>
      <c r="FS12" s="102">
        <v>8</v>
      </c>
      <c r="FT12" s="102">
        <v>8</v>
      </c>
      <c r="FU12" s="103">
        <v>57</v>
      </c>
      <c r="FV12" s="104">
        <v>69</v>
      </c>
      <c r="FW12" s="101">
        <v>0</v>
      </c>
      <c r="FX12" s="102">
        <v>0</v>
      </c>
      <c r="FY12" s="103">
        <v>0</v>
      </c>
      <c r="FZ12" s="413">
        <v>0</v>
      </c>
      <c r="GA12" s="102">
        <v>0</v>
      </c>
      <c r="GB12" s="102">
        <v>0</v>
      </c>
      <c r="GC12" s="102">
        <v>0</v>
      </c>
      <c r="GD12" s="102">
        <v>0</v>
      </c>
      <c r="GE12" s="102">
        <v>0</v>
      </c>
      <c r="GF12" s="103">
        <v>0</v>
      </c>
      <c r="GG12" s="104">
        <v>0</v>
      </c>
      <c r="GH12" s="101">
        <v>26</v>
      </c>
      <c r="GI12" s="102">
        <v>24</v>
      </c>
      <c r="GJ12" s="103">
        <v>50</v>
      </c>
      <c r="GK12" s="413">
        <v>0</v>
      </c>
      <c r="GL12" s="102">
        <v>40</v>
      </c>
      <c r="GM12" s="102">
        <v>47</v>
      </c>
      <c r="GN12" s="102">
        <v>26</v>
      </c>
      <c r="GO12" s="102">
        <v>18</v>
      </c>
      <c r="GP12" s="102">
        <v>19</v>
      </c>
      <c r="GQ12" s="103">
        <v>150</v>
      </c>
      <c r="GR12" s="104">
        <v>200</v>
      </c>
      <c r="GS12" s="105">
        <v>85</v>
      </c>
      <c r="GT12" s="97">
        <v>58</v>
      </c>
      <c r="GU12" s="98">
        <v>143</v>
      </c>
      <c r="GV12" s="413">
        <v>0</v>
      </c>
      <c r="GW12" s="97">
        <v>158</v>
      </c>
      <c r="GX12" s="97">
        <v>126</v>
      </c>
      <c r="GY12" s="97">
        <v>83</v>
      </c>
      <c r="GZ12" s="97">
        <v>59</v>
      </c>
      <c r="HA12" s="97">
        <v>43</v>
      </c>
      <c r="HB12" s="99">
        <v>469</v>
      </c>
      <c r="HC12" s="100">
        <v>612</v>
      </c>
      <c r="HD12" s="101">
        <v>2</v>
      </c>
      <c r="HE12" s="102">
        <v>2</v>
      </c>
      <c r="HF12" s="103">
        <v>4</v>
      </c>
      <c r="HG12" s="413">
        <v>0</v>
      </c>
      <c r="HH12" s="102">
        <v>6</v>
      </c>
      <c r="HI12" s="102">
        <v>3</v>
      </c>
      <c r="HJ12" s="102">
        <v>3</v>
      </c>
      <c r="HK12" s="102">
        <v>1</v>
      </c>
      <c r="HL12" s="102">
        <v>2</v>
      </c>
      <c r="HM12" s="103">
        <v>15</v>
      </c>
      <c r="HN12" s="104">
        <v>19</v>
      </c>
      <c r="HO12" s="101">
        <v>6</v>
      </c>
      <c r="HP12" s="102">
        <v>6</v>
      </c>
      <c r="HQ12" s="103">
        <v>12</v>
      </c>
      <c r="HR12" s="413">
        <v>0</v>
      </c>
      <c r="HS12" s="102">
        <v>7</v>
      </c>
      <c r="HT12" s="102">
        <v>9</v>
      </c>
      <c r="HU12" s="102">
        <v>1</v>
      </c>
      <c r="HV12" s="102">
        <v>6</v>
      </c>
      <c r="HW12" s="102">
        <v>1</v>
      </c>
      <c r="HX12" s="103">
        <v>24</v>
      </c>
      <c r="HY12" s="104">
        <v>36</v>
      </c>
      <c r="HZ12" s="101">
        <v>12</v>
      </c>
      <c r="IA12" s="102">
        <v>10</v>
      </c>
      <c r="IB12" s="103">
        <v>22</v>
      </c>
      <c r="IC12" s="413">
        <v>0</v>
      </c>
      <c r="ID12" s="102">
        <v>24</v>
      </c>
      <c r="IE12" s="102">
        <v>18</v>
      </c>
      <c r="IF12" s="102">
        <v>11</v>
      </c>
      <c r="IG12" s="102">
        <v>4</v>
      </c>
      <c r="IH12" s="102">
        <v>5</v>
      </c>
      <c r="II12" s="103">
        <v>62</v>
      </c>
      <c r="IJ12" s="104">
        <v>84</v>
      </c>
      <c r="IK12" s="101">
        <v>20</v>
      </c>
      <c r="IL12" s="102">
        <v>13</v>
      </c>
      <c r="IM12" s="103">
        <v>33</v>
      </c>
      <c r="IN12" s="413">
        <v>0</v>
      </c>
      <c r="IO12" s="102">
        <v>34</v>
      </c>
      <c r="IP12" s="102">
        <v>22</v>
      </c>
      <c r="IQ12" s="102">
        <v>9</v>
      </c>
      <c r="IR12" s="102">
        <v>11</v>
      </c>
      <c r="IS12" s="102">
        <v>8</v>
      </c>
      <c r="IT12" s="103">
        <v>84</v>
      </c>
      <c r="IU12" s="104">
        <v>117</v>
      </c>
      <c r="IV12" s="101">
        <v>25</v>
      </c>
      <c r="IW12" s="102">
        <v>13</v>
      </c>
      <c r="IX12" s="103">
        <v>38</v>
      </c>
      <c r="IY12" s="413">
        <v>0</v>
      </c>
      <c r="IZ12" s="102">
        <v>50</v>
      </c>
      <c r="JA12" s="102">
        <v>33</v>
      </c>
      <c r="JB12" s="102">
        <v>25</v>
      </c>
      <c r="JC12" s="102">
        <v>12</v>
      </c>
      <c r="JD12" s="102">
        <v>14</v>
      </c>
      <c r="JE12" s="103">
        <v>134</v>
      </c>
      <c r="JF12" s="104">
        <v>172</v>
      </c>
      <c r="JG12" s="101">
        <v>20</v>
      </c>
      <c r="JH12" s="102">
        <v>14</v>
      </c>
      <c r="JI12" s="103">
        <v>34</v>
      </c>
      <c r="JJ12" s="413">
        <v>0</v>
      </c>
      <c r="JK12" s="102">
        <v>37</v>
      </c>
      <c r="JL12" s="102">
        <v>41</v>
      </c>
      <c r="JM12" s="102">
        <v>34</v>
      </c>
      <c r="JN12" s="102">
        <v>25</v>
      </c>
      <c r="JO12" s="102">
        <v>13</v>
      </c>
      <c r="JP12" s="103">
        <v>150</v>
      </c>
      <c r="JQ12" s="104">
        <v>184</v>
      </c>
      <c r="JR12" s="101">
        <v>0</v>
      </c>
      <c r="JS12" s="102">
        <v>0</v>
      </c>
      <c r="JT12" s="103">
        <v>0</v>
      </c>
      <c r="JU12" s="413">
        <v>0</v>
      </c>
      <c r="JV12" s="102">
        <v>0</v>
      </c>
      <c r="JW12" s="102">
        <v>0</v>
      </c>
      <c r="JX12" s="102">
        <v>0</v>
      </c>
      <c r="JY12" s="102">
        <v>0</v>
      </c>
      <c r="JZ12" s="102">
        <v>0</v>
      </c>
      <c r="KA12" s="103">
        <v>0</v>
      </c>
      <c r="KB12" s="104">
        <v>0</v>
      </c>
      <c r="KC12" s="101">
        <v>85</v>
      </c>
      <c r="KD12" s="102">
        <v>58</v>
      </c>
      <c r="KE12" s="103">
        <v>143</v>
      </c>
      <c r="KF12" s="413">
        <v>0</v>
      </c>
      <c r="KG12" s="102">
        <v>158</v>
      </c>
      <c r="KH12" s="102">
        <v>126</v>
      </c>
      <c r="KI12" s="102">
        <v>83</v>
      </c>
      <c r="KJ12" s="102">
        <v>59</v>
      </c>
      <c r="KK12" s="102">
        <v>43</v>
      </c>
      <c r="KL12" s="103">
        <v>469</v>
      </c>
      <c r="KM12" s="104">
        <v>612</v>
      </c>
    </row>
    <row r="13" spans="2:299" s="70" customFormat="1" ht="21" customHeight="1" x14ac:dyDescent="0.2">
      <c r="B13" s="106" t="s">
        <v>9</v>
      </c>
      <c r="C13" s="96">
        <v>203</v>
      </c>
      <c r="D13" s="97">
        <v>110</v>
      </c>
      <c r="E13" s="98">
        <v>313</v>
      </c>
      <c r="F13" s="413">
        <v>0</v>
      </c>
      <c r="G13" s="97">
        <v>223</v>
      </c>
      <c r="H13" s="97">
        <v>162</v>
      </c>
      <c r="I13" s="97">
        <v>114</v>
      </c>
      <c r="J13" s="97">
        <v>84</v>
      </c>
      <c r="K13" s="97">
        <v>61</v>
      </c>
      <c r="L13" s="99">
        <v>644</v>
      </c>
      <c r="M13" s="100">
        <v>957</v>
      </c>
      <c r="N13" s="101">
        <v>2</v>
      </c>
      <c r="O13" s="102">
        <v>5</v>
      </c>
      <c r="P13" s="103">
        <v>7</v>
      </c>
      <c r="Q13" s="413">
        <v>0</v>
      </c>
      <c r="R13" s="102">
        <v>1</v>
      </c>
      <c r="S13" s="102">
        <v>6</v>
      </c>
      <c r="T13" s="102">
        <v>3</v>
      </c>
      <c r="U13" s="102">
        <v>1</v>
      </c>
      <c r="V13" s="102">
        <v>3</v>
      </c>
      <c r="W13" s="103">
        <v>14</v>
      </c>
      <c r="X13" s="104">
        <v>21</v>
      </c>
      <c r="Y13" s="101">
        <v>3</v>
      </c>
      <c r="Z13" s="102">
        <v>6</v>
      </c>
      <c r="AA13" s="103">
        <v>9</v>
      </c>
      <c r="AB13" s="413">
        <v>0</v>
      </c>
      <c r="AC13" s="102">
        <v>8</v>
      </c>
      <c r="AD13" s="102">
        <v>8</v>
      </c>
      <c r="AE13" s="102">
        <v>1</v>
      </c>
      <c r="AF13" s="102">
        <v>3</v>
      </c>
      <c r="AG13" s="102">
        <v>4</v>
      </c>
      <c r="AH13" s="103">
        <v>24</v>
      </c>
      <c r="AI13" s="104">
        <v>33</v>
      </c>
      <c r="AJ13" s="101">
        <v>22</v>
      </c>
      <c r="AK13" s="102">
        <v>12</v>
      </c>
      <c r="AL13" s="103">
        <v>34</v>
      </c>
      <c r="AM13" s="413">
        <v>0</v>
      </c>
      <c r="AN13" s="102">
        <v>13</v>
      </c>
      <c r="AO13" s="102">
        <v>7</v>
      </c>
      <c r="AP13" s="102">
        <v>14</v>
      </c>
      <c r="AQ13" s="102">
        <v>6</v>
      </c>
      <c r="AR13" s="102">
        <v>3</v>
      </c>
      <c r="AS13" s="103">
        <v>43</v>
      </c>
      <c r="AT13" s="104">
        <v>77</v>
      </c>
      <c r="AU13" s="101">
        <v>44</v>
      </c>
      <c r="AV13" s="102">
        <v>26</v>
      </c>
      <c r="AW13" s="103">
        <v>70</v>
      </c>
      <c r="AX13" s="413">
        <v>0</v>
      </c>
      <c r="AY13" s="102">
        <v>46</v>
      </c>
      <c r="AZ13" s="102">
        <v>26</v>
      </c>
      <c r="BA13" s="102">
        <v>22</v>
      </c>
      <c r="BB13" s="102">
        <v>12</v>
      </c>
      <c r="BC13" s="102">
        <v>6</v>
      </c>
      <c r="BD13" s="103">
        <v>112</v>
      </c>
      <c r="BE13" s="104">
        <v>182</v>
      </c>
      <c r="BF13" s="101">
        <v>76</v>
      </c>
      <c r="BG13" s="102">
        <v>34</v>
      </c>
      <c r="BH13" s="103">
        <v>110</v>
      </c>
      <c r="BI13" s="413">
        <v>0</v>
      </c>
      <c r="BJ13" s="102">
        <v>78</v>
      </c>
      <c r="BK13" s="102">
        <v>39</v>
      </c>
      <c r="BL13" s="102">
        <v>31</v>
      </c>
      <c r="BM13" s="102">
        <v>20</v>
      </c>
      <c r="BN13" s="102">
        <v>23</v>
      </c>
      <c r="BO13" s="103">
        <v>191</v>
      </c>
      <c r="BP13" s="104">
        <v>301</v>
      </c>
      <c r="BQ13" s="101">
        <v>56</v>
      </c>
      <c r="BR13" s="102">
        <v>27</v>
      </c>
      <c r="BS13" s="103">
        <v>83</v>
      </c>
      <c r="BT13" s="413">
        <v>0</v>
      </c>
      <c r="BU13" s="102">
        <v>77</v>
      </c>
      <c r="BV13" s="102">
        <v>76</v>
      </c>
      <c r="BW13" s="102">
        <v>43</v>
      </c>
      <c r="BX13" s="102">
        <v>42</v>
      </c>
      <c r="BY13" s="102">
        <v>22</v>
      </c>
      <c r="BZ13" s="103">
        <v>260</v>
      </c>
      <c r="CA13" s="104">
        <v>343</v>
      </c>
      <c r="CB13" s="101">
        <v>0</v>
      </c>
      <c r="CC13" s="102">
        <v>0</v>
      </c>
      <c r="CD13" s="103">
        <v>0</v>
      </c>
      <c r="CE13" s="413">
        <v>0</v>
      </c>
      <c r="CF13" s="102">
        <v>0</v>
      </c>
      <c r="CG13" s="102">
        <v>0</v>
      </c>
      <c r="CH13" s="102">
        <v>0</v>
      </c>
      <c r="CI13" s="102">
        <v>0</v>
      </c>
      <c r="CJ13" s="102">
        <v>0</v>
      </c>
      <c r="CK13" s="103">
        <v>0</v>
      </c>
      <c r="CL13" s="104">
        <v>0</v>
      </c>
      <c r="CM13" s="101">
        <v>203</v>
      </c>
      <c r="CN13" s="102">
        <v>110</v>
      </c>
      <c r="CO13" s="103">
        <v>313</v>
      </c>
      <c r="CP13" s="413">
        <v>0</v>
      </c>
      <c r="CQ13" s="102">
        <v>223</v>
      </c>
      <c r="CR13" s="102">
        <v>162</v>
      </c>
      <c r="CS13" s="102">
        <v>114</v>
      </c>
      <c r="CT13" s="102">
        <v>84</v>
      </c>
      <c r="CU13" s="102">
        <v>61</v>
      </c>
      <c r="CV13" s="103">
        <v>644</v>
      </c>
      <c r="CW13" s="104">
        <v>957</v>
      </c>
      <c r="CX13" s="105">
        <v>75</v>
      </c>
      <c r="CY13" s="97">
        <v>53</v>
      </c>
      <c r="CZ13" s="98">
        <v>128</v>
      </c>
      <c r="DA13" s="413">
        <v>0</v>
      </c>
      <c r="DB13" s="97">
        <v>76</v>
      </c>
      <c r="DC13" s="97">
        <v>60</v>
      </c>
      <c r="DD13" s="97">
        <v>36</v>
      </c>
      <c r="DE13" s="97">
        <v>50</v>
      </c>
      <c r="DF13" s="97">
        <v>19</v>
      </c>
      <c r="DG13" s="99">
        <v>241</v>
      </c>
      <c r="DH13" s="100">
        <v>369</v>
      </c>
      <c r="DI13" s="101">
        <v>0</v>
      </c>
      <c r="DJ13" s="102">
        <v>0</v>
      </c>
      <c r="DK13" s="103">
        <v>0</v>
      </c>
      <c r="DL13" s="413">
        <v>0</v>
      </c>
      <c r="DM13" s="102">
        <v>0</v>
      </c>
      <c r="DN13" s="102">
        <v>0</v>
      </c>
      <c r="DO13" s="102">
        <v>0</v>
      </c>
      <c r="DP13" s="102">
        <v>1</v>
      </c>
      <c r="DQ13" s="102">
        <v>1</v>
      </c>
      <c r="DR13" s="103">
        <v>2</v>
      </c>
      <c r="DS13" s="104">
        <v>2</v>
      </c>
      <c r="DT13" s="101">
        <v>3</v>
      </c>
      <c r="DU13" s="102">
        <v>6</v>
      </c>
      <c r="DV13" s="103">
        <v>9</v>
      </c>
      <c r="DW13" s="413">
        <v>0</v>
      </c>
      <c r="DX13" s="102">
        <v>3</v>
      </c>
      <c r="DY13" s="102">
        <v>0</v>
      </c>
      <c r="DZ13" s="102">
        <v>0</v>
      </c>
      <c r="EA13" s="102">
        <v>1</v>
      </c>
      <c r="EB13" s="102">
        <v>1</v>
      </c>
      <c r="EC13" s="103">
        <v>5</v>
      </c>
      <c r="ED13" s="104">
        <v>14</v>
      </c>
      <c r="EE13" s="101">
        <v>9</v>
      </c>
      <c r="EF13" s="102">
        <v>8</v>
      </c>
      <c r="EG13" s="103">
        <v>17</v>
      </c>
      <c r="EH13" s="413">
        <v>0</v>
      </c>
      <c r="EI13" s="102">
        <v>9</v>
      </c>
      <c r="EJ13" s="102">
        <v>7</v>
      </c>
      <c r="EK13" s="102">
        <v>2</v>
      </c>
      <c r="EL13" s="102">
        <v>3</v>
      </c>
      <c r="EM13" s="102">
        <v>0</v>
      </c>
      <c r="EN13" s="103">
        <v>21</v>
      </c>
      <c r="EO13" s="104">
        <v>38</v>
      </c>
      <c r="EP13" s="101">
        <v>27</v>
      </c>
      <c r="EQ13" s="102">
        <v>15</v>
      </c>
      <c r="ER13" s="103">
        <v>42</v>
      </c>
      <c r="ES13" s="413">
        <v>0</v>
      </c>
      <c r="ET13" s="102">
        <v>18</v>
      </c>
      <c r="EU13" s="102">
        <v>9</v>
      </c>
      <c r="EV13" s="102">
        <v>7</v>
      </c>
      <c r="EW13" s="102">
        <v>6</v>
      </c>
      <c r="EX13" s="102">
        <v>2</v>
      </c>
      <c r="EY13" s="103">
        <v>42</v>
      </c>
      <c r="EZ13" s="104">
        <v>84</v>
      </c>
      <c r="FA13" s="101">
        <v>22</v>
      </c>
      <c r="FB13" s="102">
        <v>11</v>
      </c>
      <c r="FC13" s="103">
        <v>33</v>
      </c>
      <c r="FD13" s="413">
        <v>0</v>
      </c>
      <c r="FE13" s="102">
        <v>25</v>
      </c>
      <c r="FF13" s="102">
        <v>15</v>
      </c>
      <c r="FG13" s="102">
        <v>9</v>
      </c>
      <c r="FH13" s="102">
        <v>7</v>
      </c>
      <c r="FI13" s="102">
        <v>4</v>
      </c>
      <c r="FJ13" s="103">
        <v>60</v>
      </c>
      <c r="FK13" s="104">
        <v>93</v>
      </c>
      <c r="FL13" s="101">
        <v>14</v>
      </c>
      <c r="FM13" s="102">
        <v>13</v>
      </c>
      <c r="FN13" s="103">
        <v>27</v>
      </c>
      <c r="FO13" s="413">
        <v>0</v>
      </c>
      <c r="FP13" s="102">
        <v>21</v>
      </c>
      <c r="FQ13" s="102">
        <v>29</v>
      </c>
      <c r="FR13" s="102">
        <v>18</v>
      </c>
      <c r="FS13" s="102">
        <v>32</v>
      </c>
      <c r="FT13" s="102">
        <v>11</v>
      </c>
      <c r="FU13" s="103">
        <v>111</v>
      </c>
      <c r="FV13" s="104">
        <v>138</v>
      </c>
      <c r="FW13" s="101">
        <v>0</v>
      </c>
      <c r="FX13" s="102">
        <v>0</v>
      </c>
      <c r="FY13" s="103">
        <v>0</v>
      </c>
      <c r="FZ13" s="413">
        <v>0</v>
      </c>
      <c r="GA13" s="102">
        <v>0</v>
      </c>
      <c r="GB13" s="102">
        <v>0</v>
      </c>
      <c r="GC13" s="102">
        <v>0</v>
      </c>
      <c r="GD13" s="102">
        <v>0</v>
      </c>
      <c r="GE13" s="102">
        <v>0</v>
      </c>
      <c r="GF13" s="103">
        <v>0</v>
      </c>
      <c r="GG13" s="104">
        <v>0</v>
      </c>
      <c r="GH13" s="101">
        <v>75</v>
      </c>
      <c r="GI13" s="102">
        <v>53</v>
      </c>
      <c r="GJ13" s="103">
        <v>128</v>
      </c>
      <c r="GK13" s="413">
        <v>0</v>
      </c>
      <c r="GL13" s="102">
        <v>76</v>
      </c>
      <c r="GM13" s="102">
        <v>60</v>
      </c>
      <c r="GN13" s="102">
        <v>36</v>
      </c>
      <c r="GO13" s="102">
        <v>50</v>
      </c>
      <c r="GP13" s="102">
        <v>19</v>
      </c>
      <c r="GQ13" s="103">
        <v>241</v>
      </c>
      <c r="GR13" s="104">
        <v>369</v>
      </c>
      <c r="GS13" s="105">
        <v>278</v>
      </c>
      <c r="GT13" s="97">
        <v>163</v>
      </c>
      <c r="GU13" s="98">
        <v>441</v>
      </c>
      <c r="GV13" s="413">
        <v>0</v>
      </c>
      <c r="GW13" s="97">
        <v>299</v>
      </c>
      <c r="GX13" s="97">
        <v>222</v>
      </c>
      <c r="GY13" s="97">
        <v>150</v>
      </c>
      <c r="GZ13" s="97">
        <v>134</v>
      </c>
      <c r="HA13" s="97">
        <v>80</v>
      </c>
      <c r="HB13" s="99">
        <v>885</v>
      </c>
      <c r="HC13" s="100">
        <v>1326</v>
      </c>
      <c r="HD13" s="101">
        <v>2</v>
      </c>
      <c r="HE13" s="102">
        <v>5</v>
      </c>
      <c r="HF13" s="103">
        <v>7</v>
      </c>
      <c r="HG13" s="413">
        <v>0</v>
      </c>
      <c r="HH13" s="102">
        <v>1</v>
      </c>
      <c r="HI13" s="102">
        <v>6</v>
      </c>
      <c r="HJ13" s="102">
        <v>3</v>
      </c>
      <c r="HK13" s="102">
        <v>2</v>
      </c>
      <c r="HL13" s="102">
        <v>4</v>
      </c>
      <c r="HM13" s="103">
        <v>16</v>
      </c>
      <c r="HN13" s="104">
        <v>23</v>
      </c>
      <c r="HO13" s="101">
        <v>6</v>
      </c>
      <c r="HP13" s="102">
        <v>12</v>
      </c>
      <c r="HQ13" s="103">
        <v>18</v>
      </c>
      <c r="HR13" s="413">
        <v>0</v>
      </c>
      <c r="HS13" s="102">
        <v>11</v>
      </c>
      <c r="HT13" s="102">
        <v>8</v>
      </c>
      <c r="HU13" s="102">
        <v>1</v>
      </c>
      <c r="HV13" s="102">
        <v>4</v>
      </c>
      <c r="HW13" s="102">
        <v>5</v>
      </c>
      <c r="HX13" s="103">
        <v>29</v>
      </c>
      <c r="HY13" s="104">
        <v>47</v>
      </c>
      <c r="HZ13" s="101">
        <v>31</v>
      </c>
      <c r="IA13" s="102">
        <v>20</v>
      </c>
      <c r="IB13" s="103">
        <v>51</v>
      </c>
      <c r="IC13" s="413">
        <v>0</v>
      </c>
      <c r="ID13" s="102">
        <v>22</v>
      </c>
      <c r="IE13" s="102">
        <v>14</v>
      </c>
      <c r="IF13" s="102">
        <v>16</v>
      </c>
      <c r="IG13" s="102">
        <v>9</v>
      </c>
      <c r="IH13" s="102">
        <v>3</v>
      </c>
      <c r="II13" s="103">
        <v>64</v>
      </c>
      <c r="IJ13" s="104">
        <v>115</v>
      </c>
      <c r="IK13" s="101">
        <v>71</v>
      </c>
      <c r="IL13" s="102">
        <v>41</v>
      </c>
      <c r="IM13" s="103">
        <v>112</v>
      </c>
      <c r="IN13" s="413">
        <v>0</v>
      </c>
      <c r="IO13" s="102">
        <v>64</v>
      </c>
      <c r="IP13" s="102">
        <v>35</v>
      </c>
      <c r="IQ13" s="102">
        <v>29</v>
      </c>
      <c r="IR13" s="102">
        <v>18</v>
      </c>
      <c r="IS13" s="102">
        <v>8</v>
      </c>
      <c r="IT13" s="103">
        <v>154</v>
      </c>
      <c r="IU13" s="104">
        <v>266</v>
      </c>
      <c r="IV13" s="101">
        <v>98</v>
      </c>
      <c r="IW13" s="102">
        <v>45</v>
      </c>
      <c r="IX13" s="103">
        <v>143</v>
      </c>
      <c r="IY13" s="413">
        <v>0</v>
      </c>
      <c r="IZ13" s="102">
        <v>103</v>
      </c>
      <c r="JA13" s="102">
        <v>54</v>
      </c>
      <c r="JB13" s="102">
        <v>40</v>
      </c>
      <c r="JC13" s="102">
        <v>27</v>
      </c>
      <c r="JD13" s="102">
        <v>27</v>
      </c>
      <c r="JE13" s="103">
        <v>251</v>
      </c>
      <c r="JF13" s="104">
        <v>394</v>
      </c>
      <c r="JG13" s="101">
        <v>70</v>
      </c>
      <c r="JH13" s="102">
        <v>40</v>
      </c>
      <c r="JI13" s="103">
        <v>110</v>
      </c>
      <c r="JJ13" s="413">
        <v>0</v>
      </c>
      <c r="JK13" s="102">
        <v>98</v>
      </c>
      <c r="JL13" s="102">
        <v>105</v>
      </c>
      <c r="JM13" s="102">
        <v>61</v>
      </c>
      <c r="JN13" s="102">
        <v>74</v>
      </c>
      <c r="JO13" s="102">
        <v>33</v>
      </c>
      <c r="JP13" s="103">
        <v>371</v>
      </c>
      <c r="JQ13" s="104">
        <v>481</v>
      </c>
      <c r="JR13" s="101">
        <v>0</v>
      </c>
      <c r="JS13" s="102">
        <v>0</v>
      </c>
      <c r="JT13" s="103">
        <v>0</v>
      </c>
      <c r="JU13" s="413">
        <v>0</v>
      </c>
      <c r="JV13" s="102">
        <v>0</v>
      </c>
      <c r="JW13" s="102">
        <v>0</v>
      </c>
      <c r="JX13" s="102">
        <v>0</v>
      </c>
      <c r="JY13" s="102">
        <v>0</v>
      </c>
      <c r="JZ13" s="102">
        <v>0</v>
      </c>
      <c r="KA13" s="103">
        <v>0</v>
      </c>
      <c r="KB13" s="104">
        <v>0</v>
      </c>
      <c r="KC13" s="101">
        <v>278</v>
      </c>
      <c r="KD13" s="102">
        <v>163</v>
      </c>
      <c r="KE13" s="103">
        <v>441</v>
      </c>
      <c r="KF13" s="413">
        <v>0</v>
      </c>
      <c r="KG13" s="102">
        <v>299</v>
      </c>
      <c r="KH13" s="102">
        <v>222</v>
      </c>
      <c r="KI13" s="102">
        <v>150</v>
      </c>
      <c r="KJ13" s="102">
        <v>134</v>
      </c>
      <c r="KK13" s="102">
        <v>80</v>
      </c>
      <c r="KL13" s="103">
        <v>885</v>
      </c>
      <c r="KM13" s="104">
        <v>1326</v>
      </c>
    </row>
    <row r="14" spans="2:299" s="70" customFormat="1" ht="21" customHeight="1" x14ac:dyDescent="0.2">
      <c r="B14" s="106" t="s">
        <v>10</v>
      </c>
      <c r="C14" s="96">
        <v>296</v>
      </c>
      <c r="D14" s="97">
        <v>197</v>
      </c>
      <c r="E14" s="98">
        <v>493</v>
      </c>
      <c r="F14" s="413">
        <v>0</v>
      </c>
      <c r="G14" s="97">
        <v>285</v>
      </c>
      <c r="H14" s="97">
        <v>151</v>
      </c>
      <c r="I14" s="97">
        <v>120</v>
      </c>
      <c r="J14" s="97">
        <v>86</v>
      </c>
      <c r="K14" s="97">
        <v>77</v>
      </c>
      <c r="L14" s="99">
        <v>719</v>
      </c>
      <c r="M14" s="100">
        <v>1212</v>
      </c>
      <c r="N14" s="101">
        <v>15</v>
      </c>
      <c r="O14" s="102">
        <v>10</v>
      </c>
      <c r="P14" s="103">
        <v>25</v>
      </c>
      <c r="Q14" s="413">
        <v>0</v>
      </c>
      <c r="R14" s="102">
        <v>6</v>
      </c>
      <c r="S14" s="102">
        <v>8</v>
      </c>
      <c r="T14" s="102">
        <v>5</v>
      </c>
      <c r="U14" s="102">
        <v>3</v>
      </c>
      <c r="V14" s="102">
        <v>2</v>
      </c>
      <c r="W14" s="103">
        <v>24</v>
      </c>
      <c r="X14" s="104">
        <v>49</v>
      </c>
      <c r="Y14" s="101">
        <v>12</v>
      </c>
      <c r="Z14" s="102">
        <v>11</v>
      </c>
      <c r="AA14" s="103">
        <v>23</v>
      </c>
      <c r="AB14" s="413">
        <v>0</v>
      </c>
      <c r="AC14" s="102">
        <v>17</v>
      </c>
      <c r="AD14" s="102">
        <v>16</v>
      </c>
      <c r="AE14" s="102">
        <v>11</v>
      </c>
      <c r="AF14" s="102">
        <v>5</v>
      </c>
      <c r="AG14" s="102">
        <v>8</v>
      </c>
      <c r="AH14" s="103">
        <v>57</v>
      </c>
      <c r="AI14" s="104">
        <v>80</v>
      </c>
      <c r="AJ14" s="101">
        <v>23</v>
      </c>
      <c r="AK14" s="102">
        <v>29</v>
      </c>
      <c r="AL14" s="103">
        <v>52</v>
      </c>
      <c r="AM14" s="413">
        <v>0</v>
      </c>
      <c r="AN14" s="102">
        <v>43</v>
      </c>
      <c r="AO14" s="102">
        <v>18</v>
      </c>
      <c r="AP14" s="102">
        <v>11</v>
      </c>
      <c r="AQ14" s="102">
        <v>5</v>
      </c>
      <c r="AR14" s="102">
        <v>15</v>
      </c>
      <c r="AS14" s="103">
        <v>92</v>
      </c>
      <c r="AT14" s="104">
        <v>144</v>
      </c>
      <c r="AU14" s="101">
        <v>68</v>
      </c>
      <c r="AV14" s="102">
        <v>40</v>
      </c>
      <c r="AW14" s="103">
        <v>108</v>
      </c>
      <c r="AX14" s="413">
        <v>0</v>
      </c>
      <c r="AY14" s="102">
        <v>68</v>
      </c>
      <c r="AZ14" s="102">
        <v>24</v>
      </c>
      <c r="BA14" s="102">
        <v>23</v>
      </c>
      <c r="BB14" s="102">
        <v>17</v>
      </c>
      <c r="BC14" s="102">
        <v>19</v>
      </c>
      <c r="BD14" s="103">
        <v>151</v>
      </c>
      <c r="BE14" s="104">
        <v>259</v>
      </c>
      <c r="BF14" s="101">
        <v>93</v>
      </c>
      <c r="BG14" s="102">
        <v>49</v>
      </c>
      <c r="BH14" s="103">
        <v>142</v>
      </c>
      <c r="BI14" s="413">
        <v>0</v>
      </c>
      <c r="BJ14" s="102">
        <v>71</v>
      </c>
      <c r="BK14" s="102">
        <v>40</v>
      </c>
      <c r="BL14" s="102">
        <v>30</v>
      </c>
      <c r="BM14" s="102">
        <v>17</v>
      </c>
      <c r="BN14" s="102">
        <v>16</v>
      </c>
      <c r="BO14" s="103">
        <v>174</v>
      </c>
      <c r="BP14" s="104">
        <v>316</v>
      </c>
      <c r="BQ14" s="101">
        <v>85</v>
      </c>
      <c r="BR14" s="102">
        <v>58</v>
      </c>
      <c r="BS14" s="103">
        <v>143</v>
      </c>
      <c r="BT14" s="413">
        <v>0</v>
      </c>
      <c r="BU14" s="102">
        <v>80</v>
      </c>
      <c r="BV14" s="102">
        <v>45</v>
      </c>
      <c r="BW14" s="102">
        <v>40</v>
      </c>
      <c r="BX14" s="102">
        <v>39</v>
      </c>
      <c r="BY14" s="102">
        <v>17</v>
      </c>
      <c r="BZ14" s="103">
        <v>221</v>
      </c>
      <c r="CA14" s="104">
        <v>364</v>
      </c>
      <c r="CB14" s="101">
        <v>0</v>
      </c>
      <c r="CC14" s="102">
        <v>0</v>
      </c>
      <c r="CD14" s="103">
        <v>0</v>
      </c>
      <c r="CE14" s="413">
        <v>0</v>
      </c>
      <c r="CF14" s="102">
        <v>0</v>
      </c>
      <c r="CG14" s="102">
        <v>0</v>
      </c>
      <c r="CH14" s="102">
        <v>0</v>
      </c>
      <c r="CI14" s="102">
        <v>0</v>
      </c>
      <c r="CJ14" s="102">
        <v>0</v>
      </c>
      <c r="CK14" s="103">
        <v>0</v>
      </c>
      <c r="CL14" s="104">
        <v>0</v>
      </c>
      <c r="CM14" s="101">
        <v>296</v>
      </c>
      <c r="CN14" s="102">
        <v>197</v>
      </c>
      <c r="CO14" s="103">
        <v>493</v>
      </c>
      <c r="CP14" s="413">
        <v>0</v>
      </c>
      <c r="CQ14" s="102">
        <v>285</v>
      </c>
      <c r="CR14" s="102">
        <v>151</v>
      </c>
      <c r="CS14" s="102">
        <v>120</v>
      </c>
      <c r="CT14" s="102">
        <v>86</v>
      </c>
      <c r="CU14" s="102">
        <v>77</v>
      </c>
      <c r="CV14" s="103">
        <v>719</v>
      </c>
      <c r="CW14" s="104">
        <v>1212</v>
      </c>
      <c r="CX14" s="105">
        <v>109</v>
      </c>
      <c r="CY14" s="97">
        <v>72</v>
      </c>
      <c r="CZ14" s="98">
        <v>181</v>
      </c>
      <c r="DA14" s="413">
        <v>0</v>
      </c>
      <c r="DB14" s="97">
        <v>128</v>
      </c>
      <c r="DC14" s="97">
        <v>52</v>
      </c>
      <c r="DD14" s="97">
        <v>39</v>
      </c>
      <c r="DE14" s="97">
        <v>54</v>
      </c>
      <c r="DF14" s="97">
        <v>34</v>
      </c>
      <c r="DG14" s="99">
        <v>307</v>
      </c>
      <c r="DH14" s="100">
        <v>488</v>
      </c>
      <c r="DI14" s="101">
        <v>4</v>
      </c>
      <c r="DJ14" s="102">
        <v>3</v>
      </c>
      <c r="DK14" s="103">
        <v>7</v>
      </c>
      <c r="DL14" s="413">
        <v>0</v>
      </c>
      <c r="DM14" s="102">
        <v>2</v>
      </c>
      <c r="DN14" s="102">
        <v>0</v>
      </c>
      <c r="DO14" s="102">
        <v>0</v>
      </c>
      <c r="DP14" s="102">
        <v>1</v>
      </c>
      <c r="DQ14" s="102">
        <v>0</v>
      </c>
      <c r="DR14" s="103">
        <v>3</v>
      </c>
      <c r="DS14" s="104">
        <v>10</v>
      </c>
      <c r="DT14" s="101">
        <v>8</v>
      </c>
      <c r="DU14" s="102">
        <v>3</v>
      </c>
      <c r="DV14" s="103">
        <v>11</v>
      </c>
      <c r="DW14" s="413">
        <v>0</v>
      </c>
      <c r="DX14" s="102">
        <v>6</v>
      </c>
      <c r="DY14" s="102">
        <v>4</v>
      </c>
      <c r="DZ14" s="102">
        <v>1</v>
      </c>
      <c r="EA14" s="102">
        <v>0</v>
      </c>
      <c r="EB14" s="102">
        <v>1</v>
      </c>
      <c r="EC14" s="103">
        <v>12</v>
      </c>
      <c r="ED14" s="104">
        <v>23</v>
      </c>
      <c r="EE14" s="101">
        <v>12</v>
      </c>
      <c r="EF14" s="102">
        <v>14</v>
      </c>
      <c r="EG14" s="103">
        <v>26</v>
      </c>
      <c r="EH14" s="413">
        <v>0</v>
      </c>
      <c r="EI14" s="102">
        <v>15</v>
      </c>
      <c r="EJ14" s="102">
        <v>3</v>
      </c>
      <c r="EK14" s="102">
        <v>2</v>
      </c>
      <c r="EL14" s="102">
        <v>2</v>
      </c>
      <c r="EM14" s="102">
        <v>1</v>
      </c>
      <c r="EN14" s="103">
        <v>23</v>
      </c>
      <c r="EO14" s="104">
        <v>49</v>
      </c>
      <c r="EP14" s="101">
        <v>31</v>
      </c>
      <c r="EQ14" s="102">
        <v>16</v>
      </c>
      <c r="ER14" s="103">
        <v>47</v>
      </c>
      <c r="ES14" s="413">
        <v>0</v>
      </c>
      <c r="ET14" s="102">
        <v>24</v>
      </c>
      <c r="EU14" s="102">
        <v>10</v>
      </c>
      <c r="EV14" s="102">
        <v>5</v>
      </c>
      <c r="EW14" s="102">
        <v>6</v>
      </c>
      <c r="EX14" s="102">
        <v>7</v>
      </c>
      <c r="EY14" s="103">
        <v>52</v>
      </c>
      <c r="EZ14" s="104">
        <v>99</v>
      </c>
      <c r="FA14" s="101">
        <v>31</v>
      </c>
      <c r="FB14" s="102">
        <v>21</v>
      </c>
      <c r="FC14" s="103">
        <v>52</v>
      </c>
      <c r="FD14" s="413">
        <v>0</v>
      </c>
      <c r="FE14" s="102">
        <v>34</v>
      </c>
      <c r="FF14" s="102">
        <v>14</v>
      </c>
      <c r="FG14" s="102">
        <v>11</v>
      </c>
      <c r="FH14" s="102">
        <v>10</v>
      </c>
      <c r="FI14" s="102">
        <v>7</v>
      </c>
      <c r="FJ14" s="103">
        <v>76</v>
      </c>
      <c r="FK14" s="104">
        <v>128</v>
      </c>
      <c r="FL14" s="101">
        <v>23</v>
      </c>
      <c r="FM14" s="102">
        <v>15</v>
      </c>
      <c r="FN14" s="103">
        <v>38</v>
      </c>
      <c r="FO14" s="413">
        <v>0</v>
      </c>
      <c r="FP14" s="102">
        <v>47</v>
      </c>
      <c r="FQ14" s="102">
        <v>21</v>
      </c>
      <c r="FR14" s="102">
        <v>20</v>
      </c>
      <c r="FS14" s="102">
        <v>35</v>
      </c>
      <c r="FT14" s="102">
        <v>18</v>
      </c>
      <c r="FU14" s="103">
        <v>141</v>
      </c>
      <c r="FV14" s="104">
        <v>179</v>
      </c>
      <c r="FW14" s="101">
        <v>0</v>
      </c>
      <c r="FX14" s="102">
        <v>0</v>
      </c>
      <c r="FY14" s="103">
        <v>0</v>
      </c>
      <c r="FZ14" s="413">
        <v>0</v>
      </c>
      <c r="GA14" s="102">
        <v>0</v>
      </c>
      <c r="GB14" s="102">
        <v>0</v>
      </c>
      <c r="GC14" s="102">
        <v>0</v>
      </c>
      <c r="GD14" s="102">
        <v>0</v>
      </c>
      <c r="GE14" s="102">
        <v>0</v>
      </c>
      <c r="GF14" s="103">
        <v>0</v>
      </c>
      <c r="GG14" s="104">
        <v>0</v>
      </c>
      <c r="GH14" s="101">
        <v>109</v>
      </c>
      <c r="GI14" s="102">
        <v>72</v>
      </c>
      <c r="GJ14" s="103">
        <v>181</v>
      </c>
      <c r="GK14" s="413">
        <v>0</v>
      </c>
      <c r="GL14" s="102">
        <v>128</v>
      </c>
      <c r="GM14" s="102">
        <v>52</v>
      </c>
      <c r="GN14" s="102">
        <v>39</v>
      </c>
      <c r="GO14" s="102">
        <v>54</v>
      </c>
      <c r="GP14" s="102">
        <v>34</v>
      </c>
      <c r="GQ14" s="103">
        <v>307</v>
      </c>
      <c r="GR14" s="104">
        <v>488</v>
      </c>
      <c r="GS14" s="105">
        <v>405</v>
      </c>
      <c r="GT14" s="97">
        <v>269</v>
      </c>
      <c r="GU14" s="98">
        <v>674</v>
      </c>
      <c r="GV14" s="413">
        <v>0</v>
      </c>
      <c r="GW14" s="97">
        <v>413</v>
      </c>
      <c r="GX14" s="97">
        <v>203</v>
      </c>
      <c r="GY14" s="97">
        <v>159</v>
      </c>
      <c r="GZ14" s="97">
        <v>140</v>
      </c>
      <c r="HA14" s="97">
        <v>111</v>
      </c>
      <c r="HB14" s="99">
        <v>1026</v>
      </c>
      <c r="HC14" s="100">
        <v>1700</v>
      </c>
      <c r="HD14" s="101">
        <v>19</v>
      </c>
      <c r="HE14" s="102">
        <v>13</v>
      </c>
      <c r="HF14" s="103">
        <v>32</v>
      </c>
      <c r="HG14" s="413">
        <v>0</v>
      </c>
      <c r="HH14" s="102">
        <v>8</v>
      </c>
      <c r="HI14" s="102">
        <v>8</v>
      </c>
      <c r="HJ14" s="102">
        <v>5</v>
      </c>
      <c r="HK14" s="102">
        <v>4</v>
      </c>
      <c r="HL14" s="102">
        <v>2</v>
      </c>
      <c r="HM14" s="103">
        <v>27</v>
      </c>
      <c r="HN14" s="104">
        <v>59</v>
      </c>
      <c r="HO14" s="101">
        <v>20</v>
      </c>
      <c r="HP14" s="102">
        <v>14</v>
      </c>
      <c r="HQ14" s="103">
        <v>34</v>
      </c>
      <c r="HR14" s="413">
        <v>0</v>
      </c>
      <c r="HS14" s="102">
        <v>23</v>
      </c>
      <c r="HT14" s="102">
        <v>20</v>
      </c>
      <c r="HU14" s="102">
        <v>12</v>
      </c>
      <c r="HV14" s="102">
        <v>5</v>
      </c>
      <c r="HW14" s="102">
        <v>9</v>
      </c>
      <c r="HX14" s="103">
        <v>69</v>
      </c>
      <c r="HY14" s="104">
        <v>103</v>
      </c>
      <c r="HZ14" s="101">
        <v>35</v>
      </c>
      <c r="IA14" s="102">
        <v>43</v>
      </c>
      <c r="IB14" s="103">
        <v>78</v>
      </c>
      <c r="IC14" s="413">
        <v>0</v>
      </c>
      <c r="ID14" s="102">
        <v>58</v>
      </c>
      <c r="IE14" s="102">
        <v>21</v>
      </c>
      <c r="IF14" s="102">
        <v>13</v>
      </c>
      <c r="IG14" s="102">
        <v>7</v>
      </c>
      <c r="IH14" s="102">
        <v>16</v>
      </c>
      <c r="II14" s="103">
        <v>115</v>
      </c>
      <c r="IJ14" s="104">
        <v>193</v>
      </c>
      <c r="IK14" s="101">
        <v>99</v>
      </c>
      <c r="IL14" s="102">
        <v>56</v>
      </c>
      <c r="IM14" s="103">
        <v>155</v>
      </c>
      <c r="IN14" s="413">
        <v>0</v>
      </c>
      <c r="IO14" s="102">
        <v>92</v>
      </c>
      <c r="IP14" s="102">
        <v>34</v>
      </c>
      <c r="IQ14" s="102">
        <v>28</v>
      </c>
      <c r="IR14" s="102">
        <v>23</v>
      </c>
      <c r="IS14" s="102">
        <v>26</v>
      </c>
      <c r="IT14" s="103">
        <v>203</v>
      </c>
      <c r="IU14" s="104">
        <v>358</v>
      </c>
      <c r="IV14" s="101">
        <v>124</v>
      </c>
      <c r="IW14" s="102">
        <v>70</v>
      </c>
      <c r="IX14" s="103">
        <v>194</v>
      </c>
      <c r="IY14" s="413">
        <v>0</v>
      </c>
      <c r="IZ14" s="102">
        <v>105</v>
      </c>
      <c r="JA14" s="102">
        <v>54</v>
      </c>
      <c r="JB14" s="102">
        <v>41</v>
      </c>
      <c r="JC14" s="102">
        <v>27</v>
      </c>
      <c r="JD14" s="102">
        <v>23</v>
      </c>
      <c r="JE14" s="103">
        <v>250</v>
      </c>
      <c r="JF14" s="104">
        <v>444</v>
      </c>
      <c r="JG14" s="101">
        <v>108</v>
      </c>
      <c r="JH14" s="102">
        <v>73</v>
      </c>
      <c r="JI14" s="103">
        <v>181</v>
      </c>
      <c r="JJ14" s="413">
        <v>0</v>
      </c>
      <c r="JK14" s="102">
        <v>127</v>
      </c>
      <c r="JL14" s="102">
        <v>66</v>
      </c>
      <c r="JM14" s="102">
        <v>60</v>
      </c>
      <c r="JN14" s="102">
        <v>74</v>
      </c>
      <c r="JO14" s="102">
        <v>35</v>
      </c>
      <c r="JP14" s="103">
        <v>362</v>
      </c>
      <c r="JQ14" s="104">
        <v>543</v>
      </c>
      <c r="JR14" s="101">
        <v>0</v>
      </c>
      <c r="JS14" s="102">
        <v>0</v>
      </c>
      <c r="JT14" s="103">
        <v>0</v>
      </c>
      <c r="JU14" s="413">
        <v>0</v>
      </c>
      <c r="JV14" s="102">
        <v>0</v>
      </c>
      <c r="JW14" s="102">
        <v>0</v>
      </c>
      <c r="JX14" s="102">
        <v>0</v>
      </c>
      <c r="JY14" s="102">
        <v>0</v>
      </c>
      <c r="JZ14" s="102">
        <v>0</v>
      </c>
      <c r="KA14" s="103">
        <v>0</v>
      </c>
      <c r="KB14" s="104">
        <v>0</v>
      </c>
      <c r="KC14" s="101">
        <v>405</v>
      </c>
      <c r="KD14" s="102">
        <v>269</v>
      </c>
      <c r="KE14" s="103">
        <v>674</v>
      </c>
      <c r="KF14" s="413">
        <v>0</v>
      </c>
      <c r="KG14" s="102">
        <v>413</v>
      </c>
      <c r="KH14" s="102">
        <v>203</v>
      </c>
      <c r="KI14" s="102">
        <v>159</v>
      </c>
      <c r="KJ14" s="102">
        <v>140</v>
      </c>
      <c r="KK14" s="102">
        <v>111</v>
      </c>
      <c r="KL14" s="103">
        <v>1026</v>
      </c>
      <c r="KM14" s="104">
        <v>1700</v>
      </c>
    </row>
    <row r="15" spans="2:299" s="70" customFormat="1" ht="21" customHeight="1" x14ac:dyDescent="0.2">
      <c r="B15" s="106" t="s">
        <v>11</v>
      </c>
      <c r="C15" s="96">
        <v>56</v>
      </c>
      <c r="D15" s="97">
        <v>38</v>
      </c>
      <c r="E15" s="98">
        <v>94</v>
      </c>
      <c r="F15" s="413">
        <v>0</v>
      </c>
      <c r="G15" s="97">
        <v>95</v>
      </c>
      <c r="H15" s="97">
        <v>69</v>
      </c>
      <c r="I15" s="97">
        <v>38</v>
      </c>
      <c r="J15" s="97">
        <v>27</v>
      </c>
      <c r="K15" s="97">
        <v>26</v>
      </c>
      <c r="L15" s="99">
        <v>255</v>
      </c>
      <c r="M15" s="100">
        <v>349</v>
      </c>
      <c r="N15" s="101">
        <v>0</v>
      </c>
      <c r="O15" s="102">
        <v>1</v>
      </c>
      <c r="P15" s="103">
        <v>1</v>
      </c>
      <c r="Q15" s="413">
        <v>0</v>
      </c>
      <c r="R15" s="102">
        <v>2</v>
      </c>
      <c r="S15" s="102">
        <v>6</v>
      </c>
      <c r="T15" s="102">
        <v>2</v>
      </c>
      <c r="U15" s="102">
        <v>1</v>
      </c>
      <c r="V15" s="102">
        <v>1</v>
      </c>
      <c r="W15" s="103">
        <v>12</v>
      </c>
      <c r="X15" s="104">
        <v>13</v>
      </c>
      <c r="Y15" s="101">
        <v>4</v>
      </c>
      <c r="Z15" s="102">
        <v>2</v>
      </c>
      <c r="AA15" s="103">
        <v>6</v>
      </c>
      <c r="AB15" s="413">
        <v>0</v>
      </c>
      <c r="AC15" s="102">
        <v>8</v>
      </c>
      <c r="AD15" s="102">
        <v>2</v>
      </c>
      <c r="AE15" s="102">
        <v>1</v>
      </c>
      <c r="AF15" s="102">
        <v>2</v>
      </c>
      <c r="AG15" s="102">
        <v>1</v>
      </c>
      <c r="AH15" s="103">
        <v>14</v>
      </c>
      <c r="AI15" s="104">
        <v>20</v>
      </c>
      <c r="AJ15" s="101">
        <v>7</v>
      </c>
      <c r="AK15" s="102">
        <v>4</v>
      </c>
      <c r="AL15" s="103">
        <v>11</v>
      </c>
      <c r="AM15" s="413">
        <v>0</v>
      </c>
      <c r="AN15" s="102">
        <v>18</v>
      </c>
      <c r="AO15" s="102">
        <v>5</v>
      </c>
      <c r="AP15" s="102">
        <v>6</v>
      </c>
      <c r="AQ15" s="102">
        <v>1</v>
      </c>
      <c r="AR15" s="102">
        <v>1</v>
      </c>
      <c r="AS15" s="103">
        <v>31</v>
      </c>
      <c r="AT15" s="104">
        <v>42</v>
      </c>
      <c r="AU15" s="101">
        <v>12</v>
      </c>
      <c r="AV15" s="102">
        <v>11</v>
      </c>
      <c r="AW15" s="103">
        <v>23</v>
      </c>
      <c r="AX15" s="413">
        <v>0</v>
      </c>
      <c r="AY15" s="102">
        <v>21</v>
      </c>
      <c r="AZ15" s="102">
        <v>15</v>
      </c>
      <c r="BA15" s="102">
        <v>9</v>
      </c>
      <c r="BB15" s="102">
        <v>10</v>
      </c>
      <c r="BC15" s="102">
        <v>10</v>
      </c>
      <c r="BD15" s="103">
        <v>65</v>
      </c>
      <c r="BE15" s="104">
        <v>88</v>
      </c>
      <c r="BF15" s="101">
        <v>21</v>
      </c>
      <c r="BG15" s="102">
        <v>10</v>
      </c>
      <c r="BH15" s="103">
        <v>31</v>
      </c>
      <c r="BI15" s="413">
        <v>0</v>
      </c>
      <c r="BJ15" s="102">
        <v>23</v>
      </c>
      <c r="BK15" s="102">
        <v>21</v>
      </c>
      <c r="BL15" s="102">
        <v>11</v>
      </c>
      <c r="BM15" s="102">
        <v>9</v>
      </c>
      <c r="BN15" s="102">
        <v>3</v>
      </c>
      <c r="BO15" s="103">
        <v>67</v>
      </c>
      <c r="BP15" s="104">
        <v>98</v>
      </c>
      <c r="BQ15" s="101">
        <v>12</v>
      </c>
      <c r="BR15" s="102">
        <v>10</v>
      </c>
      <c r="BS15" s="103">
        <v>22</v>
      </c>
      <c r="BT15" s="413">
        <v>0</v>
      </c>
      <c r="BU15" s="102">
        <v>23</v>
      </c>
      <c r="BV15" s="102">
        <v>20</v>
      </c>
      <c r="BW15" s="102">
        <v>9</v>
      </c>
      <c r="BX15" s="102">
        <v>4</v>
      </c>
      <c r="BY15" s="102">
        <v>10</v>
      </c>
      <c r="BZ15" s="103">
        <v>66</v>
      </c>
      <c r="CA15" s="104">
        <v>88</v>
      </c>
      <c r="CB15" s="101">
        <v>0</v>
      </c>
      <c r="CC15" s="102">
        <v>0</v>
      </c>
      <c r="CD15" s="103">
        <v>0</v>
      </c>
      <c r="CE15" s="413">
        <v>0</v>
      </c>
      <c r="CF15" s="102">
        <v>0</v>
      </c>
      <c r="CG15" s="102">
        <v>0</v>
      </c>
      <c r="CH15" s="102">
        <v>0</v>
      </c>
      <c r="CI15" s="102">
        <v>0</v>
      </c>
      <c r="CJ15" s="102">
        <v>0</v>
      </c>
      <c r="CK15" s="103">
        <v>0</v>
      </c>
      <c r="CL15" s="104">
        <v>0</v>
      </c>
      <c r="CM15" s="101">
        <v>56</v>
      </c>
      <c r="CN15" s="102">
        <v>38</v>
      </c>
      <c r="CO15" s="103">
        <v>94</v>
      </c>
      <c r="CP15" s="413">
        <v>0</v>
      </c>
      <c r="CQ15" s="102">
        <v>95</v>
      </c>
      <c r="CR15" s="102">
        <v>69</v>
      </c>
      <c r="CS15" s="102">
        <v>38</v>
      </c>
      <c r="CT15" s="102">
        <v>27</v>
      </c>
      <c r="CU15" s="102">
        <v>26</v>
      </c>
      <c r="CV15" s="103">
        <v>255</v>
      </c>
      <c r="CW15" s="104">
        <v>349</v>
      </c>
      <c r="CX15" s="105">
        <v>29</v>
      </c>
      <c r="CY15" s="97">
        <v>23</v>
      </c>
      <c r="CZ15" s="98">
        <v>52</v>
      </c>
      <c r="DA15" s="413">
        <v>0</v>
      </c>
      <c r="DB15" s="97">
        <v>37</v>
      </c>
      <c r="DC15" s="97">
        <v>29</v>
      </c>
      <c r="DD15" s="97">
        <v>13</v>
      </c>
      <c r="DE15" s="97">
        <v>31</v>
      </c>
      <c r="DF15" s="97">
        <v>11</v>
      </c>
      <c r="DG15" s="99">
        <v>121</v>
      </c>
      <c r="DH15" s="100">
        <v>173</v>
      </c>
      <c r="DI15" s="101">
        <v>0</v>
      </c>
      <c r="DJ15" s="102">
        <v>2</v>
      </c>
      <c r="DK15" s="103">
        <v>2</v>
      </c>
      <c r="DL15" s="413">
        <v>0</v>
      </c>
      <c r="DM15" s="102">
        <v>1</v>
      </c>
      <c r="DN15" s="102">
        <v>1</v>
      </c>
      <c r="DO15" s="102">
        <v>1</v>
      </c>
      <c r="DP15" s="102">
        <v>0</v>
      </c>
      <c r="DQ15" s="102">
        <v>0</v>
      </c>
      <c r="DR15" s="103">
        <v>3</v>
      </c>
      <c r="DS15" s="104">
        <v>5</v>
      </c>
      <c r="DT15" s="101">
        <v>3</v>
      </c>
      <c r="DU15" s="102">
        <v>0</v>
      </c>
      <c r="DV15" s="103">
        <v>3</v>
      </c>
      <c r="DW15" s="413">
        <v>0</v>
      </c>
      <c r="DX15" s="102">
        <v>1</v>
      </c>
      <c r="DY15" s="102">
        <v>3</v>
      </c>
      <c r="DZ15" s="102">
        <v>0</v>
      </c>
      <c r="EA15" s="102">
        <v>2</v>
      </c>
      <c r="EB15" s="102">
        <v>1</v>
      </c>
      <c r="EC15" s="103">
        <v>7</v>
      </c>
      <c r="ED15" s="104">
        <v>10</v>
      </c>
      <c r="EE15" s="101">
        <v>3</v>
      </c>
      <c r="EF15" s="102">
        <v>2</v>
      </c>
      <c r="EG15" s="103">
        <v>5</v>
      </c>
      <c r="EH15" s="413">
        <v>0</v>
      </c>
      <c r="EI15" s="102">
        <v>4</v>
      </c>
      <c r="EJ15" s="102">
        <v>3</v>
      </c>
      <c r="EK15" s="102">
        <v>0</v>
      </c>
      <c r="EL15" s="102">
        <v>1</v>
      </c>
      <c r="EM15" s="102">
        <v>1</v>
      </c>
      <c r="EN15" s="103">
        <v>9</v>
      </c>
      <c r="EO15" s="104">
        <v>14</v>
      </c>
      <c r="EP15" s="101">
        <v>7</v>
      </c>
      <c r="EQ15" s="102">
        <v>5</v>
      </c>
      <c r="ER15" s="103">
        <v>12</v>
      </c>
      <c r="ES15" s="413">
        <v>0</v>
      </c>
      <c r="ET15" s="102">
        <v>4</v>
      </c>
      <c r="EU15" s="102">
        <v>4</v>
      </c>
      <c r="EV15" s="102">
        <v>1</v>
      </c>
      <c r="EW15" s="102">
        <v>4</v>
      </c>
      <c r="EX15" s="102">
        <v>3</v>
      </c>
      <c r="EY15" s="103">
        <v>16</v>
      </c>
      <c r="EZ15" s="104">
        <v>28</v>
      </c>
      <c r="FA15" s="101">
        <v>11</v>
      </c>
      <c r="FB15" s="102">
        <v>6</v>
      </c>
      <c r="FC15" s="103">
        <v>17</v>
      </c>
      <c r="FD15" s="413">
        <v>0</v>
      </c>
      <c r="FE15" s="102">
        <v>15</v>
      </c>
      <c r="FF15" s="102">
        <v>8</v>
      </c>
      <c r="FG15" s="102">
        <v>3</v>
      </c>
      <c r="FH15" s="102">
        <v>3</v>
      </c>
      <c r="FI15" s="102">
        <v>2</v>
      </c>
      <c r="FJ15" s="103">
        <v>31</v>
      </c>
      <c r="FK15" s="104">
        <v>48</v>
      </c>
      <c r="FL15" s="101">
        <v>5</v>
      </c>
      <c r="FM15" s="102">
        <v>8</v>
      </c>
      <c r="FN15" s="103">
        <v>13</v>
      </c>
      <c r="FO15" s="413">
        <v>0</v>
      </c>
      <c r="FP15" s="102">
        <v>12</v>
      </c>
      <c r="FQ15" s="102">
        <v>10</v>
      </c>
      <c r="FR15" s="102">
        <v>8</v>
      </c>
      <c r="FS15" s="102">
        <v>21</v>
      </c>
      <c r="FT15" s="102">
        <v>4</v>
      </c>
      <c r="FU15" s="103">
        <v>55</v>
      </c>
      <c r="FV15" s="104">
        <v>68</v>
      </c>
      <c r="FW15" s="101">
        <v>0</v>
      </c>
      <c r="FX15" s="102">
        <v>0</v>
      </c>
      <c r="FY15" s="103">
        <v>0</v>
      </c>
      <c r="FZ15" s="413">
        <v>0</v>
      </c>
      <c r="GA15" s="102">
        <v>0</v>
      </c>
      <c r="GB15" s="102">
        <v>0</v>
      </c>
      <c r="GC15" s="102">
        <v>0</v>
      </c>
      <c r="GD15" s="102">
        <v>0</v>
      </c>
      <c r="GE15" s="102">
        <v>0</v>
      </c>
      <c r="GF15" s="103">
        <v>0</v>
      </c>
      <c r="GG15" s="104">
        <v>0</v>
      </c>
      <c r="GH15" s="101">
        <v>29</v>
      </c>
      <c r="GI15" s="102">
        <v>23</v>
      </c>
      <c r="GJ15" s="103">
        <v>52</v>
      </c>
      <c r="GK15" s="413">
        <v>0</v>
      </c>
      <c r="GL15" s="102">
        <v>37</v>
      </c>
      <c r="GM15" s="102">
        <v>29</v>
      </c>
      <c r="GN15" s="102">
        <v>13</v>
      </c>
      <c r="GO15" s="102">
        <v>31</v>
      </c>
      <c r="GP15" s="102">
        <v>11</v>
      </c>
      <c r="GQ15" s="103">
        <v>121</v>
      </c>
      <c r="GR15" s="104">
        <v>173</v>
      </c>
      <c r="GS15" s="105">
        <v>85</v>
      </c>
      <c r="GT15" s="97">
        <v>61</v>
      </c>
      <c r="GU15" s="98">
        <v>146</v>
      </c>
      <c r="GV15" s="413">
        <v>0</v>
      </c>
      <c r="GW15" s="97">
        <v>132</v>
      </c>
      <c r="GX15" s="97">
        <v>98</v>
      </c>
      <c r="GY15" s="97">
        <v>51</v>
      </c>
      <c r="GZ15" s="97">
        <v>58</v>
      </c>
      <c r="HA15" s="97">
        <v>37</v>
      </c>
      <c r="HB15" s="99">
        <v>376</v>
      </c>
      <c r="HC15" s="100">
        <v>522</v>
      </c>
      <c r="HD15" s="101">
        <v>0</v>
      </c>
      <c r="HE15" s="102">
        <v>3</v>
      </c>
      <c r="HF15" s="103">
        <v>3</v>
      </c>
      <c r="HG15" s="413">
        <v>0</v>
      </c>
      <c r="HH15" s="102">
        <v>3</v>
      </c>
      <c r="HI15" s="102">
        <v>7</v>
      </c>
      <c r="HJ15" s="102">
        <v>3</v>
      </c>
      <c r="HK15" s="102">
        <v>1</v>
      </c>
      <c r="HL15" s="102">
        <v>1</v>
      </c>
      <c r="HM15" s="103">
        <v>15</v>
      </c>
      <c r="HN15" s="104">
        <v>18</v>
      </c>
      <c r="HO15" s="101">
        <v>7</v>
      </c>
      <c r="HP15" s="102">
        <v>2</v>
      </c>
      <c r="HQ15" s="103">
        <v>9</v>
      </c>
      <c r="HR15" s="413">
        <v>0</v>
      </c>
      <c r="HS15" s="102">
        <v>9</v>
      </c>
      <c r="HT15" s="102">
        <v>5</v>
      </c>
      <c r="HU15" s="102">
        <v>1</v>
      </c>
      <c r="HV15" s="102">
        <v>4</v>
      </c>
      <c r="HW15" s="102">
        <v>2</v>
      </c>
      <c r="HX15" s="103">
        <v>21</v>
      </c>
      <c r="HY15" s="104">
        <v>30</v>
      </c>
      <c r="HZ15" s="101">
        <v>10</v>
      </c>
      <c r="IA15" s="102">
        <v>6</v>
      </c>
      <c r="IB15" s="103">
        <v>16</v>
      </c>
      <c r="IC15" s="413">
        <v>0</v>
      </c>
      <c r="ID15" s="102">
        <v>22</v>
      </c>
      <c r="IE15" s="102">
        <v>8</v>
      </c>
      <c r="IF15" s="102">
        <v>6</v>
      </c>
      <c r="IG15" s="102">
        <v>2</v>
      </c>
      <c r="IH15" s="102">
        <v>2</v>
      </c>
      <c r="II15" s="103">
        <v>40</v>
      </c>
      <c r="IJ15" s="104">
        <v>56</v>
      </c>
      <c r="IK15" s="101">
        <v>19</v>
      </c>
      <c r="IL15" s="102">
        <v>16</v>
      </c>
      <c r="IM15" s="103">
        <v>35</v>
      </c>
      <c r="IN15" s="413">
        <v>0</v>
      </c>
      <c r="IO15" s="102">
        <v>25</v>
      </c>
      <c r="IP15" s="102">
        <v>19</v>
      </c>
      <c r="IQ15" s="102">
        <v>10</v>
      </c>
      <c r="IR15" s="102">
        <v>14</v>
      </c>
      <c r="IS15" s="102">
        <v>13</v>
      </c>
      <c r="IT15" s="103">
        <v>81</v>
      </c>
      <c r="IU15" s="104">
        <v>116</v>
      </c>
      <c r="IV15" s="101">
        <v>32</v>
      </c>
      <c r="IW15" s="102">
        <v>16</v>
      </c>
      <c r="IX15" s="103">
        <v>48</v>
      </c>
      <c r="IY15" s="413">
        <v>0</v>
      </c>
      <c r="IZ15" s="102">
        <v>38</v>
      </c>
      <c r="JA15" s="102">
        <v>29</v>
      </c>
      <c r="JB15" s="102">
        <v>14</v>
      </c>
      <c r="JC15" s="102">
        <v>12</v>
      </c>
      <c r="JD15" s="102">
        <v>5</v>
      </c>
      <c r="JE15" s="103">
        <v>98</v>
      </c>
      <c r="JF15" s="104">
        <v>146</v>
      </c>
      <c r="JG15" s="101">
        <v>17</v>
      </c>
      <c r="JH15" s="102">
        <v>18</v>
      </c>
      <c r="JI15" s="103">
        <v>35</v>
      </c>
      <c r="JJ15" s="413">
        <v>0</v>
      </c>
      <c r="JK15" s="102">
        <v>35</v>
      </c>
      <c r="JL15" s="102">
        <v>30</v>
      </c>
      <c r="JM15" s="102">
        <v>17</v>
      </c>
      <c r="JN15" s="102">
        <v>25</v>
      </c>
      <c r="JO15" s="102">
        <v>14</v>
      </c>
      <c r="JP15" s="103">
        <v>121</v>
      </c>
      <c r="JQ15" s="104">
        <v>156</v>
      </c>
      <c r="JR15" s="101">
        <v>0</v>
      </c>
      <c r="JS15" s="102">
        <v>0</v>
      </c>
      <c r="JT15" s="103">
        <v>0</v>
      </c>
      <c r="JU15" s="413">
        <v>0</v>
      </c>
      <c r="JV15" s="102">
        <v>0</v>
      </c>
      <c r="JW15" s="102">
        <v>0</v>
      </c>
      <c r="JX15" s="102">
        <v>0</v>
      </c>
      <c r="JY15" s="102">
        <v>0</v>
      </c>
      <c r="JZ15" s="102">
        <v>0</v>
      </c>
      <c r="KA15" s="103">
        <v>0</v>
      </c>
      <c r="KB15" s="104">
        <v>0</v>
      </c>
      <c r="KC15" s="101">
        <v>85</v>
      </c>
      <c r="KD15" s="102">
        <v>61</v>
      </c>
      <c r="KE15" s="103">
        <v>146</v>
      </c>
      <c r="KF15" s="413">
        <v>0</v>
      </c>
      <c r="KG15" s="102">
        <v>132</v>
      </c>
      <c r="KH15" s="102">
        <v>98</v>
      </c>
      <c r="KI15" s="102">
        <v>51</v>
      </c>
      <c r="KJ15" s="102">
        <v>58</v>
      </c>
      <c r="KK15" s="102">
        <v>37</v>
      </c>
      <c r="KL15" s="103">
        <v>376</v>
      </c>
      <c r="KM15" s="104">
        <v>522</v>
      </c>
    </row>
    <row r="16" spans="2:299" s="70" customFormat="1" ht="21" customHeight="1" x14ac:dyDescent="0.2">
      <c r="B16" s="106" t="s">
        <v>12</v>
      </c>
      <c r="C16" s="96">
        <v>123</v>
      </c>
      <c r="D16" s="97">
        <v>122</v>
      </c>
      <c r="E16" s="98">
        <v>245</v>
      </c>
      <c r="F16" s="413">
        <v>0</v>
      </c>
      <c r="G16" s="97">
        <v>119</v>
      </c>
      <c r="H16" s="97">
        <v>98</v>
      </c>
      <c r="I16" s="97">
        <v>63</v>
      </c>
      <c r="J16" s="97">
        <v>68</v>
      </c>
      <c r="K16" s="97">
        <v>27</v>
      </c>
      <c r="L16" s="99">
        <v>375</v>
      </c>
      <c r="M16" s="100">
        <v>620</v>
      </c>
      <c r="N16" s="107">
        <v>4</v>
      </c>
      <c r="O16" s="102">
        <v>5</v>
      </c>
      <c r="P16" s="103">
        <v>9</v>
      </c>
      <c r="Q16" s="413">
        <v>0</v>
      </c>
      <c r="R16" s="102">
        <v>1</v>
      </c>
      <c r="S16" s="102">
        <v>0</v>
      </c>
      <c r="T16" s="102">
        <v>3</v>
      </c>
      <c r="U16" s="102">
        <v>1</v>
      </c>
      <c r="V16" s="102">
        <v>1</v>
      </c>
      <c r="W16" s="103">
        <v>6</v>
      </c>
      <c r="X16" s="104">
        <v>15</v>
      </c>
      <c r="Y16" s="101">
        <v>5</v>
      </c>
      <c r="Z16" s="102">
        <v>9</v>
      </c>
      <c r="AA16" s="103">
        <v>14</v>
      </c>
      <c r="AB16" s="413">
        <v>0</v>
      </c>
      <c r="AC16" s="102">
        <v>7</v>
      </c>
      <c r="AD16" s="102">
        <v>4</v>
      </c>
      <c r="AE16" s="102">
        <v>5</v>
      </c>
      <c r="AF16" s="102">
        <v>4</v>
      </c>
      <c r="AG16" s="102">
        <v>1</v>
      </c>
      <c r="AH16" s="103">
        <v>21</v>
      </c>
      <c r="AI16" s="104">
        <v>35</v>
      </c>
      <c r="AJ16" s="107">
        <v>7</v>
      </c>
      <c r="AK16" s="102">
        <v>12</v>
      </c>
      <c r="AL16" s="103">
        <v>19</v>
      </c>
      <c r="AM16" s="413">
        <v>0</v>
      </c>
      <c r="AN16" s="102">
        <v>13</v>
      </c>
      <c r="AO16" s="102">
        <v>10</v>
      </c>
      <c r="AP16" s="102">
        <v>7</v>
      </c>
      <c r="AQ16" s="102">
        <v>10</v>
      </c>
      <c r="AR16" s="102">
        <v>2</v>
      </c>
      <c r="AS16" s="103">
        <v>42</v>
      </c>
      <c r="AT16" s="104">
        <v>61</v>
      </c>
      <c r="AU16" s="101">
        <v>30</v>
      </c>
      <c r="AV16" s="102">
        <v>31</v>
      </c>
      <c r="AW16" s="103">
        <v>61</v>
      </c>
      <c r="AX16" s="413">
        <v>0</v>
      </c>
      <c r="AY16" s="102">
        <v>22</v>
      </c>
      <c r="AZ16" s="102">
        <v>33</v>
      </c>
      <c r="BA16" s="102">
        <v>10</v>
      </c>
      <c r="BB16" s="102">
        <v>11</v>
      </c>
      <c r="BC16" s="102">
        <v>12</v>
      </c>
      <c r="BD16" s="103">
        <v>88</v>
      </c>
      <c r="BE16" s="104">
        <v>149</v>
      </c>
      <c r="BF16" s="107">
        <v>45</v>
      </c>
      <c r="BG16" s="102">
        <v>32</v>
      </c>
      <c r="BH16" s="103">
        <v>77</v>
      </c>
      <c r="BI16" s="413">
        <v>0</v>
      </c>
      <c r="BJ16" s="102">
        <v>39</v>
      </c>
      <c r="BK16" s="102">
        <v>26</v>
      </c>
      <c r="BL16" s="102">
        <v>17</v>
      </c>
      <c r="BM16" s="102">
        <v>23</v>
      </c>
      <c r="BN16" s="102">
        <v>7</v>
      </c>
      <c r="BO16" s="103">
        <v>112</v>
      </c>
      <c r="BP16" s="104">
        <v>189</v>
      </c>
      <c r="BQ16" s="101">
        <v>32</v>
      </c>
      <c r="BR16" s="102">
        <v>33</v>
      </c>
      <c r="BS16" s="103">
        <v>65</v>
      </c>
      <c r="BT16" s="413">
        <v>0</v>
      </c>
      <c r="BU16" s="102">
        <v>37</v>
      </c>
      <c r="BV16" s="102">
        <v>25</v>
      </c>
      <c r="BW16" s="102">
        <v>21</v>
      </c>
      <c r="BX16" s="102">
        <v>19</v>
      </c>
      <c r="BY16" s="102">
        <v>4</v>
      </c>
      <c r="BZ16" s="103">
        <v>106</v>
      </c>
      <c r="CA16" s="104">
        <v>171</v>
      </c>
      <c r="CB16" s="101">
        <v>0</v>
      </c>
      <c r="CC16" s="102">
        <v>0</v>
      </c>
      <c r="CD16" s="103">
        <v>0</v>
      </c>
      <c r="CE16" s="413">
        <v>0</v>
      </c>
      <c r="CF16" s="102">
        <v>0</v>
      </c>
      <c r="CG16" s="102">
        <v>0</v>
      </c>
      <c r="CH16" s="102">
        <v>0</v>
      </c>
      <c r="CI16" s="102">
        <v>0</v>
      </c>
      <c r="CJ16" s="102">
        <v>0</v>
      </c>
      <c r="CK16" s="103">
        <v>0</v>
      </c>
      <c r="CL16" s="104">
        <v>0</v>
      </c>
      <c r="CM16" s="101">
        <v>123</v>
      </c>
      <c r="CN16" s="102">
        <v>122</v>
      </c>
      <c r="CO16" s="103">
        <v>245</v>
      </c>
      <c r="CP16" s="413">
        <v>0</v>
      </c>
      <c r="CQ16" s="102">
        <v>119</v>
      </c>
      <c r="CR16" s="102">
        <v>98</v>
      </c>
      <c r="CS16" s="102">
        <v>63</v>
      </c>
      <c r="CT16" s="102">
        <v>68</v>
      </c>
      <c r="CU16" s="102">
        <v>27</v>
      </c>
      <c r="CV16" s="103">
        <v>375</v>
      </c>
      <c r="CW16" s="104">
        <v>620</v>
      </c>
      <c r="CX16" s="105">
        <v>38</v>
      </c>
      <c r="CY16" s="97">
        <v>42</v>
      </c>
      <c r="CZ16" s="98">
        <v>80</v>
      </c>
      <c r="DA16" s="413">
        <v>0</v>
      </c>
      <c r="DB16" s="97">
        <v>35</v>
      </c>
      <c r="DC16" s="97">
        <v>31</v>
      </c>
      <c r="DD16" s="97">
        <v>20</v>
      </c>
      <c r="DE16" s="97">
        <v>31</v>
      </c>
      <c r="DF16" s="97">
        <v>15</v>
      </c>
      <c r="DG16" s="99">
        <v>132</v>
      </c>
      <c r="DH16" s="100">
        <v>212</v>
      </c>
      <c r="DI16" s="107">
        <v>0</v>
      </c>
      <c r="DJ16" s="102">
        <v>0</v>
      </c>
      <c r="DK16" s="103">
        <v>0</v>
      </c>
      <c r="DL16" s="413">
        <v>0</v>
      </c>
      <c r="DM16" s="102">
        <v>0</v>
      </c>
      <c r="DN16" s="102">
        <v>0</v>
      </c>
      <c r="DO16" s="102">
        <v>1</v>
      </c>
      <c r="DP16" s="102">
        <v>0</v>
      </c>
      <c r="DQ16" s="102">
        <v>0</v>
      </c>
      <c r="DR16" s="103">
        <v>1</v>
      </c>
      <c r="DS16" s="104">
        <v>1</v>
      </c>
      <c r="DT16" s="101">
        <v>2</v>
      </c>
      <c r="DU16" s="102">
        <v>1</v>
      </c>
      <c r="DV16" s="103">
        <v>3</v>
      </c>
      <c r="DW16" s="413">
        <v>0</v>
      </c>
      <c r="DX16" s="102">
        <v>2</v>
      </c>
      <c r="DY16" s="102">
        <v>0</v>
      </c>
      <c r="DZ16" s="102">
        <v>1</v>
      </c>
      <c r="EA16" s="102">
        <v>0</v>
      </c>
      <c r="EB16" s="102">
        <v>0</v>
      </c>
      <c r="EC16" s="103">
        <v>3</v>
      </c>
      <c r="ED16" s="104">
        <v>6</v>
      </c>
      <c r="EE16" s="107">
        <v>11</v>
      </c>
      <c r="EF16" s="102">
        <v>5</v>
      </c>
      <c r="EG16" s="103">
        <v>16</v>
      </c>
      <c r="EH16" s="413">
        <v>0</v>
      </c>
      <c r="EI16" s="102">
        <v>3</v>
      </c>
      <c r="EJ16" s="102">
        <v>5</v>
      </c>
      <c r="EK16" s="102">
        <v>0</v>
      </c>
      <c r="EL16" s="102">
        <v>1</v>
      </c>
      <c r="EM16" s="102">
        <v>1</v>
      </c>
      <c r="EN16" s="103">
        <v>10</v>
      </c>
      <c r="EO16" s="104">
        <v>26</v>
      </c>
      <c r="EP16" s="101">
        <v>11</v>
      </c>
      <c r="EQ16" s="102">
        <v>10</v>
      </c>
      <c r="ER16" s="103">
        <v>21</v>
      </c>
      <c r="ES16" s="413">
        <v>0</v>
      </c>
      <c r="ET16" s="102">
        <v>9</v>
      </c>
      <c r="EU16" s="102">
        <v>6</v>
      </c>
      <c r="EV16" s="102">
        <v>4</v>
      </c>
      <c r="EW16" s="102">
        <v>7</v>
      </c>
      <c r="EX16" s="102">
        <v>1</v>
      </c>
      <c r="EY16" s="103">
        <v>27</v>
      </c>
      <c r="EZ16" s="104">
        <v>48</v>
      </c>
      <c r="FA16" s="107">
        <v>9</v>
      </c>
      <c r="FB16" s="102">
        <v>10</v>
      </c>
      <c r="FC16" s="103">
        <v>19</v>
      </c>
      <c r="FD16" s="413">
        <v>0</v>
      </c>
      <c r="FE16" s="102">
        <v>12</v>
      </c>
      <c r="FF16" s="102">
        <v>8</v>
      </c>
      <c r="FG16" s="102">
        <v>6</v>
      </c>
      <c r="FH16" s="102">
        <v>10</v>
      </c>
      <c r="FI16" s="102">
        <v>7</v>
      </c>
      <c r="FJ16" s="103">
        <v>43</v>
      </c>
      <c r="FK16" s="104">
        <v>62</v>
      </c>
      <c r="FL16" s="101">
        <v>5</v>
      </c>
      <c r="FM16" s="102">
        <v>16</v>
      </c>
      <c r="FN16" s="103">
        <v>21</v>
      </c>
      <c r="FO16" s="413">
        <v>0</v>
      </c>
      <c r="FP16" s="102">
        <v>9</v>
      </c>
      <c r="FQ16" s="102">
        <v>12</v>
      </c>
      <c r="FR16" s="102">
        <v>8</v>
      </c>
      <c r="FS16" s="102">
        <v>13</v>
      </c>
      <c r="FT16" s="102">
        <v>6</v>
      </c>
      <c r="FU16" s="103">
        <v>48</v>
      </c>
      <c r="FV16" s="104">
        <v>69</v>
      </c>
      <c r="FW16" s="101">
        <v>0</v>
      </c>
      <c r="FX16" s="102">
        <v>0</v>
      </c>
      <c r="FY16" s="103">
        <v>0</v>
      </c>
      <c r="FZ16" s="413">
        <v>0</v>
      </c>
      <c r="GA16" s="102">
        <v>0</v>
      </c>
      <c r="GB16" s="102">
        <v>0</v>
      </c>
      <c r="GC16" s="102">
        <v>0</v>
      </c>
      <c r="GD16" s="102">
        <v>0</v>
      </c>
      <c r="GE16" s="102">
        <v>0</v>
      </c>
      <c r="GF16" s="103">
        <v>0</v>
      </c>
      <c r="GG16" s="104">
        <v>0</v>
      </c>
      <c r="GH16" s="101">
        <v>38</v>
      </c>
      <c r="GI16" s="102">
        <v>42</v>
      </c>
      <c r="GJ16" s="103">
        <v>80</v>
      </c>
      <c r="GK16" s="413">
        <v>0</v>
      </c>
      <c r="GL16" s="102">
        <v>35</v>
      </c>
      <c r="GM16" s="102">
        <v>31</v>
      </c>
      <c r="GN16" s="102">
        <v>20</v>
      </c>
      <c r="GO16" s="102">
        <v>31</v>
      </c>
      <c r="GP16" s="102">
        <v>15</v>
      </c>
      <c r="GQ16" s="103">
        <v>132</v>
      </c>
      <c r="GR16" s="104">
        <v>212</v>
      </c>
      <c r="GS16" s="105">
        <v>161</v>
      </c>
      <c r="GT16" s="97">
        <v>164</v>
      </c>
      <c r="GU16" s="98">
        <v>325</v>
      </c>
      <c r="GV16" s="413">
        <v>0</v>
      </c>
      <c r="GW16" s="97">
        <v>154</v>
      </c>
      <c r="GX16" s="97">
        <v>129</v>
      </c>
      <c r="GY16" s="97">
        <v>83</v>
      </c>
      <c r="GZ16" s="97">
        <v>99</v>
      </c>
      <c r="HA16" s="97">
        <v>42</v>
      </c>
      <c r="HB16" s="99">
        <v>507</v>
      </c>
      <c r="HC16" s="100">
        <v>832</v>
      </c>
      <c r="HD16" s="107">
        <v>4</v>
      </c>
      <c r="HE16" s="102">
        <v>5</v>
      </c>
      <c r="HF16" s="103">
        <v>9</v>
      </c>
      <c r="HG16" s="413">
        <v>0</v>
      </c>
      <c r="HH16" s="102">
        <v>1</v>
      </c>
      <c r="HI16" s="102">
        <v>0</v>
      </c>
      <c r="HJ16" s="102">
        <v>4</v>
      </c>
      <c r="HK16" s="102">
        <v>1</v>
      </c>
      <c r="HL16" s="102">
        <v>1</v>
      </c>
      <c r="HM16" s="103">
        <v>7</v>
      </c>
      <c r="HN16" s="104">
        <v>16</v>
      </c>
      <c r="HO16" s="101">
        <v>7</v>
      </c>
      <c r="HP16" s="102">
        <v>10</v>
      </c>
      <c r="HQ16" s="103">
        <v>17</v>
      </c>
      <c r="HR16" s="413">
        <v>0</v>
      </c>
      <c r="HS16" s="102">
        <v>9</v>
      </c>
      <c r="HT16" s="102">
        <v>4</v>
      </c>
      <c r="HU16" s="102">
        <v>6</v>
      </c>
      <c r="HV16" s="102">
        <v>4</v>
      </c>
      <c r="HW16" s="102">
        <v>1</v>
      </c>
      <c r="HX16" s="103">
        <v>24</v>
      </c>
      <c r="HY16" s="104">
        <v>41</v>
      </c>
      <c r="HZ16" s="107">
        <v>18</v>
      </c>
      <c r="IA16" s="102">
        <v>17</v>
      </c>
      <c r="IB16" s="103">
        <v>35</v>
      </c>
      <c r="IC16" s="413">
        <v>0</v>
      </c>
      <c r="ID16" s="102">
        <v>16</v>
      </c>
      <c r="IE16" s="102">
        <v>15</v>
      </c>
      <c r="IF16" s="102">
        <v>7</v>
      </c>
      <c r="IG16" s="102">
        <v>11</v>
      </c>
      <c r="IH16" s="102">
        <v>3</v>
      </c>
      <c r="II16" s="103">
        <v>52</v>
      </c>
      <c r="IJ16" s="104">
        <v>87</v>
      </c>
      <c r="IK16" s="101">
        <v>41</v>
      </c>
      <c r="IL16" s="102">
        <v>41</v>
      </c>
      <c r="IM16" s="103">
        <v>82</v>
      </c>
      <c r="IN16" s="413">
        <v>0</v>
      </c>
      <c r="IO16" s="102">
        <v>31</v>
      </c>
      <c r="IP16" s="102">
        <v>39</v>
      </c>
      <c r="IQ16" s="102">
        <v>14</v>
      </c>
      <c r="IR16" s="102">
        <v>18</v>
      </c>
      <c r="IS16" s="102">
        <v>13</v>
      </c>
      <c r="IT16" s="103">
        <v>115</v>
      </c>
      <c r="IU16" s="104">
        <v>197</v>
      </c>
      <c r="IV16" s="107">
        <v>54</v>
      </c>
      <c r="IW16" s="102">
        <v>42</v>
      </c>
      <c r="IX16" s="103">
        <v>96</v>
      </c>
      <c r="IY16" s="413">
        <v>0</v>
      </c>
      <c r="IZ16" s="102">
        <v>51</v>
      </c>
      <c r="JA16" s="102">
        <v>34</v>
      </c>
      <c r="JB16" s="102">
        <v>23</v>
      </c>
      <c r="JC16" s="102">
        <v>33</v>
      </c>
      <c r="JD16" s="102">
        <v>14</v>
      </c>
      <c r="JE16" s="103">
        <v>155</v>
      </c>
      <c r="JF16" s="104">
        <v>251</v>
      </c>
      <c r="JG16" s="101">
        <v>37</v>
      </c>
      <c r="JH16" s="102">
        <v>49</v>
      </c>
      <c r="JI16" s="103">
        <v>86</v>
      </c>
      <c r="JJ16" s="413">
        <v>0</v>
      </c>
      <c r="JK16" s="102">
        <v>46</v>
      </c>
      <c r="JL16" s="102">
        <v>37</v>
      </c>
      <c r="JM16" s="102">
        <v>29</v>
      </c>
      <c r="JN16" s="102">
        <v>32</v>
      </c>
      <c r="JO16" s="102">
        <v>10</v>
      </c>
      <c r="JP16" s="103">
        <v>154</v>
      </c>
      <c r="JQ16" s="104">
        <v>240</v>
      </c>
      <c r="JR16" s="101">
        <v>0</v>
      </c>
      <c r="JS16" s="102">
        <v>0</v>
      </c>
      <c r="JT16" s="103">
        <v>0</v>
      </c>
      <c r="JU16" s="413">
        <v>0</v>
      </c>
      <c r="JV16" s="102">
        <v>0</v>
      </c>
      <c r="JW16" s="102">
        <v>0</v>
      </c>
      <c r="JX16" s="102">
        <v>0</v>
      </c>
      <c r="JY16" s="102">
        <v>0</v>
      </c>
      <c r="JZ16" s="102">
        <v>0</v>
      </c>
      <c r="KA16" s="103">
        <v>0</v>
      </c>
      <c r="KB16" s="104">
        <v>0</v>
      </c>
      <c r="KC16" s="101">
        <v>161</v>
      </c>
      <c r="KD16" s="102">
        <v>164</v>
      </c>
      <c r="KE16" s="103">
        <v>325</v>
      </c>
      <c r="KF16" s="413">
        <v>0</v>
      </c>
      <c r="KG16" s="102">
        <v>154</v>
      </c>
      <c r="KH16" s="102">
        <v>129</v>
      </c>
      <c r="KI16" s="102">
        <v>83</v>
      </c>
      <c r="KJ16" s="102">
        <v>99</v>
      </c>
      <c r="KK16" s="102">
        <v>42</v>
      </c>
      <c r="KL16" s="103">
        <v>507</v>
      </c>
      <c r="KM16" s="104">
        <v>832</v>
      </c>
    </row>
    <row r="17" spans="2:299" s="70" customFormat="1" ht="21" customHeight="1" x14ac:dyDescent="0.2">
      <c r="B17" s="106" t="s">
        <v>13</v>
      </c>
      <c r="C17" s="96">
        <v>47</v>
      </c>
      <c r="D17" s="97">
        <v>41</v>
      </c>
      <c r="E17" s="98">
        <v>88</v>
      </c>
      <c r="F17" s="413">
        <v>0</v>
      </c>
      <c r="G17" s="97">
        <v>77</v>
      </c>
      <c r="H17" s="97">
        <v>61</v>
      </c>
      <c r="I17" s="97">
        <v>28</v>
      </c>
      <c r="J17" s="97">
        <v>21</v>
      </c>
      <c r="K17" s="97">
        <v>22</v>
      </c>
      <c r="L17" s="99">
        <v>209</v>
      </c>
      <c r="M17" s="100">
        <v>297</v>
      </c>
      <c r="N17" s="101">
        <v>1</v>
      </c>
      <c r="O17" s="102">
        <v>1</v>
      </c>
      <c r="P17" s="103">
        <v>2</v>
      </c>
      <c r="Q17" s="413">
        <v>0</v>
      </c>
      <c r="R17" s="102">
        <v>2</v>
      </c>
      <c r="S17" s="102">
        <v>1</v>
      </c>
      <c r="T17" s="102">
        <v>0</v>
      </c>
      <c r="U17" s="102">
        <v>0</v>
      </c>
      <c r="V17" s="102">
        <v>3</v>
      </c>
      <c r="W17" s="103">
        <v>6</v>
      </c>
      <c r="X17" s="104">
        <v>8</v>
      </c>
      <c r="Y17" s="101">
        <v>3</v>
      </c>
      <c r="Z17" s="102">
        <v>0</v>
      </c>
      <c r="AA17" s="103">
        <v>3</v>
      </c>
      <c r="AB17" s="413">
        <v>0</v>
      </c>
      <c r="AC17" s="102">
        <v>2</v>
      </c>
      <c r="AD17" s="102">
        <v>4</v>
      </c>
      <c r="AE17" s="102">
        <v>1</v>
      </c>
      <c r="AF17" s="102">
        <v>1</v>
      </c>
      <c r="AG17" s="102">
        <v>1</v>
      </c>
      <c r="AH17" s="103">
        <v>9</v>
      </c>
      <c r="AI17" s="104">
        <v>12</v>
      </c>
      <c r="AJ17" s="101">
        <v>3</v>
      </c>
      <c r="AK17" s="102">
        <v>3</v>
      </c>
      <c r="AL17" s="103">
        <v>6</v>
      </c>
      <c r="AM17" s="413">
        <v>0</v>
      </c>
      <c r="AN17" s="102">
        <v>2</v>
      </c>
      <c r="AO17" s="102">
        <v>7</v>
      </c>
      <c r="AP17" s="102">
        <v>1</v>
      </c>
      <c r="AQ17" s="102">
        <v>3</v>
      </c>
      <c r="AR17" s="102">
        <v>0</v>
      </c>
      <c r="AS17" s="103">
        <v>13</v>
      </c>
      <c r="AT17" s="104">
        <v>19</v>
      </c>
      <c r="AU17" s="101">
        <v>9</v>
      </c>
      <c r="AV17" s="102">
        <v>8</v>
      </c>
      <c r="AW17" s="103">
        <v>17</v>
      </c>
      <c r="AX17" s="413">
        <v>0</v>
      </c>
      <c r="AY17" s="102">
        <v>21</v>
      </c>
      <c r="AZ17" s="102">
        <v>10</v>
      </c>
      <c r="BA17" s="102">
        <v>6</v>
      </c>
      <c r="BB17" s="102">
        <v>2</v>
      </c>
      <c r="BC17" s="102">
        <v>5</v>
      </c>
      <c r="BD17" s="103">
        <v>44</v>
      </c>
      <c r="BE17" s="104">
        <v>61</v>
      </c>
      <c r="BF17" s="101">
        <v>13</v>
      </c>
      <c r="BG17" s="102">
        <v>19</v>
      </c>
      <c r="BH17" s="103">
        <v>32</v>
      </c>
      <c r="BI17" s="413">
        <v>0</v>
      </c>
      <c r="BJ17" s="102">
        <v>28</v>
      </c>
      <c r="BK17" s="102">
        <v>22</v>
      </c>
      <c r="BL17" s="102">
        <v>11</v>
      </c>
      <c r="BM17" s="102">
        <v>6</v>
      </c>
      <c r="BN17" s="102">
        <v>8</v>
      </c>
      <c r="BO17" s="103">
        <v>75</v>
      </c>
      <c r="BP17" s="104">
        <v>107</v>
      </c>
      <c r="BQ17" s="101">
        <v>18</v>
      </c>
      <c r="BR17" s="102">
        <v>10</v>
      </c>
      <c r="BS17" s="103">
        <v>28</v>
      </c>
      <c r="BT17" s="413">
        <v>0</v>
      </c>
      <c r="BU17" s="102">
        <v>22</v>
      </c>
      <c r="BV17" s="102">
        <v>17</v>
      </c>
      <c r="BW17" s="102">
        <v>9</v>
      </c>
      <c r="BX17" s="102">
        <v>9</v>
      </c>
      <c r="BY17" s="102">
        <v>5</v>
      </c>
      <c r="BZ17" s="103">
        <v>62</v>
      </c>
      <c r="CA17" s="104">
        <v>90</v>
      </c>
      <c r="CB17" s="101">
        <v>0</v>
      </c>
      <c r="CC17" s="102">
        <v>0</v>
      </c>
      <c r="CD17" s="103">
        <v>0</v>
      </c>
      <c r="CE17" s="413">
        <v>0</v>
      </c>
      <c r="CF17" s="102">
        <v>0</v>
      </c>
      <c r="CG17" s="102">
        <v>0</v>
      </c>
      <c r="CH17" s="102">
        <v>0</v>
      </c>
      <c r="CI17" s="102">
        <v>0</v>
      </c>
      <c r="CJ17" s="102">
        <v>0</v>
      </c>
      <c r="CK17" s="103">
        <v>0</v>
      </c>
      <c r="CL17" s="104">
        <v>0</v>
      </c>
      <c r="CM17" s="101">
        <v>47</v>
      </c>
      <c r="CN17" s="102">
        <v>41</v>
      </c>
      <c r="CO17" s="103">
        <v>88</v>
      </c>
      <c r="CP17" s="413">
        <v>0</v>
      </c>
      <c r="CQ17" s="102">
        <v>77</v>
      </c>
      <c r="CR17" s="102">
        <v>61</v>
      </c>
      <c r="CS17" s="102">
        <v>28</v>
      </c>
      <c r="CT17" s="102">
        <v>21</v>
      </c>
      <c r="CU17" s="102">
        <v>22</v>
      </c>
      <c r="CV17" s="103">
        <v>209</v>
      </c>
      <c r="CW17" s="104">
        <v>297</v>
      </c>
      <c r="CX17" s="105">
        <v>17</v>
      </c>
      <c r="CY17" s="97">
        <v>18</v>
      </c>
      <c r="CZ17" s="98">
        <v>35</v>
      </c>
      <c r="DA17" s="413">
        <v>0</v>
      </c>
      <c r="DB17" s="97">
        <v>23</v>
      </c>
      <c r="DC17" s="97">
        <v>18</v>
      </c>
      <c r="DD17" s="97">
        <v>14</v>
      </c>
      <c r="DE17" s="97">
        <v>5</v>
      </c>
      <c r="DF17" s="97">
        <v>11</v>
      </c>
      <c r="DG17" s="99">
        <v>71</v>
      </c>
      <c r="DH17" s="100">
        <v>106</v>
      </c>
      <c r="DI17" s="101">
        <v>1</v>
      </c>
      <c r="DJ17" s="102">
        <v>1</v>
      </c>
      <c r="DK17" s="103">
        <v>2</v>
      </c>
      <c r="DL17" s="413">
        <v>0</v>
      </c>
      <c r="DM17" s="102">
        <v>1</v>
      </c>
      <c r="DN17" s="102">
        <v>0</v>
      </c>
      <c r="DO17" s="102">
        <v>0</v>
      </c>
      <c r="DP17" s="102">
        <v>0</v>
      </c>
      <c r="DQ17" s="102">
        <v>0</v>
      </c>
      <c r="DR17" s="103">
        <v>1</v>
      </c>
      <c r="DS17" s="104">
        <v>3</v>
      </c>
      <c r="DT17" s="101">
        <v>1</v>
      </c>
      <c r="DU17" s="102">
        <v>0</v>
      </c>
      <c r="DV17" s="103">
        <v>1</v>
      </c>
      <c r="DW17" s="413">
        <v>0</v>
      </c>
      <c r="DX17" s="102">
        <v>1</v>
      </c>
      <c r="DY17" s="102">
        <v>2</v>
      </c>
      <c r="DZ17" s="102">
        <v>1</v>
      </c>
      <c r="EA17" s="102">
        <v>1</v>
      </c>
      <c r="EB17" s="102">
        <v>1</v>
      </c>
      <c r="EC17" s="103">
        <v>6</v>
      </c>
      <c r="ED17" s="104">
        <v>7</v>
      </c>
      <c r="EE17" s="101">
        <v>3</v>
      </c>
      <c r="EF17" s="102">
        <v>0</v>
      </c>
      <c r="EG17" s="103">
        <v>3</v>
      </c>
      <c r="EH17" s="413">
        <v>0</v>
      </c>
      <c r="EI17" s="102">
        <v>6</v>
      </c>
      <c r="EJ17" s="102">
        <v>0</v>
      </c>
      <c r="EK17" s="102">
        <v>3</v>
      </c>
      <c r="EL17" s="102">
        <v>0</v>
      </c>
      <c r="EM17" s="102">
        <v>1</v>
      </c>
      <c r="EN17" s="103">
        <v>10</v>
      </c>
      <c r="EO17" s="104">
        <v>13</v>
      </c>
      <c r="EP17" s="101">
        <v>6</v>
      </c>
      <c r="EQ17" s="102">
        <v>7</v>
      </c>
      <c r="ER17" s="103">
        <v>13</v>
      </c>
      <c r="ES17" s="413">
        <v>0</v>
      </c>
      <c r="ET17" s="102">
        <v>3</v>
      </c>
      <c r="EU17" s="102">
        <v>1</v>
      </c>
      <c r="EV17" s="102">
        <v>2</v>
      </c>
      <c r="EW17" s="102">
        <v>0</v>
      </c>
      <c r="EX17" s="102">
        <v>2</v>
      </c>
      <c r="EY17" s="103">
        <v>8</v>
      </c>
      <c r="EZ17" s="104">
        <v>21</v>
      </c>
      <c r="FA17" s="101">
        <v>4</v>
      </c>
      <c r="FB17" s="102">
        <v>6</v>
      </c>
      <c r="FC17" s="103">
        <v>10</v>
      </c>
      <c r="FD17" s="413">
        <v>0</v>
      </c>
      <c r="FE17" s="102">
        <v>6</v>
      </c>
      <c r="FF17" s="102">
        <v>5</v>
      </c>
      <c r="FG17" s="102">
        <v>1</v>
      </c>
      <c r="FH17" s="102">
        <v>0</v>
      </c>
      <c r="FI17" s="102">
        <v>0</v>
      </c>
      <c r="FJ17" s="103">
        <v>12</v>
      </c>
      <c r="FK17" s="104">
        <v>22</v>
      </c>
      <c r="FL17" s="101">
        <v>2</v>
      </c>
      <c r="FM17" s="102">
        <v>4</v>
      </c>
      <c r="FN17" s="103">
        <v>6</v>
      </c>
      <c r="FO17" s="413">
        <v>0</v>
      </c>
      <c r="FP17" s="102">
        <v>6</v>
      </c>
      <c r="FQ17" s="102">
        <v>10</v>
      </c>
      <c r="FR17" s="102">
        <v>7</v>
      </c>
      <c r="FS17" s="102">
        <v>4</v>
      </c>
      <c r="FT17" s="102">
        <v>7</v>
      </c>
      <c r="FU17" s="103">
        <v>34</v>
      </c>
      <c r="FV17" s="104">
        <v>40</v>
      </c>
      <c r="FW17" s="101">
        <v>0</v>
      </c>
      <c r="FX17" s="102">
        <v>0</v>
      </c>
      <c r="FY17" s="103">
        <v>0</v>
      </c>
      <c r="FZ17" s="413">
        <v>0</v>
      </c>
      <c r="GA17" s="102">
        <v>0</v>
      </c>
      <c r="GB17" s="102">
        <v>0</v>
      </c>
      <c r="GC17" s="102">
        <v>0</v>
      </c>
      <c r="GD17" s="102">
        <v>0</v>
      </c>
      <c r="GE17" s="102">
        <v>0</v>
      </c>
      <c r="GF17" s="103">
        <v>0</v>
      </c>
      <c r="GG17" s="104">
        <v>0</v>
      </c>
      <c r="GH17" s="101">
        <v>17</v>
      </c>
      <c r="GI17" s="102">
        <v>18</v>
      </c>
      <c r="GJ17" s="103">
        <v>35</v>
      </c>
      <c r="GK17" s="413">
        <v>0</v>
      </c>
      <c r="GL17" s="102">
        <v>23</v>
      </c>
      <c r="GM17" s="102">
        <v>18</v>
      </c>
      <c r="GN17" s="102">
        <v>14</v>
      </c>
      <c r="GO17" s="102">
        <v>5</v>
      </c>
      <c r="GP17" s="102">
        <v>11</v>
      </c>
      <c r="GQ17" s="103">
        <v>71</v>
      </c>
      <c r="GR17" s="104">
        <v>106</v>
      </c>
      <c r="GS17" s="105">
        <v>64</v>
      </c>
      <c r="GT17" s="97">
        <v>59</v>
      </c>
      <c r="GU17" s="98">
        <v>123</v>
      </c>
      <c r="GV17" s="413">
        <v>0</v>
      </c>
      <c r="GW17" s="97">
        <v>100</v>
      </c>
      <c r="GX17" s="97">
        <v>79</v>
      </c>
      <c r="GY17" s="97">
        <v>42</v>
      </c>
      <c r="GZ17" s="97">
        <v>26</v>
      </c>
      <c r="HA17" s="97">
        <v>33</v>
      </c>
      <c r="HB17" s="99">
        <v>280</v>
      </c>
      <c r="HC17" s="100">
        <v>403</v>
      </c>
      <c r="HD17" s="101">
        <v>2</v>
      </c>
      <c r="HE17" s="102">
        <v>2</v>
      </c>
      <c r="HF17" s="103">
        <v>4</v>
      </c>
      <c r="HG17" s="413">
        <v>0</v>
      </c>
      <c r="HH17" s="102">
        <v>3</v>
      </c>
      <c r="HI17" s="102">
        <v>1</v>
      </c>
      <c r="HJ17" s="102">
        <v>0</v>
      </c>
      <c r="HK17" s="102">
        <v>0</v>
      </c>
      <c r="HL17" s="102">
        <v>3</v>
      </c>
      <c r="HM17" s="103">
        <v>7</v>
      </c>
      <c r="HN17" s="104">
        <v>11</v>
      </c>
      <c r="HO17" s="101">
        <v>4</v>
      </c>
      <c r="HP17" s="102">
        <v>0</v>
      </c>
      <c r="HQ17" s="103">
        <v>4</v>
      </c>
      <c r="HR17" s="413">
        <v>0</v>
      </c>
      <c r="HS17" s="102">
        <v>3</v>
      </c>
      <c r="HT17" s="102">
        <v>6</v>
      </c>
      <c r="HU17" s="102">
        <v>2</v>
      </c>
      <c r="HV17" s="102">
        <v>2</v>
      </c>
      <c r="HW17" s="102">
        <v>2</v>
      </c>
      <c r="HX17" s="103">
        <v>15</v>
      </c>
      <c r="HY17" s="104">
        <v>19</v>
      </c>
      <c r="HZ17" s="101">
        <v>6</v>
      </c>
      <c r="IA17" s="102">
        <v>3</v>
      </c>
      <c r="IB17" s="103">
        <v>9</v>
      </c>
      <c r="IC17" s="413">
        <v>0</v>
      </c>
      <c r="ID17" s="102">
        <v>8</v>
      </c>
      <c r="IE17" s="102">
        <v>7</v>
      </c>
      <c r="IF17" s="102">
        <v>4</v>
      </c>
      <c r="IG17" s="102">
        <v>3</v>
      </c>
      <c r="IH17" s="102">
        <v>1</v>
      </c>
      <c r="II17" s="103">
        <v>23</v>
      </c>
      <c r="IJ17" s="104">
        <v>32</v>
      </c>
      <c r="IK17" s="101">
        <v>15</v>
      </c>
      <c r="IL17" s="102">
        <v>15</v>
      </c>
      <c r="IM17" s="103">
        <v>30</v>
      </c>
      <c r="IN17" s="413">
        <v>0</v>
      </c>
      <c r="IO17" s="102">
        <v>24</v>
      </c>
      <c r="IP17" s="102">
        <v>11</v>
      </c>
      <c r="IQ17" s="102">
        <v>8</v>
      </c>
      <c r="IR17" s="102">
        <v>2</v>
      </c>
      <c r="IS17" s="102">
        <v>7</v>
      </c>
      <c r="IT17" s="103">
        <v>52</v>
      </c>
      <c r="IU17" s="104">
        <v>82</v>
      </c>
      <c r="IV17" s="101">
        <v>17</v>
      </c>
      <c r="IW17" s="102">
        <v>25</v>
      </c>
      <c r="IX17" s="103">
        <v>42</v>
      </c>
      <c r="IY17" s="413">
        <v>0</v>
      </c>
      <c r="IZ17" s="102">
        <v>34</v>
      </c>
      <c r="JA17" s="102">
        <v>27</v>
      </c>
      <c r="JB17" s="102">
        <v>12</v>
      </c>
      <c r="JC17" s="102">
        <v>6</v>
      </c>
      <c r="JD17" s="102">
        <v>8</v>
      </c>
      <c r="JE17" s="103">
        <v>87</v>
      </c>
      <c r="JF17" s="104">
        <v>129</v>
      </c>
      <c r="JG17" s="101">
        <v>20</v>
      </c>
      <c r="JH17" s="102">
        <v>14</v>
      </c>
      <c r="JI17" s="103">
        <v>34</v>
      </c>
      <c r="JJ17" s="413">
        <v>0</v>
      </c>
      <c r="JK17" s="102">
        <v>28</v>
      </c>
      <c r="JL17" s="102">
        <v>27</v>
      </c>
      <c r="JM17" s="102">
        <v>16</v>
      </c>
      <c r="JN17" s="102">
        <v>13</v>
      </c>
      <c r="JO17" s="102">
        <v>12</v>
      </c>
      <c r="JP17" s="103">
        <v>96</v>
      </c>
      <c r="JQ17" s="104">
        <v>130</v>
      </c>
      <c r="JR17" s="101">
        <v>0</v>
      </c>
      <c r="JS17" s="102">
        <v>0</v>
      </c>
      <c r="JT17" s="103">
        <v>0</v>
      </c>
      <c r="JU17" s="413">
        <v>0</v>
      </c>
      <c r="JV17" s="102">
        <v>0</v>
      </c>
      <c r="JW17" s="102">
        <v>0</v>
      </c>
      <c r="JX17" s="102">
        <v>0</v>
      </c>
      <c r="JY17" s="102">
        <v>0</v>
      </c>
      <c r="JZ17" s="102">
        <v>0</v>
      </c>
      <c r="KA17" s="103">
        <v>0</v>
      </c>
      <c r="KB17" s="104">
        <v>0</v>
      </c>
      <c r="KC17" s="101">
        <v>64</v>
      </c>
      <c r="KD17" s="102">
        <v>59</v>
      </c>
      <c r="KE17" s="103">
        <v>123</v>
      </c>
      <c r="KF17" s="413">
        <v>0</v>
      </c>
      <c r="KG17" s="102">
        <v>100</v>
      </c>
      <c r="KH17" s="102">
        <v>79</v>
      </c>
      <c r="KI17" s="102">
        <v>42</v>
      </c>
      <c r="KJ17" s="102">
        <v>26</v>
      </c>
      <c r="KK17" s="102">
        <v>33</v>
      </c>
      <c r="KL17" s="103">
        <v>280</v>
      </c>
      <c r="KM17" s="104">
        <v>403</v>
      </c>
    </row>
    <row r="18" spans="2:299" s="70" customFormat="1" ht="21" customHeight="1" x14ac:dyDescent="0.2">
      <c r="B18" s="106" t="s">
        <v>15</v>
      </c>
      <c r="C18" s="96">
        <v>5</v>
      </c>
      <c r="D18" s="97">
        <v>13</v>
      </c>
      <c r="E18" s="98">
        <v>18</v>
      </c>
      <c r="F18" s="413">
        <v>0</v>
      </c>
      <c r="G18" s="97">
        <v>18</v>
      </c>
      <c r="H18" s="97">
        <v>11</v>
      </c>
      <c r="I18" s="97">
        <v>5</v>
      </c>
      <c r="J18" s="97">
        <v>5</v>
      </c>
      <c r="K18" s="97">
        <v>7</v>
      </c>
      <c r="L18" s="99">
        <v>46</v>
      </c>
      <c r="M18" s="100">
        <v>64</v>
      </c>
      <c r="N18" s="101">
        <v>0</v>
      </c>
      <c r="O18" s="102">
        <v>2</v>
      </c>
      <c r="P18" s="103">
        <v>2</v>
      </c>
      <c r="Q18" s="413">
        <v>0</v>
      </c>
      <c r="R18" s="102">
        <v>0</v>
      </c>
      <c r="S18" s="102">
        <v>0</v>
      </c>
      <c r="T18" s="102">
        <v>0</v>
      </c>
      <c r="U18" s="102">
        <v>0</v>
      </c>
      <c r="V18" s="102">
        <v>0</v>
      </c>
      <c r="W18" s="103">
        <v>0</v>
      </c>
      <c r="X18" s="104">
        <v>2</v>
      </c>
      <c r="Y18" s="101">
        <v>3</v>
      </c>
      <c r="Z18" s="102">
        <v>0</v>
      </c>
      <c r="AA18" s="103">
        <v>3</v>
      </c>
      <c r="AB18" s="413">
        <v>0</v>
      </c>
      <c r="AC18" s="102">
        <v>2</v>
      </c>
      <c r="AD18" s="102">
        <v>1</v>
      </c>
      <c r="AE18" s="102">
        <v>0</v>
      </c>
      <c r="AF18" s="102">
        <v>1</v>
      </c>
      <c r="AG18" s="102">
        <v>1</v>
      </c>
      <c r="AH18" s="103">
        <v>5</v>
      </c>
      <c r="AI18" s="104">
        <v>8</v>
      </c>
      <c r="AJ18" s="101">
        <v>1</v>
      </c>
      <c r="AK18" s="102">
        <v>1</v>
      </c>
      <c r="AL18" s="103">
        <v>2</v>
      </c>
      <c r="AM18" s="413">
        <v>0</v>
      </c>
      <c r="AN18" s="102">
        <v>2</v>
      </c>
      <c r="AO18" s="102">
        <v>1</v>
      </c>
      <c r="AP18" s="102">
        <v>1</v>
      </c>
      <c r="AQ18" s="102">
        <v>1</v>
      </c>
      <c r="AR18" s="102">
        <v>2</v>
      </c>
      <c r="AS18" s="103">
        <v>7</v>
      </c>
      <c r="AT18" s="104">
        <v>9</v>
      </c>
      <c r="AU18" s="101">
        <v>0</v>
      </c>
      <c r="AV18" s="102">
        <v>1</v>
      </c>
      <c r="AW18" s="103">
        <v>1</v>
      </c>
      <c r="AX18" s="413">
        <v>0</v>
      </c>
      <c r="AY18" s="102">
        <v>2</v>
      </c>
      <c r="AZ18" s="102">
        <v>4</v>
      </c>
      <c r="BA18" s="102">
        <v>0</v>
      </c>
      <c r="BB18" s="102">
        <v>1</v>
      </c>
      <c r="BC18" s="102">
        <v>2</v>
      </c>
      <c r="BD18" s="103">
        <v>9</v>
      </c>
      <c r="BE18" s="104">
        <v>10</v>
      </c>
      <c r="BF18" s="101">
        <v>0</v>
      </c>
      <c r="BG18" s="102">
        <v>6</v>
      </c>
      <c r="BH18" s="103">
        <v>6</v>
      </c>
      <c r="BI18" s="413">
        <v>0</v>
      </c>
      <c r="BJ18" s="102">
        <v>4</v>
      </c>
      <c r="BK18" s="102">
        <v>3</v>
      </c>
      <c r="BL18" s="102">
        <v>2</v>
      </c>
      <c r="BM18" s="102">
        <v>2</v>
      </c>
      <c r="BN18" s="102">
        <v>1</v>
      </c>
      <c r="BO18" s="103">
        <v>12</v>
      </c>
      <c r="BP18" s="104">
        <v>18</v>
      </c>
      <c r="BQ18" s="101">
        <v>1</v>
      </c>
      <c r="BR18" s="102">
        <v>3</v>
      </c>
      <c r="BS18" s="103">
        <v>4</v>
      </c>
      <c r="BT18" s="413">
        <v>0</v>
      </c>
      <c r="BU18" s="102">
        <v>8</v>
      </c>
      <c r="BV18" s="102">
        <v>2</v>
      </c>
      <c r="BW18" s="102">
        <v>2</v>
      </c>
      <c r="BX18" s="102">
        <v>0</v>
      </c>
      <c r="BY18" s="102">
        <v>1</v>
      </c>
      <c r="BZ18" s="103">
        <v>13</v>
      </c>
      <c r="CA18" s="104">
        <v>17</v>
      </c>
      <c r="CB18" s="101">
        <v>0</v>
      </c>
      <c r="CC18" s="102">
        <v>0</v>
      </c>
      <c r="CD18" s="103">
        <v>0</v>
      </c>
      <c r="CE18" s="413">
        <v>0</v>
      </c>
      <c r="CF18" s="102">
        <v>0</v>
      </c>
      <c r="CG18" s="102">
        <v>0</v>
      </c>
      <c r="CH18" s="102">
        <v>0</v>
      </c>
      <c r="CI18" s="102">
        <v>0</v>
      </c>
      <c r="CJ18" s="102">
        <v>0</v>
      </c>
      <c r="CK18" s="103">
        <v>0</v>
      </c>
      <c r="CL18" s="104">
        <v>0</v>
      </c>
      <c r="CM18" s="101">
        <v>5</v>
      </c>
      <c r="CN18" s="102">
        <v>13</v>
      </c>
      <c r="CO18" s="103">
        <v>18</v>
      </c>
      <c r="CP18" s="413">
        <v>0</v>
      </c>
      <c r="CQ18" s="102">
        <v>18</v>
      </c>
      <c r="CR18" s="102">
        <v>11</v>
      </c>
      <c r="CS18" s="102">
        <v>5</v>
      </c>
      <c r="CT18" s="102">
        <v>5</v>
      </c>
      <c r="CU18" s="102">
        <v>7</v>
      </c>
      <c r="CV18" s="103">
        <v>46</v>
      </c>
      <c r="CW18" s="104">
        <v>64</v>
      </c>
      <c r="CX18" s="105">
        <v>6</v>
      </c>
      <c r="CY18" s="97">
        <v>7</v>
      </c>
      <c r="CZ18" s="98">
        <v>13</v>
      </c>
      <c r="DA18" s="413">
        <v>0</v>
      </c>
      <c r="DB18" s="97">
        <v>6</v>
      </c>
      <c r="DC18" s="97">
        <v>9</v>
      </c>
      <c r="DD18" s="97">
        <v>4</v>
      </c>
      <c r="DE18" s="97">
        <v>3</v>
      </c>
      <c r="DF18" s="97">
        <v>1</v>
      </c>
      <c r="DG18" s="99">
        <v>23</v>
      </c>
      <c r="DH18" s="100">
        <v>36</v>
      </c>
      <c r="DI18" s="101">
        <v>1</v>
      </c>
      <c r="DJ18" s="102">
        <v>0</v>
      </c>
      <c r="DK18" s="103">
        <v>1</v>
      </c>
      <c r="DL18" s="413">
        <v>0</v>
      </c>
      <c r="DM18" s="102">
        <v>0</v>
      </c>
      <c r="DN18" s="102">
        <v>1</v>
      </c>
      <c r="DO18" s="102">
        <v>0</v>
      </c>
      <c r="DP18" s="102">
        <v>0</v>
      </c>
      <c r="DQ18" s="102">
        <v>0</v>
      </c>
      <c r="DR18" s="103">
        <v>1</v>
      </c>
      <c r="DS18" s="104">
        <v>2</v>
      </c>
      <c r="DT18" s="101">
        <v>0</v>
      </c>
      <c r="DU18" s="102">
        <v>0</v>
      </c>
      <c r="DV18" s="103">
        <v>0</v>
      </c>
      <c r="DW18" s="413">
        <v>0</v>
      </c>
      <c r="DX18" s="102">
        <v>0</v>
      </c>
      <c r="DY18" s="102">
        <v>1</v>
      </c>
      <c r="DZ18" s="102">
        <v>0</v>
      </c>
      <c r="EA18" s="102">
        <v>0</v>
      </c>
      <c r="EB18" s="102">
        <v>0</v>
      </c>
      <c r="EC18" s="103">
        <v>1</v>
      </c>
      <c r="ED18" s="104">
        <v>1</v>
      </c>
      <c r="EE18" s="101">
        <v>2</v>
      </c>
      <c r="EF18" s="102">
        <v>2</v>
      </c>
      <c r="EG18" s="103">
        <v>4</v>
      </c>
      <c r="EH18" s="413">
        <v>0</v>
      </c>
      <c r="EI18" s="102">
        <v>0</v>
      </c>
      <c r="EJ18" s="102">
        <v>2</v>
      </c>
      <c r="EK18" s="102">
        <v>2</v>
      </c>
      <c r="EL18" s="102">
        <v>0</v>
      </c>
      <c r="EM18" s="102">
        <v>0</v>
      </c>
      <c r="EN18" s="103">
        <v>4</v>
      </c>
      <c r="EO18" s="104">
        <v>8</v>
      </c>
      <c r="EP18" s="101">
        <v>1</v>
      </c>
      <c r="EQ18" s="102">
        <v>4</v>
      </c>
      <c r="ER18" s="103">
        <v>5</v>
      </c>
      <c r="ES18" s="413">
        <v>0</v>
      </c>
      <c r="ET18" s="102">
        <v>0</v>
      </c>
      <c r="EU18" s="102">
        <v>0</v>
      </c>
      <c r="EV18" s="102">
        <v>0</v>
      </c>
      <c r="EW18" s="102">
        <v>0</v>
      </c>
      <c r="EX18" s="102">
        <v>0</v>
      </c>
      <c r="EY18" s="103">
        <v>0</v>
      </c>
      <c r="EZ18" s="104">
        <v>5</v>
      </c>
      <c r="FA18" s="101">
        <v>0</v>
      </c>
      <c r="FB18" s="102">
        <v>0</v>
      </c>
      <c r="FC18" s="103">
        <v>0</v>
      </c>
      <c r="FD18" s="413">
        <v>0</v>
      </c>
      <c r="FE18" s="102">
        <v>3</v>
      </c>
      <c r="FF18" s="102">
        <v>2</v>
      </c>
      <c r="FG18" s="102">
        <v>0</v>
      </c>
      <c r="FH18" s="102">
        <v>1</v>
      </c>
      <c r="FI18" s="102">
        <v>1</v>
      </c>
      <c r="FJ18" s="103">
        <v>7</v>
      </c>
      <c r="FK18" s="104">
        <v>7</v>
      </c>
      <c r="FL18" s="101">
        <v>2</v>
      </c>
      <c r="FM18" s="102">
        <v>1</v>
      </c>
      <c r="FN18" s="103">
        <v>3</v>
      </c>
      <c r="FO18" s="413">
        <v>0</v>
      </c>
      <c r="FP18" s="102">
        <v>3</v>
      </c>
      <c r="FQ18" s="102">
        <v>3</v>
      </c>
      <c r="FR18" s="102">
        <v>2</v>
      </c>
      <c r="FS18" s="102">
        <v>2</v>
      </c>
      <c r="FT18" s="102">
        <v>0</v>
      </c>
      <c r="FU18" s="103">
        <v>10</v>
      </c>
      <c r="FV18" s="104">
        <v>13</v>
      </c>
      <c r="FW18" s="101">
        <v>0</v>
      </c>
      <c r="FX18" s="102">
        <v>0</v>
      </c>
      <c r="FY18" s="103">
        <v>0</v>
      </c>
      <c r="FZ18" s="413">
        <v>0</v>
      </c>
      <c r="GA18" s="102">
        <v>0</v>
      </c>
      <c r="GB18" s="102">
        <v>0</v>
      </c>
      <c r="GC18" s="102">
        <v>0</v>
      </c>
      <c r="GD18" s="102">
        <v>0</v>
      </c>
      <c r="GE18" s="102">
        <v>0</v>
      </c>
      <c r="GF18" s="103">
        <v>0</v>
      </c>
      <c r="GG18" s="104">
        <v>0</v>
      </c>
      <c r="GH18" s="101">
        <v>6</v>
      </c>
      <c r="GI18" s="102">
        <v>7</v>
      </c>
      <c r="GJ18" s="103">
        <v>13</v>
      </c>
      <c r="GK18" s="413">
        <v>0</v>
      </c>
      <c r="GL18" s="102">
        <v>6</v>
      </c>
      <c r="GM18" s="102">
        <v>9</v>
      </c>
      <c r="GN18" s="102">
        <v>4</v>
      </c>
      <c r="GO18" s="102">
        <v>3</v>
      </c>
      <c r="GP18" s="102">
        <v>1</v>
      </c>
      <c r="GQ18" s="103">
        <v>23</v>
      </c>
      <c r="GR18" s="104">
        <v>36</v>
      </c>
      <c r="GS18" s="105">
        <v>11</v>
      </c>
      <c r="GT18" s="97">
        <v>20</v>
      </c>
      <c r="GU18" s="98">
        <v>31</v>
      </c>
      <c r="GV18" s="413">
        <v>0</v>
      </c>
      <c r="GW18" s="97">
        <v>24</v>
      </c>
      <c r="GX18" s="97">
        <v>20</v>
      </c>
      <c r="GY18" s="97">
        <v>9</v>
      </c>
      <c r="GZ18" s="97">
        <v>8</v>
      </c>
      <c r="HA18" s="97">
        <v>8</v>
      </c>
      <c r="HB18" s="99">
        <v>69</v>
      </c>
      <c r="HC18" s="100">
        <v>100</v>
      </c>
      <c r="HD18" s="101">
        <v>1</v>
      </c>
      <c r="HE18" s="102">
        <v>2</v>
      </c>
      <c r="HF18" s="103">
        <v>3</v>
      </c>
      <c r="HG18" s="413">
        <v>0</v>
      </c>
      <c r="HH18" s="102">
        <v>0</v>
      </c>
      <c r="HI18" s="102">
        <v>1</v>
      </c>
      <c r="HJ18" s="102">
        <v>0</v>
      </c>
      <c r="HK18" s="102">
        <v>0</v>
      </c>
      <c r="HL18" s="102">
        <v>0</v>
      </c>
      <c r="HM18" s="103">
        <v>1</v>
      </c>
      <c r="HN18" s="104">
        <v>4</v>
      </c>
      <c r="HO18" s="101">
        <v>3</v>
      </c>
      <c r="HP18" s="102">
        <v>0</v>
      </c>
      <c r="HQ18" s="103">
        <v>3</v>
      </c>
      <c r="HR18" s="413">
        <v>0</v>
      </c>
      <c r="HS18" s="102">
        <v>2</v>
      </c>
      <c r="HT18" s="102">
        <v>2</v>
      </c>
      <c r="HU18" s="102">
        <v>0</v>
      </c>
      <c r="HV18" s="102">
        <v>1</v>
      </c>
      <c r="HW18" s="102">
        <v>1</v>
      </c>
      <c r="HX18" s="103">
        <v>6</v>
      </c>
      <c r="HY18" s="104">
        <v>9</v>
      </c>
      <c r="HZ18" s="101">
        <v>3</v>
      </c>
      <c r="IA18" s="102">
        <v>3</v>
      </c>
      <c r="IB18" s="103">
        <v>6</v>
      </c>
      <c r="IC18" s="413">
        <v>0</v>
      </c>
      <c r="ID18" s="102">
        <v>2</v>
      </c>
      <c r="IE18" s="102">
        <v>3</v>
      </c>
      <c r="IF18" s="102">
        <v>3</v>
      </c>
      <c r="IG18" s="102">
        <v>1</v>
      </c>
      <c r="IH18" s="102">
        <v>2</v>
      </c>
      <c r="II18" s="103">
        <v>11</v>
      </c>
      <c r="IJ18" s="104">
        <v>17</v>
      </c>
      <c r="IK18" s="101">
        <v>1</v>
      </c>
      <c r="IL18" s="102">
        <v>5</v>
      </c>
      <c r="IM18" s="103">
        <v>6</v>
      </c>
      <c r="IN18" s="413">
        <v>0</v>
      </c>
      <c r="IO18" s="102">
        <v>2</v>
      </c>
      <c r="IP18" s="102">
        <v>4</v>
      </c>
      <c r="IQ18" s="102">
        <v>0</v>
      </c>
      <c r="IR18" s="102">
        <v>1</v>
      </c>
      <c r="IS18" s="102">
        <v>2</v>
      </c>
      <c r="IT18" s="103">
        <v>9</v>
      </c>
      <c r="IU18" s="104">
        <v>15</v>
      </c>
      <c r="IV18" s="101">
        <v>0</v>
      </c>
      <c r="IW18" s="102">
        <v>6</v>
      </c>
      <c r="IX18" s="103">
        <v>6</v>
      </c>
      <c r="IY18" s="413">
        <v>0</v>
      </c>
      <c r="IZ18" s="102">
        <v>7</v>
      </c>
      <c r="JA18" s="102">
        <v>5</v>
      </c>
      <c r="JB18" s="102">
        <v>2</v>
      </c>
      <c r="JC18" s="102">
        <v>3</v>
      </c>
      <c r="JD18" s="102">
        <v>2</v>
      </c>
      <c r="JE18" s="103">
        <v>19</v>
      </c>
      <c r="JF18" s="104">
        <v>25</v>
      </c>
      <c r="JG18" s="101">
        <v>3</v>
      </c>
      <c r="JH18" s="102">
        <v>4</v>
      </c>
      <c r="JI18" s="103">
        <v>7</v>
      </c>
      <c r="JJ18" s="413">
        <v>0</v>
      </c>
      <c r="JK18" s="102">
        <v>11</v>
      </c>
      <c r="JL18" s="102">
        <v>5</v>
      </c>
      <c r="JM18" s="102">
        <v>4</v>
      </c>
      <c r="JN18" s="102">
        <v>2</v>
      </c>
      <c r="JO18" s="102">
        <v>1</v>
      </c>
      <c r="JP18" s="103">
        <v>23</v>
      </c>
      <c r="JQ18" s="104">
        <v>30</v>
      </c>
      <c r="JR18" s="101">
        <v>0</v>
      </c>
      <c r="JS18" s="102">
        <v>0</v>
      </c>
      <c r="JT18" s="103">
        <v>0</v>
      </c>
      <c r="JU18" s="413">
        <v>0</v>
      </c>
      <c r="JV18" s="102">
        <v>0</v>
      </c>
      <c r="JW18" s="102">
        <v>0</v>
      </c>
      <c r="JX18" s="102">
        <v>0</v>
      </c>
      <c r="JY18" s="102">
        <v>0</v>
      </c>
      <c r="JZ18" s="102">
        <v>0</v>
      </c>
      <c r="KA18" s="103">
        <v>0</v>
      </c>
      <c r="KB18" s="104">
        <v>0</v>
      </c>
      <c r="KC18" s="101">
        <v>11</v>
      </c>
      <c r="KD18" s="102">
        <v>20</v>
      </c>
      <c r="KE18" s="103">
        <v>31</v>
      </c>
      <c r="KF18" s="413">
        <v>0</v>
      </c>
      <c r="KG18" s="102">
        <v>24</v>
      </c>
      <c r="KH18" s="102">
        <v>20</v>
      </c>
      <c r="KI18" s="102">
        <v>9</v>
      </c>
      <c r="KJ18" s="102">
        <v>8</v>
      </c>
      <c r="KK18" s="102">
        <v>8</v>
      </c>
      <c r="KL18" s="103">
        <v>69</v>
      </c>
      <c r="KM18" s="104">
        <v>100</v>
      </c>
    </row>
    <row r="19" spans="2:299" s="70" customFormat="1" ht="21" customHeight="1" x14ac:dyDescent="0.2">
      <c r="B19" s="106" t="s">
        <v>16</v>
      </c>
      <c r="C19" s="96">
        <v>24</v>
      </c>
      <c r="D19" s="97">
        <v>31</v>
      </c>
      <c r="E19" s="98">
        <v>55</v>
      </c>
      <c r="F19" s="413">
        <v>0</v>
      </c>
      <c r="G19" s="97">
        <v>46</v>
      </c>
      <c r="H19" s="97">
        <v>69</v>
      </c>
      <c r="I19" s="97">
        <v>39</v>
      </c>
      <c r="J19" s="97">
        <v>27</v>
      </c>
      <c r="K19" s="97">
        <v>23</v>
      </c>
      <c r="L19" s="99">
        <v>204</v>
      </c>
      <c r="M19" s="100">
        <v>259</v>
      </c>
      <c r="N19" s="101">
        <v>0</v>
      </c>
      <c r="O19" s="102">
        <v>1</v>
      </c>
      <c r="P19" s="103">
        <v>1</v>
      </c>
      <c r="Q19" s="413">
        <v>0</v>
      </c>
      <c r="R19" s="102">
        <v>0</v>
      </c>
      <c r="S19" s="102">
        <v>3</v>
      </c>
      <c r="T19" s="102">
        <v>0</v>
      </c>
      <c r="U19" s="102">
        <v>1</v>
      </c>
      <c r="V19" s="102">
        <v>2</v>
      </c>
      <c r="W19" s="103">
        <v>6</v>
      </c>
      <c r="X19" s="104">
        <v>7</v>
      </c>
      <c r="Y19" s="101">
        <v>4</v>
      </c>
      <c r="Z19" s="102">
        <v>3</v>
      </c>
      <c r="AA19" s="103">
        <v>7</v>
      </c>
      <c r="AB19" s="413">
        <v>0</v>
      </c>
      <c r="AC19" s="102">
        <v>4</v>
      </c>
      <c r="AD19" s="102">
        <v>6</v>
      </c>
      <c r="AE19" s="102">
        <v>3</v>
      </c>
      <c r="AF19" s="102">
        <v>2</v>
      </c>
      <c r="AG19" s="102">
        <v>2</v>
      </c>
      <c r="AH19" s="103">
        <v>17</v>
      </c>
      <c r="AI19" s="104">
        <v>24</v>
      </c>
      <c r="AJ19" s="101">
        <v>6</v>
      </c>
      <c r="AK19" s="102">
        <v>5</v>
      </c>
      <c r="AL19" s="103">
        <v>11</v>
      </c>
      <c r="AM19" s="413">
        <v>0</v>
      </c>
      <c r="AN19" s="102">
        <v>7</v>
      </c>
      <c r="AO19" s="102">
        <v>9</v>
      </c>
      <c r="AP19" s="102">
        <v>3</v>
      </c>
      <c r="AQ19" s="102">
        <v>5</v>
      </c>
      <c r="AR19" s="102">
        <v>2</v>
      </c>
      <c r="AS19" s="103">
        <v>26</v>
      </c>
      <c r="AT19" s="104">
        <v>37</v>
      </c>
      <c r="AU19" s="101">
        <v>5</v>
      </c>
      <c r="AV19" s="102">
        <v>4</v>
      </c>
      <c r="AW19" s="103">
        <v>9</v>
      </c>
      <c r="AX19" s="413">
        <v>0</v>
      </c>
      <c r="AY19" s="102">
        <v>11</v>
      </c>
      <c r="AZ19" s="102">
        <v>17</v>
      </c>
      <c r="BA19" s="102">
        <v>12</v>
      </c>
      <c r="BB19" s="102">
        <v>7</v>
      </c>
      <c r="BC19" s="102">
        <v>3</v>
      </c>
      <c r="BD19" s="103">
        <v>50</v>
      </c>
      <c r="BE19" s="104">
        <v>59</v>
      </c>
      <c r="BF19" s="101">
        <v>6</v>
      </c>
      <c r="BG19" s="102">
        <v>7</v>
      </c>
      <c r="BH19" s="103">
        <v>13</v>
      </c>
      <c r="BI19" s="413">
        <v>0</v>
      </c>
      <c r="BJ19" s="102">
        <v>12</v>
      </c>
      <c r="BK19" s="102">
        <v>20</v>
      </c>
      <c r="BL19" s="102">
        <v>14</v>
      </c>
      <c r="BM19" s="102">
        <v>3</v>
      </c>
      <c r="BN19" s="102">
        <v>10</v>
      </c>
      <c r="BO19" s="103">
        <v>59</v>
      </c>
      <c r="BP19" s="104">
        <v>72</v>
      </c>
      <c r="BQ19" s="101">
        <v>3</v>
      </c>
      <c r="BR19" s="102">
        <v>11</v>
      </c>
      <c r="BS19" s="103">
        <v>14</v>
      </c>
      <c r="BT19" s="413">
        <v>0</v>
      </c>
      <c r="BU19" s="102">
        <v>12</v>
      </c>
      <c r="BV19" s="102">
        <v>14</v>
      </c>
      <c r="BW19" s="102">
        <v>7</v>
      </c>
      <c r="BX19" s="102">
        <v>9</v>
      </c>
      <c r="BY19" s="102">
        <v>4</v>
      </c>
      <c r="BZ19" s="103">
        <v>46</v>
      </c>
      <c r="CA19" s="104">
        <v>60</v>
      </c>
      <c r="CB19" s="101">
        <v>0</v>
      </c>
      <c r="CC19" s="102">
        <v>0</v>
      </c>
      <c r="CD19" s="103">
        <v>0</v>
      </c>
      <c r="CE19" s="413">
        <v>0</v>
      </c>
      <c r="CF19" s="102">
        <v>0</v>
      </c>
      <c r="CG19" s="102">
        <v>0</v>
      </c>
      <c r="CH19" s="102">
        <v>0</v>
      </c>
      <c r="CI19" s="102">
        <v>0</v>
      </c>
      <c r="CJ19" s="102">
        <v>0</v>
      </c>
      <c r="CK19" s="103">
        <v>0</v>
      </c>
      <c r="CL19" s="104">
        <v>0</v>
      </c>
      <c r="CM19" s="101">
        <v>24</v>
      </c>
      <c r="CN19" s="102">
        <v>31</v>
      </c>
      <c r="CO19" s="103">
        <v>55</v>
      </c>
      <c r="CP19" s="413">
        <v>0</v>
      </c>
      <c r="CQ19" s="102">
        <v>46</v>
      </c>
      <c r="CR19" s="102">
        <v>69</v>
      </c>
      <c r="CS19" s="102">
        <v>39</v>
      </c>
      <c r="CT19" s="102">
        <v>27</v>
      </c>
      <c r="CU19" s="102">
        <v>23</v>
      </c>
      <c r="CV19" s="103">
        <v>204</v>
      </c>
      <c r="CW19" s="104">
        <v>259</v>
      </c>
      <c r="CX19" s="105">
        <v>18</v>
      </c>
      <c r="CY19" s="97">
        <v>21</v>
      </c>
      <c r="CZ19" s="98">
        <v>39</v>
      </c>
      <c r="DA19" s="413">
        <v>0</v>
      </c>
      <c r="DB19" s="97">
        <v>22</v>
      </c>
      <c r="DC19" s="97">
        <v>30</v>
      </c>
      <c r="DD19" s="97">
        <v>14</v>
      </c>
      <c r="DE19" s="97">
        <v>19</v>
      </c>
      <c r="DF19" s="97">
        <v>8</v>
      </c>
      <c r="DG19" s="99">
        <v>93</v>
      </c>
      <c r="DH19" s="100">
        <v>132</v>
      </c>
      <c r="DI19" s="101">
        <v>0</v>
      </c>
      <c r="DJ19" s="102">
        <v>2</v>
      </c>
      <c r="DK19" s="103">
        <v>2</v>
      </c>
      <c r="DL19" s="413">
        <v>0</v>
      </c>
      <c r="DM19" s="102">
        <v>0</v>
      </c>
      <c r="DN19" s="102">
        <v>1</v>
      </c>
      <c r="DO19" s="102">
        <v>0</v>
      </c>
      <c r="DP19" s="102">
        <v>0</v>
      </c>
      <c r="DQ19" s="102">
        <v>1</v>
      </c>
      <c r="DR19" s="103">
        <v>2</v>
      </c>
      <c r="DS19" s="104">
        <v>4</v>
      </c>
      <c r="DT19" s="101">
        <v>1</v>
      </c>
      <c r="DU19" s="102">
        <v>3</v>
      </c>
      <c r="DV19" s="103">
        <v>4</v>
      </c>
      <c r="DW19" s="413">
        <v>0</v>
      </c>
      <c r="DX19" s="102">
        <v>0</v>
      </c>
      <c r="DY19" s="102">
        <v>0</v>
      </c>
      <c r="DZ19" s="102">
        <v>1</v>
      </c>
      <c r="EA19" s="102">
        <v>0</v>
      </c>
      <c r="EB19" s="102">
        <v>0</v>
      </c>
      <c r="EC19" s="103">
        <v>1</v>
      </c>
      <c r="ED19" s="104">
        <v>5</v>
      </c>
      <c r="EE19" s="101">
        <v>3</v>
      </c>
      <c r="EF19" s="102">
        <v>1</v>
      </c>
      <c r="EG19" s="103">
        <v>4</v>
      </c>
      <c r="EH19" s="413">
        <v>0</v>
      </c>
      <c r="EI19" s="102">
        <v>2</v>
      </c>
      <c r="EJ19" s="102">
        <v>2</v>
      </c>
      <c r="EK19" s="102">
        <v>0</v>
      </c>
      <c r="EL19" s="102">
        <v>3</v>
      </c>
      <c r="EM19" s="102">
        <v>0</v>
      </c>
      <c r="EN19" s="103">
        <v>7</v>
      </c>
      <c r="EO19" s="104">
        <v>11</v>
      </c>
      <c r="EP19" s="101">
        <v>6</v>
      </c>
      <c r="EQ19" s="102">
        <v>6</v>
      </c>
      <c r="ER19" s="103">
        <v>12</v>
      </c>
      <c r="ES19" s="413">
        <v>0</v>
      </c>
      <c r="ET19" s="102">
        <v>3</v>
      </c>
      <c r="EU19" s="102">
        <v>8</v>
      </c>
      <c r="EV19" s="102">
        <v>3</v>
      </c>
      <c r="EW19" s="102">
        <v>2</v>
      </c>
      <c r="EX19" s="102">
        <v>0</v>
      </c>
      <c r="EY19" s="103">
        <v>16</v>
      </c>
      <c r="EZ19" s="104">
        <v>28</v>
      </c>
      <c r="FA19" s="101">
        <v>5</v>
      </c>
      <c r="FB19" s="102">
        <v>4</v>
      </c>
      <c r="FC19" s="103">
        <v>9</v>
      </c>
      <c r="FD19" s="413">
        <v>0</v>
      </c>
      <c r="FE19" s="102">
        <v>13</v>
      </c>
      <c r="FF19" s="102">
        <v>9</v>
      </c>
      <c r="FG19" s="102">
        <v>2</v>
      </c>
      <c r="FH19" s="102">
        <v>3</v>
      </c>
      <c r="FI19" s="102">
        <v>0</v>
      </c>
      <c r="FJ19" s="103">
        <v>27</v>
      </c>
      <c r="FK19" s="104">
        <v>36</v>
      </c>
      <c r="FL19" s="101">
        <v>3</v>
      </c>
      <c r="FM19" s="102">
        <v>5</v>
      </c>
      <c r="FN19" s="103">
        <v>8</v>
      </c>
      <c r="FO19" s="413">
        <v>0</v>
      </c>
      <c r="FP19" s="102">
        <v>4</v>
      </c>
      <c r="FQ19" s="102">
        <v>10</v>
      </c>
      <c r="FR19" s="102">
        <v>8</v>
      </c>
      <c r="FS19" s="102">
        <v>11</v>
      </c>
      <c r="FT19" s="102">
        <v>7</v>
      </c>
      <c r="FU19" s="103">
        <v>40</v>
      </c>
      <c r="FV19" s="104">
        <v>48</v>
      </c>
      <c r="FW19" s="101">
        <v>0</v>
      </c>
      <c r="FX19" s="102">
        <v>0</v>
      </c>
      <c r="FY19" s="103">
        <v>0</v>
      </c>
      <c r="FZ19" s="413">
        <v>0</v>
      </c>
      <c r="GA19" s="102">
        <v>0</v>
      </c>
      <c r="GB19" s="102">
        <v>0</v>
      </c>
      <c r="GC19" s="102">
        <v>0</v>
      </c>
      <c r="GD19" s="102">
        <v>0</v>
      </c>
      <c r="GE19" s="102">
        <v>0</v>
      </c>
      <c r="GF19" s="103">
        <v>0</v>
      </c>
      <c r="GG19" s="104">
        <v>0</v>
      </c>
      <c r="GH19" s="101">
        <v>18</v>
      </c>
      <c r="GI19" s="102">
        <v>21</v>
      </c>
      <c r="GJ19" s="103">
        <v>39</v>
      </c>
      <c r="GK19" s="413">
        <v>0</v>
      </c>
      <c r="GL19" s="102">
        <v>22</v>
      </c>
      <c r="GM19" s="102">
        <v>30</v>
      </c>
      <c r="GN19" s="102">
        <v>14</v>
      </c>
      <c r="GO19" s="102">
        <v>19</v>
      </c>
      <c r="GP19" s="102">
        <v>8</v>
      </c>
      <c r="GQ19" s="103">
        <v>93</v>
      </c>
      <c r="GR19" s="104">
        <v>132</v>
      </c>
      <c r="GS19" s="105">
        <v>42</v>
      </c>
      <c r="GT19" s="97">
        <v>52</v>
      </c>
      <c r="GU19" s="98">
        <v>94</v>
      </c>
      <c r="GV19" s="413">
        <v>0</v>
      </c>
      <c r="GW19" s="97">
        <v>68</v>
      </c>
      <c r="GX19" s="97">
        <v>99</v>
      </c>
      <c r="GY19" s="97">
        <v>53</v>
      </c>
      <c r="GZ19" s="97">
        <v>46</v>
      </c>
      <c r="HA19" s="97">
        <v>31</v>
      </c>
      <c r="HB19" s="99">
        <v>297</v>
      </c>
      <c r="HC19" s="100">
        <v>391</v>
      </c>
      <c r="HD19" s="101">
        <v>0</v>
      </c>
      <c r="HE19" s="102">
        <v>3</v>
      </c>
      <c r="HF19" s="103">
        <v>3</v>
      </c>
      <c r="HG19" s="413">
        <v>0</v>
      </c>
      <c r="HH19" s="102">
        <v>0</v>
      </c>
      <c r="HI19" s="102">
        <v>4</v>
      </c>
      <c r="HJ19" s="102">
        <v>0</v>
      </c>
      <c r="HK19" s="102">
        <v>1</v>
      </c>
      <c r="HL19" s="102">
        <v>3</v>
      </c>
      <c r="HM19" s="103">
        <v>8</v>
      </c>
      <c r="HN19" s="104">
        <v>11</v>
      </c>
      <c r="HO19" s="101">
        <v>5</v>
      </c>
      <c r="HP19" s="102">
        <v>6</v>
      </c>
      <c r="HQ19" s="103">
        <v>11</v>
      </c>
      <c r="HR19" s="413">
        <v>0</v>
      </c>
      <c r="HS19" s="102">
        <v>4</v>
      </c>
      <c r="HT19" s="102">
        <v>6</v>
      </c>
      <c r="HU19" s="102">
        <v>4</v>
      </c>
      <c r="HV19" s="102">
        <v>2</v>
      </c>
      <c r="HW19" s="102">
        <v>2</v>
      </c>
      <c r="HX19" s="103">
        <v>18</v>
      </c>
      <c r="HY19" s="104">
        <v>29</v>
      </c>
      <c r="HZ19" s="101">
        <v>9</v>
      </c>
      <c r="IA19" s="102">
        <v>6</v>
      </c>
      <c r="IB19" s="103">
        <v>15</v>
      </c>
      <c r="IC19" s="413">
        <v>0</v>
      </c>
      <c r="ID19" s="102">
        <v>9</v>
      </c>
      <c r="IE19" s="102">
        <v>11</v>
      </c>
      <c r="IF19" s="102">
        <v>3</v>
      </c>
      <c r="IG19" s="102">
        <v>8</v>
      </c>
      <c r="IH19" s="102">
        <v>2</v>
      </c>
      <c r="II19" s="103">
        <v>33</v>
      </c>
      <c r="IJ19" s="104">
        <v>48</v>
      </c>
      <c r="IK19" s="101">
        <v>11</v>
      </c>
      <c r="IL19" s="102">
        <v>10</v>
      </c>
      <c r="IM19" s="103">
        <v>21</v>
      </c>
      <c r="IN19" s="413">
        <v>0</v>
      </c>
      <c r="IO19" s="102">
        <v>14</v>
      </c>
      <c r="IP19" s="102">
        <v>25</v>
      </c>
      <c r="IQ19" s="102">
        <v>15</v>
      </c>
      <c r="IR19" s="102">
        <v>9</v>
      </c>
      <c r="IS19" s="102">
        <v>3</v>
      </c>
      <c r="IT19" s="103">
        <v>66</v>
      </c>
      <c r="IU19" s="104">
        <v>87</v>
      </c>
      <c r="IV19" s="101">
        <v>11</v>
      </c>
      <c r="IW19" s="102">
        <v>11</v>
      </c>
      <c r="IX19" s="103">
        <v>22</v>
      </c>
      <c r="IY19" s="413">
        <v>0</v>
      </c>
      <c r="IZ19" s="102">
        <v>25</v>
      </c>
      <c r="JA19" s="102">
        <v>29</v>
      </c>
      <c r="JB19" s="102">
        <v>16</v>
      </c>
      <c r="JC19" s="102">
        <v>6</v>
      </c>
      <c r="JD19" s="102">
        <v>10</v>
      </c>
      <c r="JE19" s="103">
        <v>86</v>
      </c>
      <c r="JF19" s="104">
        <v>108</v>
      </c>
      <c r="JG19" s="101">
        <v>6</v>
      </c>
      <c r="JH19" s="102">
        <v>16</v>
      </c>
      <c r="JI19" s="103">
        <v>22</v>
      </c>
      <c r="JJ19" s="413">
        <v>0</v>
      </c>
      <c r="JK19" s="102">
        <v>16</v>
      </c>
      <c r="JL19" s="102">
        <v>24</v>
      </c>
      <c r="JM19" s="102">
        <v>15</v>
      </c>
      <c r="JN19" s="102">
        <v>20</v>
      </c>
      <c r="JO19" s="102">
        <v>11</v>
      </c>
      <c r="JP19" s="103">
        <v>86</v>
      </c>
      <c r="JQ19" s="104">
        <v>108</v>
      </c>
      <c r="JR19" s="101">
        <v>0</v>
      </c>
      <c r="JS19" s="102">
        <v>0</v>
      </c>
      <c r="JT19" s="103">
        <v>0</v>
      </c>
      <c r="JU19" s="413">
        <v>0</v>
      </c>
      <c r="JV19" s="102">
        <v>0</v>
      </c>
      <c r="JW19" s="102">
        <v>0</v>
      </c>
      <c r="JX19" s="102">
        <v>0</v>
      </c>
      <c r="JY19" s="102">
        <v>0</v>
      </c>
      <c r="JZ19" s="102">
        <v>0</v>
      </c>
      <c r="KA19" s="103">
        <v>0</v>
      </c>
      <c r="KB19" s="104">
        <v>0</v>
      </c>
      <c r="KC19" s="101">
        <v>42</v>
      </c>
      <c r="KD19" s="102">
        <v>52</v>
      </c>
      <c r="KE19" s="103">
        <v>94</v>
      </c>
      <c r="KF19" s="413">
        <v>0</v>
      </c>
      <c r="KG19" s="102">
        <v>68</v>
      </c>
      <c r="KH19" s="102">
        <v>99</v>
      </c>
      <c r="KI19" s="102">
        <v>53</v>
      </c>
      <c r="KJ19" s="102">
        <v>46</v>
      </c>
      <c r="KK19" s="102">
        <v>31</v>
      </c>
      <c r="KL19" s="103">
        <v>297</v>
      </c>
      <c r="KM19" s="104">
        <v>391</v>
      </c>
    </row>
    <row r="20" spans="2:299" s="70" customFormat="1" ht="21" customHeight="1" x14ac:dyDescent="0.2">
      <c r="B20" s="106" t="s">
        <v>17</v>
      </c>
      <c r="C20" s="96">
        <v>61</v>
      </c>
      <c r="D20" s="97">
        <v>54</v>
      </c>
      <c r="E20" s="98">
        <v>115</v>
      </c>
      <c r="F20" s="413">
        <v>0</v>
      </c>
      <c r="G20" s="97">
        <v>76</v>
      </c>
      <c r="H20" s="97">
        <v>91</v>
      </c>
      <c r="I20" s="97">
        <v>65</v>
      </c>
      <c r="J20" s="97">
        <v>47</v>
      </c>
      <c r="K20" s="97">
        <v>16</v>
      </c>
      <c r="L20" s="99">
        <v>295</v>
      </c>
      <c r="M20" s="100">
        <v>410</v>
      </c>
      <c r="N20" s="101">
        <v>5</v>
      </c>
      <c r="O20" s="102">
        <v>1</v>
      </c>
      <c r="P20" s="103">
        <v>6</v>
      </c>
      <c r="Q20" s="413">
        <v>0</v>
      </c>
      <c r="R20" s="102">
        <v>5</v>
      </c>
      <c r="S20" s="102">
        <v>3</v>
      </c>
      <c r="T20" s="102">
        <v>2</v>
      </c>
      <c r="U20" s="102">
        <v>5</v>
      </c>
      <c r="V20" s="102">
        <v>2</v>
      </c>
      <c r="W20" s="103">
        <v>17</v>
      </c>
      <c r="X20" s="104">
        <v>23</v>
      </c>
      <c r="Y20" s="101">
        <v>5</v>
      </c>
      <c r="Z20" s="102">
        <v>7</v>
      </c>
      <c r="AA20" s="103">
        <v>12</v>
      </c>
      <c r="AB20" s="413">
        <v>0</v>
      </c>
      <c r="AC20" s="102">
        <v>7</v>
      </c>
      <c r="AD20" s="102">
        <v>13</v>
      </c>
      <c r="AE20" s="102">
        <v>4</v>
      </c>
      <c r="AF20" s="102">
        <v>6</v>
      </c>
      <c r="AG20" s="102">
        <v>0</v>
      </c>
      <c r="AH20" s="103">
        <v>30</v>
      </c>
      <c r="AI20" s="104">
        <v>42</v>
      </c>
      <c r="AJ20" s="101">
        <v>9</v>
      </c>
      <c r="AK20" s="102">
        <v>6</v>
      </c>
      <c r="AL20" s="103">
        <v>15</v>
      </c>
      <c r="AM20" s="413">
        <v>0</v>
      </c>
      <c r="AN20" s="102">
        <v>8</v>
      </c>
      <c r="AO20" s="102">
        <v>13</v>
      </c>
      <c r="AP20" s="102">
        <v>10</v>
      </c>
      <c r="AQ20" s="102">
        <v>4</v>
      </c>
      <c r="AR20" s="102">
        <v>2</v>
      </c>
      <c r="AS20" s="103">
        <v>37</v>
      </c>
      <c r="AT20" s="104">
        <v>52</v>
      </c>
      <c r="AU20" s="101">
        <v>15</v>
      </c>
      <c r="AV20" s="102">
        <v>7</v>
      </c>
      <c r="AW20" s="103">
        <v>22</v>
      </c>
      <c r="AX20" s="413">
        <v>0</v>
      </c>
      <c r="AY20" s="102">
        <v>20</v>
      </c>
      <c r="AZ20" s="102">
        <v>23</v>
      </c>
      <c r="BA20" s="102">
        <v>13</v>
      </c>
      <c r="BB20" s="102">
        <v>9</v>
      </c>
      <c r="BC20" s="102">
        <v>6</v>
      </c>
      <c r="BD20" s="103">
        <v>71</v>
      </c>
      <c r="BE20" s="104">
        <v>93</v>
      </c>
      <c r="BF20" s="101">
        <v>22</v>
      </c>
      <c r="BG20" s="102">
        <v>17</v>
      </c>
      <c r="BH20" s="103">
        <v>39</v>
      </c>
      <c r="BI20" s="413">
        <v>0</v>
      </c>
      <c r="BJ20" s="102">
        <v>22</v>
      </c>
      <c r="BK20" s="102">
        <v>20</v>
      </c>
      <c r="BL20" s="102">
        <v>16</v>
      </c>
      <c r="BM20" s="102">
        <v>12</v>
      </c>
      <c r="BN20" s="102">
        <v>3</v>
      </c>
      <c r="BO20" s="103">
        <v>73</v>
      </c>
      <c r="BP20" s="104">
        <v>112</v>
      </c>
      <c r="BQ20" s="101">
        <v>5</v>
      </c>
      <c r="BR20" s="102">
        <v>16</v>
      </c>
      <c r="BS20" s="103">
        <v>21</v>
      </c>
      <c r="BT20" s="413">
        <v>0</v>
      </c>
      <c r="BU20" s="102">
        <v>14</v>
      </c>
      <c r="BV20" s="102">
        <v>19</v>
      </c>
      <c r="BW20" s="102">
        <v>20</v>
      </c>
      <c r="BX20" s="102">
        <v>11</v>
      </c>
      <c r="BY20" s="102">
        <v>3</v>
      </c>
      <c r="BZ20" s="103">
        <v>67</v>
      </c>
      <c r="CA20" s="104">
        <v>88</v>
      </c>
      <c r="CB20" s="101">
        <v>0</v>
      </c>
      <c r="CC20" s="102">
        <v>0</v>
      </c>
      <c r="CD20" s="103">
        <v>0</v>
      </c>
      <c r="CE20" s="413">
        <v>0</v>
      </c>
      <c r="CF20" s="102">
        <v>0</v>
      </c>
      <c r="CG20" s="102">
        <v>0</v>
      </c>
      <c r="CH20" s="102">
        <v>0</v>
      </c>
      <c r="CI20" s="102">
        <v>0</v>
      </c>
      <c r="CJ20" s="102">
        <v>0</v>
      </c>
      <c r="CK20" s="103">
        <v>0</v>
      </c>
      <c r="CL20" s="104">
        <v>0</v>
      </c>
      <c r="CM20" s="101">
        <v>61</v>
      </c>
      <c r="CN20" s="102">
        <v>54</v>
      </c>
      <c r="CO20" s="103">
        <v>115</v>
      </c>
      <c r="CP20" s="413">
        <v>0</v>
      </c>
      <c r="CQ20" s="102">
        <v>76</v>
      </c>
      <c r="CR20" s="102">
        <v>91</v>
      </c>
      <c r="CS20" s="102">
        <v>65</v>
      </c>
      <c r="CT20" s="102">
        <v>47</v>
      </c>
      <c r="CU20" s="102">
        <v>16</v>
      </c>
      <c r="CV20" s="103">
        <v>295</v>
      </c>
      <c r="CW20" s="104">
        <v>410</v>
      </c>
      <c r="CX20" s="105">
        <v>16</v>
      </c>
      <c r="CY20" s="97">
        <v>28</v>
      </c>
      <c r="CZ20" s="98">
        <v>44</v>
      </c>
      <c r="DA20" s="413">
        <v>0</v>
      </c>
      <c r="DB20" s="97">
        <v>36</v>
      </c>
      <c r="DC20" s="97">
        <v>42</v>
      </c>
      <c r="DD20" s="97">
        <v>33</v>
      </c>
      <c r="DE20" s="97">
        <v>23</v>
      </c>
      <c r="DF20" s="97">
        <v>25</v>
      </c>
      <c r="DG20" s="99">
        <v>159</v>
      </c>
      <c r="DH20" s="100">
        <v>203</v>
      </c>
      <c r="DI20" s="101">
        <v>1</v>
      </c>
      <c r="DJ20" s="102">
        <v>0</v>
      </c>
      <c r="DK20" s="103">
        <v>1</v>
      </c>
      <c r="DL20" s="413">
        <v>0</v>
      </c>
      <c r="DM20" s="102">
        <v>0</v>
      </c>
      <c r="DN20" s="102">
        <v>0</v>
      </c>
      <c r="DO20" s="102">
        <v>0</v>
      </c>
      <c r="DP20" s="102">
        <v>0</v>
      </c>
      <c r="DQ20" s="102">
        <v>0</v>
      </c>
      <c r="DR20" s="103">
        <v>0</v>
      </c>
      <c r="DS20" s="104">
        <v>1</v>
      </c>
      <c r="DT20" s="101">
        <v>4</v>
      </c>
      <c r="DU20" s="102">
        <v>2</v>
      </c>
      <c r="DV20" s="103">
        <v>6</v>
      </c>
      <c r="DW20" s="413">
        <v>0</v>
      </c>
      <c r="DX20" s="102">
        <v>1</v>
      </c>
      <c r="DY20" s="102">
        <v>1</v>
      </c>
      <c r="DZ20" s="102">
        <v>0</v>
      </c>
      <c r="EA20" s="102">
        <v>3</v>
      </c>
      <c r="EB20" s="102">
        <v>0</v>
      </c>
      <c r="EC20" s="103">
        <v>5</v>
      </c>
      <c r="ED20" s="104">
        <v>11</v>
      </c>
      <c r="EE20" s="101">
        <v>3</v>
      </c>
      <c r="EF20" s="102">
        <v>1</v>
      </c>
      <c r="EG20" s="103">
        <v>4</v>
      </c>
      <c r="EH20" s="413">
        <v>0</v>
      </c>
      <c r="EI20" s="102">
        <v>4</v>
      </c>
      <c r="EJ20" s="102">
        <v>4</v>
      </c>
      <c r="EK20" s="102">
        <v>6</v>
      </c>
      <c r="EL20" s="102">
        <v>3</v>
      </c>
      <c r="EM20" s="102">
        <v>2</v>
      </c>
      <c r="EN20" s="103">
        <v>19</v>
      </c>
      <c r="EO20" s="104">
        <v>23</v>
      </c>
      <c r="EP20" s="101">
        <v>3</v>
      </c>
      <c r="EQ20" s="102">
        <v>7</v>
      </c>
      <c r="ER20" s="103">
        <v>10</v>
      </c>
      <c r="ES20" s="413">
        <v>0</v>
      </c>
      <c r="ET20" s="102">
        <v>9</v>
      </c>
      <c r="EU20" s="102">
        <v>9</v>
      </c>
      <c r="EV20" s="102">
        <v>5</v>
      </c>
      <c r="EW20" s="102">
        <v>2</v>
      </c>
      <c r="EX20" s="102">
        <v>8</v>
      </c>
      <c r="EY20" s="103">
        <v>33</v>
      </c>
      <c r="EZ20" s="104">
        <v>43</v>
      </c>
      <c r="FA20" s="101">
        <v>5</v>
      </c>
      <c r="FB20" s="102">
        <v>14</v>
      </c>
      <c r="FC20" s="103">
        <v>19</v>
      </c>
      <c r="FD20" s="413">
        <v>0</v>
      </c>
      <c r="FE20" s="102">
        <v>11</v>
      </c>
      <c r="FF20" s="102">
        <v>12</v>
      </c>
      <c r="FG20" s="102">
        <v>7</v>
      </c>
      <c r="FH20" s="102">
        <v>2</v>
      </c>
      <c r="FI20" s="102">
        <v>8</v>
      </c>
      <c r="FJ20" s="103">
        <v>40</v>
      </c>
      <c r="FK20" s="104">
        <v>59</v>
      </c>
      <c r="FL20" s="101">
        <v>0</v>
      </c>
      <c r="FM20" s="102">
        <v>4</v>
      </c>
      <c r="FN20" s="103">
        <v>4</v>
      </c>
      <c r="FO20" s="413">
        <v>0</v>
      </c>
      <c r="FP20" s="102">
        <v>11</v>
      </c>
      <c r="FQ20" s="102">
        <v>16</v>
      </c>
      <c r="FR20" s="102">
        <v>15</v>
      </c>
      <c r="FS20" s="102">
        <v>13</v>
      </c>
      <c r="FT20" s="102">
        <v>7</v>
      </c>
      <c r="FU20" s="103">
        <v>62</v>
      </c>
      <c r="FV20" s="104">
        <v>66</v>
      </c>
      <c r="FW20" s="101">
        <v>0</v>
      </c>
      <c r="FX20" s="102">
        <v>0</v>
      </c>
      <c r="FY20" s="103">
        <v>0</v>
      </c>
      <c r="FZ20" s="413">
        <v>0</v>
      </c>
      <c r="GA20" s="102">
        <v>0</v>
      </c>
      <c r="GB20" s="102">
        <v>0</v>
      </c>
      <c r="GC20" s="102">
        <v>0</v>
      </c>
      <c r="GD20" s="102">
        <v>0</v>
      </c>
      <c r="GE20" s="102">
        <v>0</v>
      </c>
      <c r="GF20" s="103">
        <v>0</v>
      </c>
      <c r="GG20" s="104">
        <v>0</v>
      </c>
      <c r="GH20" s="101">
        <v>16</v>
      </c>
      <c r="GI20" s="102">
        <v>28</v>
      </c>
      <c r="GJ20" s="103">
        <v>44</v>
      </c>
      <c r="GK20" s="413">
        <v>0</v>
      </c>
      <c r="GL20" s="102">
        <v>36</v>
      </c>
      <c r="GM20" s="102">
        <v>42</v>
      </c>
      <c r="GN20" s="102">
        <v>33</v>
      </c>
      <c r="GO20" s="102">
        <v>23</v>
      </c>
      <c r="GP20" s="102">
        <v>25</v>
      </c>
      <c r="GQ20" s="103">
        <v>159</v>
      </c>
      <c r="GR20" s="104">
        <v>203</v>
      </c>
      <c r="GS20" s="105">
        <v>77</v>
      </c>
      <c r="GT20" s="97">
        <v>82</v>
      </c>
      <c r="GU20" s="98">
        <v>159</v>
      </c>
      <c r="GV20" s="413">
        <v>0</v>
      </c>
      <c r="GW20" s="97">
        <v>112</v>
      </c>
      <c r="GX20" s="97">
        <v>133</v>
      </c>
      <c r="GY20" s="97">
        <v>98</v>
      </c>
      <c r="GZ20" s="97">
        <v>70</v>
      </c>
      <c r="HA20" s="97">
        <v>41</v>
      </c>
      <c r="HB20" s="99">
        <v>454</v>
      </c>
      <c r="HC20" s="100">
        <v>613</v>
      </c>
      <c r="HD20" s="101">
        <v>6</v>
      </c>
      <c r="HE20" s="102">
        <v>1</v>
      </c>
      <c r="HF20" s="103">
        <v>7</v>
      </c>
      <c r="HG20" s="413">
        <v>0</v>
      </c>
      <c r="HH20" s="102">
        <v>5</v>
      </c>
      <c r="HI20" s="102">
        <v>3</v>
      </c>
      <c r="HJ20" s="102">
        <v>2</v>
      </c>
      <c r="HK20" s="102">
        <v>5</v>
      </c>
      <c r="HL20" s="102">
        <v>2</v>
      </c>
      <c r="HM20" s="103">
        <v>17</v>
      </c>
      <c r="HN20" s="104">
        <v>24</v>
      </c>
      <c r="HO20" s="101">
        <v>9</v>
      </c>
      <c r="HP20" s="102">
        <v>9</v>
      </c>
      <c r="HQ20" s="103">
        <v>18</v>
      </c>
      <c r="HR20" s="413">
        <v>0</v>
      </c>
      <c r="HS20" s="102">
        <v>8</v>
      </c>
      <c r="HT20" s="102">
        <v>14</v>
      </c>
      <c r="HU20" s="102">
        <v>4</v>
      </c>
      <c r="HV20" s="102">
        <v>9</v>
      </c>
      <c r="HW20" s="102">
        <v>0</v>
      </c>
      <c r="HX20" s="103">
        <v>35</v>
      </c>
      <c r="HY20" s="104">
        <v>53</v>
      </c>
      <c r="HZ20" s="101">
        <v>12</v>
      </c>
      <c r="IA20" s="102">
        <v>7</v>
      </c>
      <c r="IB20" s="103">
        <v>19</v>
      </c>
      <c r="IC20" s="413">
        <v>0</v>
      </c>
      <c r="ID20" s="102">
        <v>12</v>
      </c>
      <c r="IE20" s="102">
        <v>17</v>
      </c>
      <c r="IF20" s="102">
        <v>16</v>
      </c>
      <c r="IG20" s="102">
        <v>7</v>
      </c>
      <c r="IH20" s="102">
        <v>4</v>
      </c>
      <c r="II20" s="103">
        <v>56</v>
      </c>
      <c r="IJ20" s="104">
        <v>75</v>
      </c>
      <c r="IK20" s="101">
        <v>18</v>
      </c>
      <c r="IL20" s="102">
        <v>14</v>
      </c>
      <c r="IM20" s="103">
        <v>32</v>
      </c>
      <c r="IN20" s="413">
        <v>0</v>
      </c>
      <c r="IO20" s="102">
        <v>29</v>
      </c>
      <c r="IP20" s="102">
        <v>32</v>
      </c>
      <c r="IQ20" s="102">
        <v>18</v>
      </c>
      <c r="IR20" s="102">
        <v>11</v>
      </c>
      <c r="IS20" s="102">
        <v>14</v>
      </c>
      <c r="IT20" s="103">
        <v>104</v>
      </c>
      <c r="IU20" s="104">
        <v>136</v>
      </c>
      <c r="IV20" s="101">
        <v>27</v>
      </c>
      <c r="IW20" s="102">
        <v>31</v>
      </c>
      <c r="IX20" s="103">
        <v>58</v>
      </c>
      <c r="IY20" s="413">
        <v>0</v>
      </c>
      <c r="IZ20" s="102">
        <v>33</v>
      </c>
      <c r="JA20" s="102">
        <v>32</v>
      </c>
      <c r="JB20" s="102">
        <v>23</v>
      </c>
      <c r="JC20" s="102">
        <v>14</v>
      </c>
      <c r="JD20" s="102">
        <v>11</v>
      </c>
      <c r="JE20" s="103">
        <v>113</v>
      </c>
      <c r="JF20" s="104">
        <v>171</v>
      </c>
      <c r="JG20" s="101">
        <v>5</v>
      </c>
      <c r="JH20" s="102">
        <v>20</v>
      </c>
      <c r="JI20" s="103">
        <v>25</v>
      </c>
      <c r="JJ20" s="413">
        <v>0</v>
      </c>
      <c r="JK20" s="102">
        <v>25</v>
      </c>
      <c r="JL20" s="102">
        <v>35</v>
      </c>
      <c r="JM20" s="102">
        <v>35</v>
      </c>
      <c r="JN20" s="102">
        <v>24</v>
      </c>
      <c r="JO20" s="102">
        <v>10</v>
      </c>
      <c r="JP20" s="103">
        <v>129</v>
      </c>
      <c r="JQ20" s="104">
        <v>154</v>
      </c>
      <c r="JR20" s="101">
        <v>0</v>
      </c>
      <c r="JS20" s="102">
        <v>0</v>
      </c>
      <c r="JT20" s="103">
        <v>0</v>
      </c>
      <c r="JU20" s="413">
        <v>0</v>
      </c>
      <c r="JV20" s="102">
        <v>0</v>
      </c>
      <c r="JW20" s="102">
        <v>0</v>
      </c>
      <c r="JX20" s="102">
        <v>0</v>
      </c>
      <c r="JY20" s="102">
        <v>0</v>
      </c>
      <c r="JZ20" s="102">
        <v>0</v>
      </c>
      <c r="KA20" s="103">
        <v>0</v>
      </c>
      <c r="KB20" s="104">
        <v>0</v>
      </c>
      <c r="KC20" s="101">
        <v>77</v>
      </c>
      <c r="KD20" s="102">
        <v>82</v>
      </c>
      <c r="KE20" s="103">
        <v>159</v>
      </c>
      <c r="KF20" s="413">
        <v>0</v>
      </c>
      <c r="KG20" s="102">
        <v>112</v>
      </c>
      <c r="KH20" s="102">
        <v>133</v>
      </c>
      <c r="KI20" s="102">
        <v>98</v>
      </c>
      <c r="KJ20" s="102">
        <v>70</v>
      </c>
      <c r="KK20" s="102">
        <v>41</v>
      </c>
      <c r="KL20" s="103">
        <v>454</v>
      </c>
      <c r="KM20" s="104">
        <v>613</v>
      </c>
    </row>
    <row r="21" spans="2:299" s="70" customFormat="1" ht="21" customHeight="1" x14ac:dyDescent="0.2">
      <c r="B21" s="106" t="s">
        <v>18</v>
      </c>
      <c r="C21" s="96">
        <v>70</v>
      </c>
      <c r="D21" s="97">
        <v>68</v>
      </c>
      <c r="E21" s="98">
        <v>138</v>
      </c>
      <c r="F21" s="413">
        <v>0</v>
      </c>
      <c r="G21" s="97">
        <v>138</v>
      </c>
      <c r="H21" s="97">
        <v>91</v>
      </c>
      <c r="I21" s="97">
        <v>63</v>
      </c>
      <c r="J21" s="97">
        <v>41</v>
      </c>
      <c r="K21" s="97">
        <v>38</v>
      </c>
      <c r="L21" s="99">
        <v>371</v>
      </c>
      <c r="M21" s="100">
        <v>509</v>
      </c>
      <c r="N21" s="101">
        <v>7</v>
      </c>
      <c r="O21" s="102">
        <v>1</v>
      </c>
      <c r="P21" s="103">
        <v>8</v>
      </c>
      <c r="Q21" s="413">
        <v>0</v>
      </c>
      <c r="R21" s="102">
        <v>9</v>
      </c>
      <c r="S21" s="102">
        <v>3</v>
      </c>
      <c r="T21" s="102">
        <v>4</v>
      </c>
      <c r="U21" s="102">
        <v>1</v>
      </c>
      <c r="V21" s="102">
        <v>5</v>
      </c>
      <c r="W21" s="103">
        <v>22</v>
      </c>
      <c r="X21" s="104">
        <v>30</v>
      </c>
      <c r="Y21" s="101">
        <v>6</v>
      </c>
      <c r="Z21" s="102">
        <v>6</v>
      </c>
      <c r="AA21" s="103">
        <v>12</v>
      </c>
      <c r="AB21" s="413">
        <v>0</v>
      </c>
      <c r="AC21" s="102">
        <v>7</v>
      </c>
      <c r="AD21" s="102">
        <v>6</v>
      </c>
      <c r="AE21" s="102">
        <v>7</v>
      </c>
      <c r="AF21" s="102">
        <v>3</v>
      </c>
      <c r="AG21" s="102">
        <v>3</v>
      </c>
      <c r="AH21" s="103">
        <v>26</v>
      </c>
      <c r="AI21" s="104">
        <v>38</v>
      </c>
      <c r="AJ21" s="101">
        <v>11</v>
      </c>
      <c r="AK21" s="102">
        <v>9</v>
      </c>
      <c r="AL21" s="103">
        <v>20</v>
      </c>
      <c r="AM21" s="413">
        <v>0</v>
      </c>
      <c r="AN21" s="102">
        <v>20</v>
      </c>
      <c r="AO21" s="102">
        <v>8</v>
      </c>
      <c r="AP21" s="102">
        <v>6</v>
      </c>
      <c r="AQ21" s="102">
        <v>4</v>
      </c>
      <c r="AR21" s="102">
        <v>10</v>
      </c>
      <c r="AS21" s="103">
        <v>48</v>
      </c>
      <c r="AT21" s="104">
        <v>68</v>
      </c>
      <c r="AU21" s="101">
        <v>13</v>
      </c>
      <c r="AV21" s="102">
        <v>18</v>
      </c>
      <c r="AW21" s="103">
        <v>31</v>
      </c>
      <c r="AX21" s="413">
        <v>0</v>
      </c>
      <c r="AY21" s="102">
        <v>36</v>
      </c>
      <c r="AZ21" s="102">
        <v>27</v>
      </c>
      <c r="BA21" s="102">
        <v>15</v>
      </c>
      <c r="BB21" s="102">
        <v>10</v>
      </c>
      <c r="BC21" s="102">
        <v>10</v>
      </c>
      <c r="BD21" s="103">
        <v>98</v>
      </c>
      <c r="BE21" s="104">
        <v>129</v>
      </c>
      <c r="BF21" s="101">
        <v>19</v>
      </c>
      <c r="BG21" s="102">
        <v>24</v>
      </c>
      <c r="BH21" s="103">
        <v>43</v>
      </c>
      <c r="BI21" s="413">
        <v>0</v>
      </c>
      <c r="BJ21" s="102">
        <v>35</v>
      </c>
      <c r="BK21" s="102">
        <v>22</v>
      </c>
      <c r="BL21" s="102">
        <v>17</v>
      </c>
      <c r="BM21" s="102">
        <v>15</v>
      </c>
      <c r="BN21" s="102">
        <v>6</v>
      </c>
      <c r="BO21" s="103">
        <v>95</v>
      </c>
      <c r="BP21" s="104">
        <v>138</v>
      </c>
      <c r="BQ21" s="101">
        <v>14</v>
      </c>
      <c r="BR21" s="102">
        <v>10</v>
      </c>
      <c r="BS21" s="103">
        <v>24</v>
      </c>
      <c r="BT21" s="413">
        <v>0</v>
      </c>
      <c r="BU21" s="102">
        <v>31</v>
      </c>
      <c r="BV21" s="102">
        <v>25</v>
      </c>
      <c r="BW21" s="102">
        <v>14</v>
      </c>
      <c r="BX21" s="102">
        <v>8</v>
      </c>
      <c r="BY21" s="102">
        <v>4</v>
      </c>
      <c r="BZ21" s="103">
        <v>82</v>
      </c>
      <c r="CA21" s="104">
        <v>106</v>
      </c>
      <c r="CB21" s="101">
        <v>0</v>
      </c>
      <c r="CC21" s="102">
        <v>0</v>
      </c>
      <c r="CD21" s="103">
        <v>0</v>
      </c>
      <c r="CE21" s="413">
        <v>0</v>
      </c>
      <c r="CF21" s="102">
        <v>0</v>
      </c>
      <c r="CG21" s="102">
        <v>0</v>
      </c>
      <c r="CH21" s="102">
        <v>0</v>
      </c>
      <c r="CI21" s="102">
        <v>0</v>
      </c>
      <c r="CJ21" s="102">
        <v>0</v>
      </c>
      <c r="CK21" s="103">
        <v>0</v>
      </c>
      <c r="CL21" s="104">
        <v>0</v>
      </c>
      <c r="CM21" s="101">
        <v>70</v>
      </c>
      <c r="CN21" s="102">
        <v>68</v>
      </c>
      <c r="CO21" s="103">
        <v>138</v>
      </c>
      <c r="CP21" s="413">
        <v>0</v>
      </c>
      <c r="CQ21" s="102">
        <v>138</v>
      </c>
      <c r="CR21" s="102">
        <v>91</v>
      </c>
      <c r="CS21" s="102">
        <v>63</v>
      </c>
      <c r="CT21" s="102">
        <v>41</v>
      </c>
      <c r="CU21" s="102">
        <v>38</v>
      </c>
      <c r="CV21" s="103">
        <v>371</v>
      </c>
      <c r="CW21" s="104">
        <v>509</v>
      </c>
      <c r="CX21" s="105">
        <v>20</v>
      </c>
      <c r="CY21" s="97">
        <v>33</v>
      </c>
      <c r="CZ21" s="98">
        <v>53</v>
      </c>
      <c r="DA21" s="413">
        <v>0</v>
      </c>
      <c r="DB21" s="97">
        <v>47</v>
      </c>
      <c r="DC21" s="97">
        <v>34</v>
      </c>
      <c r="DD21" s="97">
        <v>35</v>
      </c>
      <c r="DE21" s="97">
        <v>27</v>
      </c>
      <c r="DF21" s="97">
        <v>24</v>
      </c>
      <c r="DG21" s="99">
        <v>167</v>
      </c>
      <c r="DH21" s="100">
        <v>220</v>
      </c>
      <c r="DI21" s="101">
        <v>0</v>
      </c>
      <c r="DJ21" s="102">
        <v>0</v>
      </c>
      <c r="DK21" s="103">
        <v>0</v>
      </c>
      <c r="DL21" s="413">
        <v>0</v>
      </c>
      <c r="DM21" s="102">
        <v>1</v>
      </c>
      <c r="DN21" s="102">
        <v>3</v>
      </c>
      <c r="DO21" s="102">
        <v>1</v>
      </c>
      <c r="DP21" s="102">
        <v>1</v>
      </c>
      <c r="DQ21" s="102">
        <v>1</v>
      </c>
      <c r="DR21" s="103">
        <v>7</v>
      </c>
      <c r="DS21" s="104">
        <v>7</v>
      </c>
      <c r="DT21" s="101">
        <v>1</v>
      </c>
      <c r="DU21" s="102">
        <v>4</v>
      </c>
      <c r="DV21" s="103">
        <v>5</v>
      </c>
      <c r="DW21" s="413">
        <v>0</v>
      </c>
      <c r="DX21" s="102">
        <v>2</v>
      </c>
      <c r="DY21" s="102">
        <v>1</v>
      </c>
      <c r="DZ21" s="102">
        <v>0</v>
      </c>
      <c r="EA21" s="102">
        <v>4</v>
      </c>
      <c r="EB21" s="102">
        <v>0</v>
      </c>
      <c r="EC21" s="103">
        <v>7</v>
      </c>
      <c r="ED21" s="104">
        <v>12</v>
      </c>
      <c r="EE21" s="101">
        <v>1</v>
      </c>
      <c r="EF21" s="102">
        <v>11</v>
      </c>
      <c r="EG21" s="103">
        <v>12</v>
      </c>
      <c r="EH21" s="413">
        <v>0</v>
      </c>
      <c r="EI21" s="102">
        <v>9</v>
      </c>
      <c r="EJ21" s="102">
        <v>4</v>
      </c>
      <c r="EK21" s="102">
        <v>5</v>
      </c>
      <c r="EL21" s="102">
        <v>0</v>
      </c>
      <c r="EM21" s="102">
        <v>2</v>
      </c>
      <c r="EN21" s="103">
        <v>20</v>
      </c>
      <c r="EO21" s="104">
        <v>32</v>
      </c>
      <c r="EP21" s="101">
        <v>9</v>
      </c>
      <c r="EQ21" s="102">
        <v>4</v>
      </c>
      <c r="ER21" s="103">
        <v>13</v>
      </c>
      <c r="ES21" s="413">
        <v>0</v>
      </c>
      <c r="ET21" s="102">
        <v>7</v>
      </c>
      <c r="EU21" s="102">
        <v>6</v>
      </c>
      <c r="EV21" s="102">
        <v>3</v>
      </c>
      <c r="EW21" s="102">
        <v>5</v>
      </c>
      <c r="EX21" s="102">
        <v>4</v>
      </c>
      <c r="EY21" s="103">
        <v>25</v>
      </c>
      <c r="EZ21" s="104">
        <v>38</v>
      </c>
      <c r="FA21" s="101">
        <v>7</v>
      </c>
      <c r="FB21" s="102">
        <v>11</v>
      </c>
      <c r="FC21" s="103">
        <v>18</v>
      </c>
      <c r="FD21" s="413">
        <v>0</v>
      </c>
      <c r="FE21" s="102">
        <v>15</v>
      </c>
      <c r="FF21" s="102">
        <v>9</v>
      </c>
      <c r="FG21" s="102">
        <v>13</v>
      </c>
      <c r="FH21" s="102">
        <v>10</v>
      </c>
      <c r="FI21" s="102">
        <v>5</v>
      </c>
      <c r="FJ21" s="103">
        <v>52</v>
      </c>
      <c r="FK21" s="104">
        <v>70</v>
      </c>
      <c r="FL21" s="101">
        <v>2</v>
      </c>
      <c r="FM21" s="102">
        <v>3</v>
      </c>
      <c r="FN21" s="103">
        <v>5</v>
      </c>
      <c r="FO21" s="413">
        <v>0</v>
      </c>
      <c r="FP21" s="102">
        <v>13</v>
      </c>
      <c r="FQ21" s="102">
        <v>11</v>
      </c>
      <c r="FR21" s="102">
        <v>13</v>
      </c>
      <c r="FS21" s="102">
        <v>7</v>
      </c>
      <c r="FT21" s="102">
        <v>12</v>
      </c>
      <c r="FU21" s="103">
        <v>56</v>
      </c>
      <c r="FV21" s="104">
        <v>61</v>
      </c>
      <c r="FW21" s="101">
        <v>0</v>
      </c>
      <c r="FX21" s="102">
        <v>0</v>
      </c>
      <c r="FY21" s="103">
        <v>0</v>
      </c>
      <c r="FZ21" s="413">
        <v>0</v>
      </c>
      <c r="GA21" s="102">
        <v>0</v>
      </c>
      <c r="GB21" s="102">
        <v>0</v>
      </c>
      <c r="GC21" s="102">
        <v>0</v>
      </c>
      <c r="GD21" s="102">
        <v>0</v>
      </c>
      <c r="GE21" s="102">
        <v>0</v>
      </c>
      <c r="GF21" s="103">
        <v>0</v>
      </c>
      <c r="GG21" s="104">
        <v>0</v>
      </c>
      <c r="GH21" s="101">
        <v>20</v>
      </c>
      <c r="GI21" s="102">
        <v>33</v>
      </c>
      <c r="GJ21" s="103">
        <v>53</v>
      </c>
      <c r="GK21" s="413">
        <v>0</v>
      </c>
      <c r="GL21" s="102">
        <v>47</v>
      </c>
      <c r="GM21" s="102">
        <v>34</v>
      </c>
      <c r="GN21" s="102">
        <v>35</v>
      </c>
      <c r="GO21" s="102">
        <v>27</v>
      </c>
      <c r="GP21" s="102">
        <v>24</v>
      </c>
      <c r="GQ21" s="103">
        <v>167</v>
      </c>
      <c r="GR21" s="104">
        <v>220</v>
      </c>
      <c r="GS21" s="105">
        <v>90</v>
      </c>
      <c r="GT21" s="97">
        <v>101</v>
      </c>
      <c r="GU21" s="98">
        <v>191</v>
      </c>
      <c r="GV21" s="413">
        <v>0</v>
      </c>
      <c r="GW21" s="97">
        <v>185</v>
      </c>
      <c r="GX21" s="97">
        <v>125</v>
      </c>
      <c r="GY21" s="97">
        <v>98</v>
      </c>
      <c r="GZ21" s="97">
        <v>68</v>
      </c>
      <c r="HA21" s="97">
        <v>62</v>
      </c>
      <c r="HB21" s="99">
        <v>538</v>
      </c>
      <c r="HC21" s="100">
        <v>729</v>
      </c>
      <c r="HD21" s="101">
        <v>7</v>
      </c>
      <c r="HE21" s="102">
        <v>1</v>
      </c>
      <c r="HF21" s="103">
        <v>8</v>
      </c>
      <c r="HG21" s="413">
        <v>0</v>
      </c>
      <c r="HH21" s="102">
        <v>10</v>
      </c>
      <c r="HI21" s="102">
        <v>6</v>
      </c>
      <c r="HJ21" s="102">
        <v>5</v>
      </c>
      <c r="HK21" s="102">
        <v>2</v>
      </c>
      <c r="HL21" s="102">
        <v>6</v>
      </c>
      <c r="HM21" s="103">
        <v>29</v>
      </c>
      <c r="HN21" s="104">
        <v>37</v>
      </c>
      <c r="HO21" s="101">
        <v>7</v>
      </c>
      <c r="HP21" s="102">
        <v>10</v>
      </c>
      <c r="HQ21" s="103">
        <v>17</v>
      </c>
      <c r="HR21" s="413">
        <v>0</v>
      </c>
      <c r="HS21" s="102">
        <v>9</v>
      </c>
      <c r="HT21" s="102">
        <v>7</v>
      </c>
      <c r="HU21" s="102">
        <v>7</v>
      </c>
      <c r="HV21" s="102">
        <v>7</v>
      </c>
      <c r="HW21" s="102">
        <v>3</v>
      </c>
      <c r="HX21" s="103">
        <v>33</v>
      </c>
      <c r="HY21" s="104">
        <v>50</v>
      </c>
      <c r="HZ21" s="101">
        <v>12</v>
      </c>
      <c r="IA21" s="102">
        <v>20</v>
      </c>
      <c r="IB21" s="103">
        <v>32</v>
      </c>
      <c r="IC21" s="413">
        <v>0</v>
      </c>
      <c r="ID21" s="102">
        <v>29</v>
      </c>
      <c r="IE21" s="102">
        <v>12</v>
      </c>
      <c r="IF21" s="102">
        <v>11</v>
      </c>
      <c r="IG21" s="102">
        <v>4</v>
      </c>
      <c r="IH21" s="102">
        <v>12</v>
      </c>
      <c r="II21" s="103">
        <v>68</v>
      </c>
      <c r="IJ21" s="104">
        <v>100</v>
      </c>
      <c r="IK21" s="101">
        <v>22</v>
      </c>
      <c r="IL21" s="102">
        <v>22</v>
      </c>
      <c r="IM21" s="103">
        <v>44</v>
      </c>
      <c r="IN21" s="413">
        <v>0</v>
      </c>
      <c r="IO21" s="102">
        <v>43</v>
      </c>
      <c r="IP21" s="102">
        <v>33</v>
      </c>
      <c r="IQ21" s="102">
        <v>18</v>
      </c>
      <c r="IR21" s="102">
        <v>15</v>
      </c>
      <c r="IS21" s="102">
        <v>14</v>
      </c>
      <c r="IT21" s="103">
        <v>123</v>
      </c>
      <c r="IU21" s="104">
        <v>167</v>
      </c>
      <c r="IV21" s="101">
        <v>26</v>
      </c>
      <c r="IW21" s="102">
        <v>35</v>
      </c>
      <c r="IX21" s="103">
        <v>61</v>
      </c>
      <c r="IY21" s="413">
        <v>0</v>
      </c>
      <c r="IZ21" s="102">
        <v>50</v>
      </c>
      <c r="JA21" s="102">
        <v>31</v>
      </c>
      <c r="JB21" s="102">
        <v>30</v>
      </c>
      <c r="JC21" s="102">
        <v>25</v>
      </c>
      <c r="JD21" s="102">
        <v>11</v>
      </c>
      <c r="JE21" s="103">
        <v>147</v>
      </c>
      <c r="JF21" s="104">
        <v>208</v>
      </c>
      <c r="JG21" s="101">
        <v>16</v>
      </c>
      <c r="JH21" s="102">
        <v>13</v>
      </c>
      <c r="JI21" s="103">
        <v>29</v>
      </c>
      <c r="JJ21" s="413">
        <v>0</v>
      </c>
      <c r="JK21" s="102">
        <v>44</v>
      </c>
      <c r="JL21" s="102">
        <v>36</v>
      </c>
      <c r="JM21" s="102">
        <v>27</v>
      </c>
      <c r="JN21" s="102">
        <v>15</v>
      </c>
      <c r="JO21" s="102">
        <v>16</v>
      </c>
      <c r="JP21" s="103">
        <v>138</v>
      </c>
      <c r="JQ21" s="104">
        <v>167</v>
      </c>
      <c r="JR21" s="101">
        <v>0</v>
      </c>
      <c r="JS21" s="102">
        <v>0</v>
      </c>
      <c r="JT21" s="103">
        <v>0</v>
      </c>
      <c r="JU21" s="413">
        <v>0</v>
      </c>
      <c r="JV21" s="102">
        <v>0</v>
      </c>
      <c r="JW21" s="102">
        <v>0</v>
      </c>
      <c r="JX21" s="102">
        <v>0</v>
      </c>
      <c r="JY21" s="102">
        <v>0</v>
      </c>
      <c r="JZ21" s="102">
        <v>0</v>
      </c>
      <c r="KA21" s="103">
        <v>0</v>
      </c>
      <c r="KB21" s="104">
        <v>0</v>
      </c>
      <c r="KC21" s="101">
        <v>90</v>
      </c>
      <c r="KD21" s="102">
        <v>101</v>
      </c>
      <c r="KE21" s="103">
        <v>191</v>
      </c>
      <c r="KF21" s="413">
        <v>0</v>
      </c>
      <c r="KG21" s="102">
        <v>185</v>
      </c>
      <c r="KH21" s="102">
        <v>125</v>
      </c>
      <c r="KI21" s="102">
        <v>98</v>
      </c>
      <c r="KJ21" s="102">
        <v>68</v>
      </c>
      <c r="KK21" s="102">
        <v>62</v>
      </c>
      <c r="KL21" s="103">
        <v>538</v>
      </c>
      <c r="KM21" s="104">
        <v>729</v>
      </c>
    </row>
    <row r="22" spans="2:299" s="70" customFormat="1" ht="21" customHeight="1" x14ac:dyDescent="0.2">
      <c r="B22" s="106" t="s">
        <v>19</v>
      </c>
      <c r="C22" s="96">
        <v>40</v>
      </c>
      <c r="D22" s="97">
        <v>20</v>
      </c>
      <c r="E22" s="98">
        <v>60</v>
      </c>
      <c r="F22" s="413">
        <v>0</v>
      </c>
      <c r="G22" s="97">
        <v>47</v>
      </c>
      <c r="H22" s="97">
        <v>44</v>
      </c>
      <c r="I22" s="97">
        <v>27</v>
      </c>
      <c r="J22" s="97">
        <v>16</v>
      </c>
      <c r="K22" s="97">
        <v>7</v>
      </c>
      <c r="L22" s="99">
        <v>141</v>
      </c>
      <c r="M22" s="100">
        <v>201</v>
      </c>
      <c r="N22" s="107">
        <v>0</v>
      </c>
      <c r="O22" s="102">
        <v>2</v>
      </c>
      <c r="P22" s="103">
        <v>2</v>
      </c>
      <c r="Q22" s="413">
        <v>0</v>
      </c>
      <c r="R22" s="102">
        <v>1</v>
      </c>
      <c r="S22" s="102">
        <v>0</v>
      </c>
      <c r="T22" s="102">
        <v>0</v>
      </c>
      <c r="U22" s="102">
        <v>0</v>
      </c>
      <c r="V22" s="102">
        <v>0</v>
      </c>
      <c r="W22" s="103">
        <v>1</v>
      </c>
      <c r="X22" s="104">
        <v>3</v>
      </c>
      <c r="Y22" s="101">
        <v>3</v>
      </c>
      <c r="Z22" s="102">
        <v>2</v>
      </c>
      <c r="AA22" s="103">
        <v>5</v>
      </c>
      <c r="AB22" s="413">
        <v>0</v>
      </c>
      <c r="AC22" s="102">
        <v>5</v>
      </c>
      <c r="AD22" s="102">
        <v>3</v>
      </c>
      <c r="AE22" s="102">
        <v>2</v>
      </c>
      <c r="AF22" s="102">
        <v>4</v>
      </c>
      <c r="AG22" s="102">
        <v>0</v>
      </c>
      <c r="AH22" s="103">
        <v>14</v>
      </c>
      <c r="AI22" s="104">
        <v>19</v>
      </c>
      <c r="AJ22" s="107">
        <v>4</v>
      </c>
      <c r="AK22" s="102">
        <v>4</v>
      </c>
      <c r="AL22" s="103">
        <v>8</v>
      </c>
      <c r="AM22" s="413">
        <v>0</v>
      </c>
      <c r="AN22" s="102">
        <v>7</v>
      </c>
      <c r="AO22" s="102">
        <v>7</v>
      </c>
      <c r="AP22" s="102">
        <v>5</v>
      </c>
      <c r="AQ22" s="102">
        <v>3</v>
      </c>
      <c r="AR22" s="102">
        <v>2</v>
      </c>
      <c r="AS22" s="103">
        <v>24</v>
      </c>
      <c r="AT22" s="104">
        <v>32</v>
      </c>
      <c r="AU22" s="101">
        <v>9</v>
      </c>
      <c r="AV22" s="102">
        <v>4</v>
      </c>
      <c r="AW22" s="103">
        <v>13</v>
      </c>
      <c r="AX22" s="413">
        <v>0</v>
      </c>
      <c r="AY22" s="102">
        <v>7</v>
      </c>
      <c r="AZ22" s="102">
        <v>12</v>
      </c>
      <c r="BA22" s="102">
        <v>5</v>
      </c>
      <c r="BB22" s="102">
        <v>3</v>
      </c>
      <c r="BC22" s="102">
        <v>2</v>
      </c>
      <c r="BD22" s="103">
        <v>29</v>
      </c>
      <c r="BE22" s="104">
        <v>42</v>
      </c>
      <c r="BF22" s="107">
        <v>12</v>
      </c>
      <c r="BG22" s="102">
        <v>3</v>
      </c>
      <c r="BH22" s="103">
        <v>15</v>
      </c>
      <c r="BI22" s="413">
        <v>0</v>
      </c>
      <c r="BJ22" s="102">
        <v>11</v>
      </c>
      <c r="BK22" s="102">
        <v>11</v>
      </c>
      <c r="BL22" s="102">
        <v>5</v>
      </c>
      <c r="BM22" s="102">
        <v>4</v>
      </c>
      <c r="BN22" s="102">
        <v>2</v>
      </c>
      <c r="BO22" s="103">
        <v>33</v>
      </c>
      <c r="BP22" s="104">
        <v>48</v>
      </c>
      <c r="BQ22" s="101">
        <v>12</v>
      </c>
      <c r="BR22" s="102">
        <v>5</v>
      </c>
      <c r="BS22" s="103">
        <v>17</v>
      </c>
      <c r="BT22" s="413">
        <v>0</v>
      </c>
      <c r="BU22" s="102">
        <v>16</v>
      </c>
      <c r="BV22" s="102">
        <v>11</v>
      </c>
      <c r="BW22" s="102">
        <v>10</v>
      </c>
      <c r="BX22" s="102">
        <v>2</v>
      </c>
      <c r="BY22" s="102">
        <v>1</v>
      </c>
      <c r="BZ22" s="103">
        <v>40</v>
      </c>
      <c r="CA22" s="104">
        <v>57</v>
      </c>
      <c r="CB22" s="101">
        <v>0</v>
      </c>
      <c r="CC22" s="102">
        <v>0</v>
      </c>
      <c r="CD22" s="103">
        <v>0</v>
      </c>
      <c r="CE22" s="413">
        <v>0</v>
      </c>
      <c r="CF22" s="102">
        <v>0</v>
      </c>
      <c r="CG22" s="102">
        <v>0</v>
      </c>
      <c r="CH22" s="102">
        <v>0</v>
      </c>
      <c r="CI22" s="102">
        <v>0</v>
      </c>
      <c r="CJ22" s="102">
        <v>0</v>
      </c>
      <c r="CK22" s="103">
        <v>0</v>
      </c>
      <c r="CL22" s="104">
        <v>0</v>
      </c>
      <c r="CM22" s="101">
        <v>40</v>
      </c>
      <c r="CN22" s="102">
        <v>20</v>
      </c>
      <c r="CO22" s="103">
        <v>60</v>
      </c>
      <c r="CP22" s="413">
        <v>0</v>
      </c>
      <c r="CQ22" s="102">
        <v>47</v>
      </c>
      <c r="CR22" s="102">
        <v>44</v>
      </c>
      <c r="CS22" s="102">
        <v>27</v>
      </c>
      <c r="CT22" s="102">
        <v>16</v>
      </c>
      <c r="CU22" s="102">
        <v>7</v>
      </c>
      <c r="CV22" s="103">
        <v>141</v>
      </c>
      <c r="CW22" s="104">
        <v>201</v>
      </c>
      <c r="CX22" s="105">
        <v>12</v>
      </c>
      <c r="CY22" s="97">
        <v>6</v>
      </c>
      <c r="CZ22" s="98">
        <v>18</v>
      </c>
      <c r="DA22" s="413">
        <v>0</v>
      </c>
      <c r="DB22" s="97">
        <v>20</v>
      </c>
      <c r="DC22" s="97">
        <v>8</v>
      </c>
      <c r="DD22" s="97">
        <v>10</v>
      </c>
      <c r="DE22" s="97">
        <v>4</v>
      </c>
      <c r="DF22" s="97">
        <v>4</v>
      </c>
      <c r="DG22" s="99">
        <v>46</v>
      </c>
      <c r="DH22" s="100">
        <v>64</v>
      </c>
      <c r="DI22" s="107">
        <v>2</v>
      </c>
      <c r="DJ22" s="102">
        <v>0</v>
      </c>
      <c r="DK22" s="103">
        <v>2</v>
      </c>
      <c r="DL22" s="413">
        <v>0</v>
      </c>
      <c r="DM22" s="102">
        <v>0</v>
      </c>
      <c r="DN22" s="102">
        <v>0</v>
      </c>
      <c r="DO22" s="102">
        <v>1</v>
      </c>
      <c r="DP22" s="102">
        <v>0</v>
      </c>
      <c r="DQ22" s="102">
        <v>0</v>
      </c>
      <c r="DR22" s="103">
        <v>1</v>
      </c>
      <c r="DS22" s="104">
        <v>3</v>
      </c>
      <c r="DT22" s="101">
        <v>1</v>
      </c>
      <c r="DU22" s="102">
        <v>0</v>
      </c>
      <c r="DV22" s="103">
        <v>1</v>
      </c>
      <c r="DW22" s="413">
        <v>0</v>
      </c>
      <c r="DX22" s="102">
        <v>1</v>
      </c>
      <c r="DY22" s="102">
        <v>1</v>
      </c>
      <c r="DZ22" s="102">
        <v>0</v>
      </c>
      <c r="EA22" s="102">
        <v>1</v>
      </c>
      <c r="EB22" s="102">
        <v>0</v>
      </c>
      <c r="EC22" s="103">
        <v>3</v>
      </c>
      <c r="ED22" s="104">
        <v>4</v>
      </c>
      <c r="EE22" s="107">
        <v>1</v>
      </c>
      <c r="EF22" s="102">
        <v>2</v>
      </c>
      <c r="EG22" s="103">
        <v>3</v>
      </c>
      <c r="EH22" s="413">
        <v>0</v>
      </c>
      <c r="EI22" s="102">
        <v>1</v>
      </c>
      <c r="EJ22" s="102">
        <v>1</v>
      </c>
      <c r="EK22" s="102">
        <v>2</v>
      </c>
      <c r="EL22" s="102">
        <v>2</v>
      </c>
      <c r="EM22" s="102">
        <v>0</v>
      </c>
      <c r="EN22" s="103">
        <v>6</v>
      </c>
      <c r="EO22" s="104">
        <v>9</v>
      </c>
      <c r="EP22" s="101">
        <v>5</v>
      </c>
      <c r="EQ22" s="102">
        <v>1</v>
      </c>
      <c r="ER22" s="103">
        <v>6</v>
      </c>
      <c r="ES22" s="413">
        <v>0</v>
      </c>
      <c r="ET22" s="102">
        <v>3</v>
      </c>
      <c r="EU22" s="102">
        <v>1</v>
      </c>
      <c r="EV22" s="102">
        <v>2</v>
      </c>
      <c r="EW22" s="102">
        <v>0</v>
      </c>
      <c r="EX22" s="102">
        <v>1</v>
      </c>
      <c r="EY22" s="103">
        <v>7</v>
      </c>
      <c r="EZ22" s="104">
        <v>13</v>
      </c>
      <c r="FA22" s="107">
        <v>1</v>
      </c>
      <c r="FB22" s="102">
        <v>2</v>
      </c>
      <c r="FC22" s="103">
        <v>3</v>
      </c>
      <c r="FD22" s="413">
        <v>0</v>
      </c>
      <c r="FE22" s="102">
        <v>8</v>
      </c>
      <c r="FF22" s="102">
        <v>1</v>
      </c>
      <c r="FG22" s="102">
        <v>0</v>
      </c>
      <c r="FH22" s="102">
        <v>0</v>
      </c>
      <c r="FI22" s="102">
        <v>1</v>
      </c>
      <c r="FJ22" s="103">
        <v>10</v>
      </c>
      <c r="FK22" s="104">
        <v>13</v>
      </c>
      <c r="FL22" s="101">
        <v>2</v>
      </c>
      <c r="FM22" s="102">
        <v>1</v>
      </c>
      <c r="FN22" s="103">
        <v>3</v>
      </c>
      <c r="FO22" s="413">
        <v>0</v>
      </c>
      <c r="FP22" s="102">
        <v>7</v>
      </c>
      <c r="FQ22" s="102">
        <v>4</v>
      </c>
      <c r="FR22" s="102">
        <v>5</v>
      </c>
      <c r="FS22" s="102">
        <v>1</v>
      </c>
      <c r="FT22" s="102">
        <v>2</v>
      </c>
      <c r="FU22" s="103">
        <v>19</v>
      </c>
      <c r="FV22" s="104">
        <v>22</v>
      </c>
      <c r="FW22" s="101">
        <v>0</v>
      </c>
      <c r="FX22" s="102">
        <v>0</v>
      </c>
      <c r="FY22" s="103">
        <v>0</v>
      </c>
      <c r="FZ22" s="413">
        <v>0</v>
      </c>
      <c r="GA22" s="102">
        <v>0</v>
      </c>
      <c r="GB22" s="102">
        <v>0</v>
      </c>
      <c r="GC22" s="102">
        <v>0</v>
      </c>
      <c r="GD22" s="102">
        <v>0</v>
      </c>
      <c r="GE22" s="102">
        <v>0</v>
      </c>
      <c r="GF22" s="103">
        <v>0</v>
      </c>
      <c r="GG22" s="104">
        <v>0</v>
      </c>
      <c r="GH22" s="101">
        <v>12</v>
      </c>
      <c r="GI22" s="102">
        <v>6</v>
      </c>
      <c r="GJ22" s="103">
        <v>18</v>
      </c>
      <c r="GK22" s="413">
        <v>0</v>
      </c>
      <c r="GL22" s="102">
        <v>20</v>
      </c>
      <c r="GM22" s="102">
        <v>8</v>
      </c>
      <c r="GN22" s="102">
        <v>10</v>
      </c>
      <c r="GO22" s="102">
        <v>4</v>
      </c>
      <c r="GP22" s="102">
        <v>4</v>
      </c>
      <c r="GQ22" s="103">
        <v>46</v>
      </c>
      <c r="GR22" s="104">
        <v>64</v>
      </c>
      <c r="GS22" s="105">
        <v>52</v>
      </c>
      <c r="GT22" s="97">
        <v>26</v>
      </c>
      <c r="GU22" s="98">
        <v>78</v>
      </c>
      <c r="GV22" s="413">
        <v>0</v>
      </c>
      <c r="GW22" s="97">
        <v>67</v>
      </c>
      <c r="GX22" s="97">
        <v>52</v>
      </c>
      <c r="GY22" s="97">
        <v>37</v>
      </c>
      <c r="GZ22" s="97">
        <v>20</v>
      </c>
      <c r="HA22" s="97">
        <v>11</v>
      </c>
      <c r="HB22" s="99">
        <v>187</v>
      </c>
      <c r="HC22" s="100">
        <v>265</v>
      </c>
      <c r="HD22" s="107">
        <v>2</v>
      </c>
      <c r="HE22" s="102">
        <v>2</v>
      </c>
      <c r="HF22" s="103">
        <v>4</v>
      </c>
      <c r="HG22" s="413">
        <v>0</v>
      </c>
      <c r="HH22" s="102">
        <v>1</v>
      </c>
      <c r="HI22" s="102">
        <v>0</v>
      </c>
      <c r="HJ22" s="102">
        <v>1</v>
      </c>
      <c r="HK22" s="102">
        <v>0</v>
      </c>
      <c r="HL22" s="102">
        <v>0</v>
      </c>
      <c r="HM22" s="103">
        <v>2</v>
      </c>
      <c r="HN22" s="104">
        <v>6</v>
      </c>
      <c r="HO22" s="101">
        <v>4</v>
      </c>
      <c r="HP22" s="102">
        <v>2</v>
      </c>
      <c r="HQ22" s="103">
        <v>6</v>
      </c>
      <c r="HR22" s="413">
        <v>0</v>
      </c>
      <c r="HS22" s="102">
        <v>6</v>
      </c>
      <c r="HT22" s="102">
        <v>4</v>
      </c>
      <c r="HU22" s="102">
        <v>2</v>
      </c>
      <c r="HV22" s="102">
        <v>5</v>
      </c>
      <c r="HW22" s="102">
        <v>0</v>
      </c>
      <c r="HX22" s="103">
        <v>17</v>
      </c>
      <c r="HY22" s="104">
        <v>23</v>
      </c>
      <c r="HZ22" s="107">
        <v>5</v>
      </c>
      <c r="IA22" s="102">
        <v>6</v>
      </c>
      <c r="IB22" s="103">
        <v>11</v>
      </c>
      <c r="IC22" s="413">
        <v>0</v>
      </c>
      <c r="ID22" s="102">
        <v>8</v>
      </c>
      <c r="IE22" s="102">
        <v>8</v>
      </c>
      <c r="IF22" s="102">
        <v>7</v>
      </c>
      <c r="IG22" s="102">
        <v>5</v>
      </c>
      <c r="IH22" s="102">
        <v>2</v>
      </c>
      <c r="II22" s="103">
        <v>30</v>
      </c>
      <c r="IJ22" s="104">
        <v>41</v>
      </c>
      <c r="IK22" s="101">
        <v>14</v>
      </c>
      <c r="IL22" s="102">
        <v>5</v>
      </c>
      <c r="IM22" s="103">
        <v>19</v>
      </c>
      <c r="IN22" s="413">
        <v>0</v>
      </c>
      <c r="IO22" s="102">
        <v>10</v>
      </c>
      <c r="IP22" s="102">
        <v>13</v>
      </c>
      <c r="IQ22" s="102">
        <v>7</v>
      </c>
      <c r="IR22" s="102">
        <v>3</v>
      </c>
      <c r="IS22" s="102">
        <v>3</v>
      </c>
      <c r="IT22" s="103">
        <v>36</v>
      </c>
      <c r="IU22" s="104">
        <v>55</v>
      </c>
      <c r="IV22" s="107">
        <v>13</v>
      </c>
      <c r="IW22" s="102">
        <v>5</v>
      </c>
      <c r="IX22" s="103">
        <v>18</v>
      </c>
      <c r="IY22" s="413">
        <v>0</v>
      </c>
      <c r="IZ22" s="102">
        <v>19</v>
      </c>
      <c r="JA22" s="102">
        <v>12</v>
      </c>
      <c r="JB22" s="102">
        <v>5</v>
      </c>
      <c r="JC22" s="102">
        <v>4</v>
      </c>
      <c r="JD22" s="102">
        <v>3</v>
      </c>
      <c r="JE22" s="103">
        <v>43</v>
      </c>
      <c r="JF22" s="104">
        <v>61</v>
      </c>
      <c r="JG22" s="101">
        <v>14</v>
      </c>
      <c r="JH22" s="102">
        <v>6</v>
      </c>
      <c r="JI22" s="103">
        <v>20</v>
      </c>
      <c r="JJ22" s="413">
        <v>0</v>
      </c>
      <c r="JK22" s="102">
        <v>23</v>
      </c>
      <c r="JL22" s="102">
        <v>15</v>
      </c>
      <c r="JM22" s="102">
        <v>15</v>
      </c>
      <c r="JN22" s="102">
        <v>3</v>
      </c>
      <c r="JO22" s="102">
        <v>3</v>
      </c>
      <c r="JP22" s="103">
        <v>59</v>
      </c>
      <c r="JQ22" s="104">
        <v>79</v>
      </c>
      <c r="JR22" s="101">
        <v>0</v>
      </c>
      <c r="JS22" s="102">
        <v>0</v>
      </c>
      <c r="JT22" s="103">
        <v>0</v>
      </c>
      <c r="JU22" s="413">
        <v>0</v>
      </c>
      <c r="JV22" s="102">
        <v>0</v>
      </c>
      <c r="JW22" s="102">
        <v>0</v>
      </c>
      <c r="JX22" s="102">
        <v>0</v>
      </c>
      <c r="JY22" s="102">
        <v>0</v>
      </c>
      <c r="JZ22" s="102">
        <v>0</v>
      </c>
      <c r="KA22" s="103">
        <v>0</v>
      </c>
      <c r="KB22" s="104">
        <v>0</v>
      </c>
      <c r="KC22" s="101">
        <v>52</v>
      </c>
      <c r="KD22" s="102">
        <v>26</v>
      </c>
      <c r="KE22" s="103">
        <v>78</v>
      </c>
      <c r="KF22" s="413">
        <v>0</v>
      </c>
      <c r="KG22" s="102">
        <v>67</v>
      </c>
      <c r="KH22" s="102">
        <v>52</v>
      </c>
      <c r="KI22" s="102">
        <v>37</v>
      </c>
      <c r="KJ22" s="102">
        <v>20</v>
      </c>
      <c r="KK22" s="102">
        <v>11</v>
      </c>
      <c r="KL22" s="103">
        <v>187</v>
      </c>
      <c r="KM22" s="104">
        <v>265</v>
      </c>
    </row>
    <row r="23" spans="2:299" s="70" customFormat="1" ht="21" customHeight="1" x14ac:dyDescent="0.2">
      <c r="B23" s="106" t="s">
        <v>20</v>
      </c>
      <c r="C23" s="96">
        <v>35</v>
      </c>
      <c r="D23" s="97">
        <v>49</v>
      </c>
      <c r="E23" s="98">
        <v>84</v>
      </c>
      <c r="F23" s="413">
        <v>0</v>
      </c>
      <c r="G23" s="97">
        <v>77</v>
      </c>
      <c r="H23" s="97">
        <v>55</v>
      </c>
      <c r="I23" s="97">
        <v>30</v>
      </c>
      <c r="J23" s="97">
        <v>24</v>
      </c>
      <c r="K23" s="97">
        <v>17</v>
      </c>
      <c r="L23" s="99">
        <v>203</v>
      </c>
      <c r="M23" s="100">
        <v>287</v>
      </c>
      <c r="N23" s="101">
        <v>0</v>
      </c>
      <c r="O23" s="102">
        <v>1</v>
      </c>
      <c r="P23" s="103">
        <v>1</v>
      </c>
      <c r="Q23" s="413">
        <v>0</v>
      </c>
      <c r="R23" s="102">
        <v>1</v>
      </c>
      <c r="S23" s="102">
        <v>0</v>
      </c>
      <c r="T23" s="102">
        <v>0</v>
      </c>
      <c r="U23" s="102">
        <v>0</v>
      </c>
      <c r="V23" s="102">
        <v>0</v>
      </c>
      <c r="W23" s="103">
        <v>1</v>
      </c>
      <c r="X23" s="104">
        <v>2</v>
      </c>
      <c r="Y23" s="101">
        <v>5</v>
      </c>
      <c r="Z23" s="102">
        <v>4</v>
      </c>
      <c r="AA23" s="103">
        <v>9</v>
      </c>
      <c r="AB23" s="413">
        <v>0</v>
      </c>
      <c r="AC23" s="102">
        <v>10</v>
      </c>
      <c r="AD23" s="102">
        <v>10</v>
      </c>
      <c r="AE23" s="102">
        <v>3</v>
      </c>
      <c r="AF23" s="102">
        <v>2</v>
      </c>
      <c r="AG23" s="102">
        <v>1</v>
      </c>
      <c r="AH23" s="103">
        <v>26</v>
      </c>
      <c r="AI23" s="104">
        <v>35</v>
      </c>
      <c r="AJ23" s="101">
        <v>5</v>
      </c>
      <c r="AK23" s="102">
        <v>7</v>
      </c>
      <c r="AL23" s="103">
        <v>12</v>
      </c>
      <c r="AM23" s="413">
        <v>0</v>
      </c>
      <c r="AN23" s="102">
        <v>9</v>
      </c>
      <c r="AO23" s="102">
        <v>4</v>
      </c>
      <c r="AP23" s="102">
        <v>4</v>
      </c>
      <c r="AQ23" s="102">
        <v>3</v>
      </c>
      <c r="AR23" s="102">
        <v>4</v>
      </c>
      <c r="AS23" s="103">
        <v>24</v>
      </c>
      <c r="AT23" s="104">
        <v>36</v>
      </c>
      <c r="AU23" s="101">
        <v>12</v>
      </c>
      <c r="AV23" s="102">
        <v>7</v>
      </c>
      <c r="AW23" s="103">
        <v>19</v>
      </c>
      <c r="AX23" s="413">
        <v>0</v>
      </c>
      <c r="AY23" s="102">
        <v>22</v>
      </c>
      <c r="AZ23" s="102">
        <v>9</v>
      </c>
      <c r="BA23" s="102">
        <v>12</v>
      </c>
      <c r="BB23" s="102">
        <v>10</v>
      </c>
      <c r="BC23" s="102">
        <v>4</v>
      </c>
      <c r="BD23" s="103">
        <v>57</v>
      </c>
      <c r="BE23" s="104">
        <v>76</v>
      </c>
      <c r="BF23" s="101">
        <v>8</v>
      </c>
      <c r="BG23" s="102">
        <v>17</v>
      </c>
      <c r="BH23" s="103">
        <v>25</v>
      </c>
      <c r="BI23" s="413">
        <v>0</v>
      </c>
      <c r="BJ23" s="102">
        <v>23</v>
      </c>
      <c r="BK23" s="102">
        <v>19</v>
      </c>
      <c r="BL23" s="102">
        <v>8</v>
      </c>
      <c r="BM23" s="102">
        <v>5</v>
      </c>
      <c r="BN23" s="102">
        <v>4</v>
      </c>
      <c r="BO23" s="103">
        <v>59</v>
      </c>
      <c r="BP23" s="104">
        <v>84</v>
      </c>
      <c r="BQ23" s="101">
        <v>5</v>
      </c>
      <c r="BR23" s="102">
        <v>13</v>
      </c>
      <c r="BS23" s="103">
        <v>18</v>
      </c>
      <c r="BT23" s="413">
        <v>0</v>
      </c>
      <c r="BU23" s="102">
        <v>12</v>
      </c>
      <c r="BV23" s="102">
        <v>13</v>
      </c>
      <c r="BW23" s="102">
        <v>3</v>
      </c>
      <c r="BX23" s="102">
        <v>4</v>
      </c>
      <c r="BY23" s="102">
        <v>4</v>
      </c>
      <c r="BZ23" s="103">
        <v>36</v>
      </c>
      <c r="CA23" s="104">
        <v>54</v>
      </c>
      <c r="CB23" s="101">
        <v>0</v>
      </c>
      <c r="CC23" s="102">
        <v>0</v>
      </c>
      <c r="CD23" s="103">
        <v>0</v>
      </c>
      <c r="CE23" s="413">
        <v>0</v>
      </c>
      <c r="CF23" s="102">
        <v>0</v>
      </c>
      <c r="CG23" s="102">
        <v>0</v>
      </c>
      <c r="CH23" s="102">
        <v>0</v>
      </c>
      <c r="CI23" s="102">
        <v>0</v>
      </c>
      <c r="CJ23" s="102">
        <v>0</v>
      </c>
      <c r="CK23" s="103">
        <v>0</v>
      </c>
      <c r="CL23" s="104">
        <v>0</v>
      </c>
      <c r="CM23" s="101">
        <v>35</v>
      </c>
      <c r="CN23" s="102">
        <v>49</v>
      </c>
      <c r="CO23" s="103">
        <v>84</v>
      </c>
      <c r="CP23" s="413">
        <v>0</v>
      </c>
      <c r="CQ23" s="102">
        <v>77</v>
      </c>
      <c r="CR23" s="102">
        <v>55</v>
      </c>
      <c r="CS23" s="102">
        <v>30</v>
      </c>
      <c r="CT23" s="102">
        <v>24</v>
      </c>
      <c r="CU23" s="102">
        <v>17</v>
      </c>
      <c r="CV23" s="103">
        <v>203</v>
      </c>
      <c r="CW23" s="104">
        <v>287</v>
      </c>
      <c r="CX23" s="105">
        <v>15</v>
      </c>
      <c r="CY23" s="97">
        <v>15</v>
      </c>
      <c r="CZ23" s="98">
        <v>30</v>
      </c>
      <c r="DA23" s="413">
        <v>0</v>
      </c>
      <c r="DB23" s="97">
        <v>21</v>
      </c>
      <c r="DC23" s="97">
        <v>24</v>
      </c>
      <c r="DD23" s="97">
        <v>11</v>
      </c>
      <c r="DE23" s="97">
        <v>8</v>
      </c>
      <c r="DF23" s="97">
        <v>8</v>
      </c>
      <c r="DG23" s="99">
        <v>72</v>
      </c>
      <c r="DH23" s="100">
        <v>102</v>
      </c>
      <c r="DI23" s="101">
        <v>1</v>
      </c>
      <c r="DJ23" s="102">
        <v>0</v>
      </c>
      <c r="DK23" s="103">
        <v>1</v>
      </c>
      <c r="DL23" s="413">
        <v>0</v>
      </c>
      <c r="DM23" s="102">
        <v>0</v>
      </c>
      <c r="DN23" s="102">
        <v>1</v>
      </c>
      <c r="DO23" s="102">
        <v>0</v>
      </c>
      <c r="DP23" s="102">
        <v>0</v>
      </c>
      <c r="DQ23" s="102">
        <v>1</v>
      </c>
      <c r="DR23" s="103">
        <v>2</v>
      </c>
      <c r="DS23" s="104">
        <v>3</v>
      </c>
      <c r="DT23" s="101">
        <v>2</v>
      </c>
      <c r="DU23" s="102">
        <v>1</v>
      </c>
      <c r="DV23" s="103">
        <v>3</v>
      </c>
      <c r="DW23" s="413">
        <v>0</v>
      </c>
      <c r="DX23" s="102">
        <v>0</v>
      </c>
      <c r="DY23" s="102">
        <v>1</v>
      </c>
      <c r="DZ23" s="102">
        <v>0</v>
      </c>
      <c r="EA23" s="102">
        <v>0</v>
      </c>
      <c r="EB23" s="102">
        <v>0</v>
      </c>
      <c r="EC23" s="103">
        <v>1</v>
      </c>
      <c r="ED23" s="104">
        <v>4</v>
      </c>
      <c r="EE23" s="101">
        <v>2</v>
      </c>
      <c r="EF23" s="102">
        <v>1</v>
      </c>
      <c r="EG23" s="103">
        <v>3</v>
      </c>
      <c r="EH23" s="413">
        <v>0</v>
      </c>
      <c r="EI23" s="102">
        <v>2</v>
      </c>
      <c r="EJ23" s="102">
        <v>2</v>
      </c>
      <c r="EK23" s="102">
        <v>3</v>
      </c>
      <c r="EL23" s="102">
        <v>1</v>
      </c>
      <c r="EM23" s="102">
        <v>0</v>
      </c>
      <c r="EN23" s="103">
        <v>8</v>
      </c>
      <c r="EO23" s="104">
        <v>11</v>
      </c>
      <c r="EP23" s="101">
        <v>3</v>
      </c>
      <c r="EQ23" s="102">
        <v>6</v>
      </c>
      <c r="ER23" s="103">
        <v>9</v>
      </c>
      <c r="ES23" s="413">
        <v>0</v>
      </c>
      <c r="ET23" s="102">
        <v>5</v>
      </c>
      <c r="EU23" s="102">
        <v>7</v>
      </c>
      <c r="EV23" s="102">
        <v>0</v>
      </c>
      <c r="EW23" s="102">
        <v>2</v>
      </c>
      <c r="EX23" s="102">
        <v>1</v>
      </c>
      <c r="EY23" s="103">
        <v>15</v>
      </c>
      <c r="EZ23" s="104">
        <v>24</v>
      </c>
      <c r="FA23" s="101">
        <v>5</v>
      </c>
      <c r="FB23" s="102">
        <v>2</v>
      </c>
      <c r="FC23" s="103">
        <v>7</v>
      </c>
      <c r="FD23" s="413">
        <v>0</v>
      </c>
      <c r="FE23" s="102">
        <v>6</v>
      </c>
      <c r="FF23" s="102">
        <v>5</v>
      </c>
      <c r="FG23" s="102">
        <v>3</v>
      </c>
      <c r="FH23" s="102">
        <v>1</v>
      </c>
      <c r="FI23" s="102">
        <v>2</v>
      </c>
      <c r="FJ23" s="103">
        <v>17</v>
      </c>
      <c r="FK23" s="104">
        <v>24</v>
      </c>
      <c r="FL23" s="101">
        <v>2</v>
      </c>
      <c r="FM23" s="102">
        <v>5</v>
      </c>
      <c r="FN23" s="103">
        <v>7</v>
      </c>
      <c r="FO23" s="413">
        <v>0</v>
      </c>
      <c r="FP23" s="102">
        <v>8</v>
      </c>
      <c r="FQ23" s="102">
        <v>8</v>
      </c>
      <c r="FR23" s="102">
        <v>5</v>
      </c>
      <c r="FS23" s="102">
        <v>4</v>
      </c>
      <c r="FT23" s="102">
        <v>4</v>
      </c>
      <c r="FU23" s="103">
        <v>29</v>
      </c>
      <c r="FV23" s="104">
        <v>36</v>
      </c>
      <c r="FW23" s="101">
        <v>0</v>
      </c>
      <c r="FX23" s="102">
        <v>0</v>
      </c>
      <c r="FY23" s="103">
        <v>0</v>
      </c>
      <c r="FZ23" s="413">
        <v>0</v>
      </c>
      <c r="GA23" s="102">
        <v>0</v>
      </c>
      <c r="GB23" s="102">
        <v>0</v>
      </c>
      <c r="GC23" s="102">
        <v>0</v>
      </c>
      <c r="GD23" s="102">
        <v>0</v>
      </c>
      <c r="GE23" s="102">
        <v>0</v>
      </c>
      <c r="GF23" s="103">
        <v>0</v>
      </c>
      <c r="GG23" s="104">
        <v>0</v>
      </c>
      <c r="GH23" s="101">
        <v>15</v>
      </c>
      <c r="GI23" s="102">
        <v>15</v>
      </c>
      <c r="GJ23" s="103">
        <v>30</v>
      </c>
      <c r="GK23" s="413">
        <v>0</v>
      </c>
      <c r="GL23" s="102">
        <v>21</v>
      </c>
      <c r="GM23" s="102">
        <v>24</v>
      </c>
      <c r="GN23" s="102">
        <v>11</v>
      </c>
      <c r="GO23" s="102">
        <v>8</v>
      </c>
      <c r="GP23" s="102">
        <v>8</v>
      </c>
      <c r="GQ23" s="103">
        <v>72</v>
      </c>
      <c r="GR23" s="104">
        <v>102</v>
      </c>
      <c r="GS23" s="105">
        <v>50</v>
      </c>
      <c r="GT23" s="97">
        <v>64</v>
      </c>
      <c r="GU23" s="98">
        <v>114</v>
      </c>
      <c r="GV23" s="413">
        <v>0</v>
      </c>
      <c r="GW23" s="97">
        <v>98</v>
      </c>
      <c r="GX23" s="97">
        <v>79</v>
      </c>
      <c r="GY23" s="97">
        <v>41</v>
      </c>
      <c r="GZ23" s="97">
        <v>32</v>
      </c>
      <c r="HA23" s="97">
        <v>25</v>
      </c>
      <c r="HB23" s="99">
        <v>275</v>
      </c>
      <c r="HC23" s="100">
        <v>389</v>
      </c>
      <c r="HD23" s="101">
        <v>1</v>
      </c>
      <c r="HE23" s="102">
        <v>1</v>
      </c>
      <c r="HF23" s="103">
        <v>2</v>
      </c>
      <c r="HG23" s="413">
        <v>0</v>
      </c>
      <c r="HH23" s="102">
        <v>1</v>
      </c>
      <c r="HI23" s="102">
        <v>1</v>
      </c>
      <c r="HJ23" s="102">
        <v>0</v>
      </c>
      <c r="HK23" s="102">
        <v>0</v>
      </c>
      <c r="HL23" s="102">
        <v>1</v>
      </c>
      <c r="HM23" s="103">
        <v>3</v>
      </c>
      <c r="HN23" s="104">
        <v>5</v>
      </c>
      <c r="HO23" s="101">
        <v>7</v>
      </c>
      <c r="HP23" s="102">
        <v>5</v>
      </c>
      <c r="HQ23" s="103">
        <v>12</v>
      </c>
      <c r="HR23" s="413">
        <v>0</v>
      </c>
      <c r="HS23" s="102">
        <v>10</v>
      </c>
      <c r="HT23" s="102">
        <v>11</v>
      </c>
      <c r="HU23" s="102">
        <v>3</v>
      </c>
      <c r="HV23" s="102">
        <v>2</v>
      </c>
      <c r="HW23" s="102">
        <v>1</v>
      </c>
      <c r="HX23" s="103">
        <v>27</v>
      </c>
      <c r="HY23" s="104">
        <v>39</v>
      </c>
      <c r="HZ23" s="101">
        <v>7</v>
      </c>
      <c r="IA23" s="102">
        <v>8</v>
      </c>
      <c r="IB23" s="103">
        <v>15</v>
      </c>
      <c r="IC23" s="413">
        <v>0</v>
      </c>
      <c r="ID23" s="102">
        <v>11</v>
      </c>
      <c r="IE23" s="102">
        <v>6</v>
      </c>
      <c r="IF23" s="102">
        <v>7</v>
      </c>
      <c r="IG23" s="102">
        <v>4</v>
      </c>
      <c r="IH23" s="102">
        <v>4</v>
      </c>
      <c r="II23" s="103">
        <v>32</v>
      </c>
      <c r="IJ23" s="104">
        <v>47</v>
      </c>
      <c r="IK23" s="101">
        <v>15</v>
      </c>
      <c r="IL23" s="102">
        <v>13</v>
      </c>
      <c r="IM23" s="103">
        <v>28</v>
      </c>
      <c r="IN23" s="413">
        <v>0</v>
      </c>
      <c r="IO23" s="102">
        <v>27</v>
      </c>
      <c r="IP23" s="102">
        <v>16</v>
      </c>
      <c r="IQ23" s="102">
        <v>12</v>
      </c>
      <c r="IR23" s="102">
        <v>12</v>
      </c>
      <c r="IS23" s="102">
        <v>5</v>
      </c>
      <c r="IT23" s="103">
        <v>72</v>
      </c>
      <c r="IU23" s="104">
        <v>100</v>
      </c>
      <c r="IV23" s="101">
        <v>13</v>
      </c>
      <c r="IW23" s="102">
        <v>19</v>
      </c>
      <c r="IX23" s="103">
        <v>32</v>
      </c>
      <c r="IY23" s="413">
        <v>0</v>
      </c>
      <c r="IZ23" s="102">
        <v>29</v>
      </c>
      <c r="JA23" s="102">
        <v>24</v>
      </c>
      <c r="JB23" s="102">
        <v>11</v>
      </c>
      <c r="JC23" s="102">
        <v>6</v>
      </c>
      <c r="JD23" s="102">
        <v>6</v>
      </c>
      <c r="JE23" s="103">
        <v>76</v>
      </c>
      <c r="JF23" s="104">
        <v>108</v>
      </c>
      <c r="JG23" s="101">
        <v>7</v>
      </c>
      <c r="JH23" s="102">
        <v>18</v>
      </c>
      <c r="JI23" s="103">
        <v>25</v>
      </c>
      <c r="JJ23" s="413">
        <v>0</v>
      </c>
      <c r="JK23" s="102">
        <v>20</v>
      </c>
      <c r="JL23" s="102">
        <v>21</v>
      </c>
      <c r="JM23" s="102">
        <v>8</v>
      </c>
      <c r="JN23" s="102">
        <v>8</v>
      </c>
      <c r="JO23" s="102">
        <v>8</v>
      </c>
      <c r="JP23" s="103">
        <v>65</v>
      </c>
      <c r="JQ23" s="104">
        <v>90</v>
      </c>
      <c r="JR23" s="101">
        <v>0</v>
      </c>
      <c r="JS23" s="102">
        <v>0</v>
      </c>
      <c r="JT23" s="103">
        <v>0</v>
      </c>
      <c r="JU23" s="413">
        <v>0</v>
      </c>
      <c r="JV23" s="102">
        <v>0</v>
      </c>
      <c r="JW23" s="102">
        <v>0</v>
      </c>
      <c r="JX23" s="102">
        <v>0</v>
      </c>
      <c r="JY23" s="102">
        <v>0</v>
      </c>
      <c r="JZ23" s="102">
        <v>0</v>
      </c>
      <c r="KA23" s="103">
        <v>0</v>
      </c>
      <c r="KB23" s="104">
        <v>0</v>
      </c>
      <c r="KC23" s="101">
        <v>50</v>
      </c>
      <c r="KD23" s="102">
        <v>64</v>
      </c>
      <c r="KE23" s="103">
        <v>114</v>
      </c>
      <c r="KF23" s="413">
        <v>0</v>
      </c>
      <c r="KG23" s="102">
        <v>98</v>
      </c>
      <c r="KH23" s="102">
        <v>79</v>
      </c>
      <c r="KI23" s="102">
        <v>41</v>
      </c>
      <c r="KJ23" s="102">
        <v>32</v>
      </c>
      <c r="KK23" s="102">
        <v>25</v>
      </c>
      <c r="KL23" s="103">
        <v>275</v>
      </c>
      <c r="KM23" s="104">
        <v>389</v>
      </c>
    </row>
    <row r="24" spans="2:299" s="70" customFormat="1" ht="21" customHeight="1" x14ac:dyDescent="0.2">
      <c r="B24" s="106" t="s">
        <v>21</v>
      </c>
      <c r="C24" s="96">
        <v>34</v>
      </c>
      <c r="D24" s="97">
        <v>23</v>
      </c>
      <c r="E24" s="98">
        <v>57</v>
      </c>
      <c r="F24" s="413">
        <v>0</v>
      </c>
      <c r="G24" s="97">
        <v>48</v>
      </c>
      <c r="H24" s="97">
        <v>34</v>
      </c>
      <c r="I24" s="97">
        <v>26</v>
      </c>
      <c r="J24" s="97">
        <v>26</v>
      </c>
      <c r="K24" s="97">
        <v>13</v>
      </c>
      <c r="L24" s="99">
        <v>147</v>
      </c>
      <c r="M24" s="100">
        <v>204</v>
      </c>
      <c r="N24" s="101">
        <v>2</v>
      </c>
      <c r="O24" s="102">
        <v>1</v>
      </c>
      <c r="P24" s="103">
        <v>3</v>
      </c>
      <c r="Q24" s="413">
        <v>0</v>
      </c>
      <c r="R24" s="102">
        <v>2</v>
      </c>
      <c r="S24" s="102">
        <v>0</v>
      </c>
      <c r="T24" s="102">
        <v>2</v>
      </c>
      <c r="U24" s="102">
        <v>0</v>
      </c>
      <c r="V24" s="102">
        <v>2</v>
      </c>
      <c r="W24" s="103">
        <v>6</v>
      </c>
      <c r="X24" s="104">
        <v>9</v>
      </c>
      <c r="Y24" s="101">
        <v>1</v>
      </c>
      <c r="Z24" s="102">
        <v>4</v>
      </c>
      <c r="AA24" s="103">
        <v>5</v>
      </c>
      <c r="AB24" s="413">
        <v>0</v>
      </c>
      <c r="AC24" s="102">
        <v>5</v>
      </c>
      <c r="AD24" s="102">
        <v>6</v>
      </c>
      <c r="AE24" s="102">
        <v>0</v>
      </c>
      <c r="AF24" s="102">
        <v>1</v>
      </c>
      <c r="AG24" s="102">
        <v>0</v>
      </c>
      <c r="AH24" s="103">
        <v>12</v>
      </c>
      <c r="AI24" s="104">
        <v>17</v>
      </c>
      <c r="AJ24" s="101">
        <v>7</v>
      </c>
      <c r="AK24" s="102">
        <v>2</v>
      </c>
      <c r="AL24" s="103">
        <v>9</v>
      </c>
      <c r="AM24" s="413">
        <v>0</v>
      </c>
      <c r="AN24" s="102">
        <v>9</v>
      </c>
      <c r="AO24" s="102">
        <v>2</v>
      </c>
      <c r="AP24" s="102">
        <v>7</v>
      </c>
      <c r="AQ24" s="102">
        <v>4</v>
      </c>
      <c r="AR24" s="102">
        <v>2</v>
      </c>
      <c r="AS24" s="103">
        <v>24</v>
      </c>
      <c r="AT24" s="104">
        <v>33</v>
      </c>
      <c r="AU24" s="101">
        <v>6</v>
      </c>
      <c r="AV24" s="102">
        <v>7</v>
      </c>
      <c r="AW24" s="103">
        <v>13</v>
      </c>
      <c r="AX24" s="413">
        <v>0</v>
      </c>
      <c r="AY24" s="102">
        <v>12</v>
      </c>
      <c r="AZ24" s="102">
        <v>8</v>
      </c>
      <c r="BA24" s="102">
        <v>4</v>
      </c>
      <c r="BB24" s="102">
        <v>7</v>
      </c>
      <c r="BC24" s="102">
        <v>5</v>
      </c>
      <c r="BD24" s="103">
        <v>36</v>
      </c>
      <c r="BE24" s="104">
        <v>49</v>
      </c>
      <c r="BF24" s="101">
        <v>12</v>
      </c>
      <c r="BG24" s="102">
        <v>4</v>
      </c>
      <c r="BH24" s="103">
        <v>16</v>
      </c>
      <c r="BI24" s="413">
        <v>0</v>
      </c>
      <c r="BJ24" s="102">
        <v>13</v>
      </c>
      <c r="BK24" s="102">
        <v>11</v>
      </c>
      <c r="BL24" s="102">
        <v>4</v>
      </c>
      <c r="BM24" s="102">
        <v>9</v>
      </c>
      <c r="BN24" s="102">
        <v>4</v>
      </c>
      <c r="BO24" s="103">
        <v>41</v>
      </c>
      <c r="BP24" s="104">
        <v>57</v>
      </c>
      <c r="BQ24" s="101">
        <v>6</v>
      </c>
      <c r="BR24" s="102">
        <v>5</v>
      </c>
      <c r="BS24" s="103">
        <v>11</v>
      </c>
      <c r="BT24" s="413">
        <v>0</v>
      </c>
      <c r="BU24" s="102">
        <v>7</v>
      </c>
      <c r="BV24" s="102">
        <v>7</v>
      </c>
      <c r="BW24" s="102">
        <v>9</v>
      </c>
      <c r="BX24" s="102">
        <v>5</v>
      </c>
      <c r="BY24" s="102">
        <v>0</v>
      </c>
      <c r="BZ24" s="103">
        <v>28</v>
      </c>
      <c r="CA24" s="104">
        <v>39</v>
      </c>
      <c r="CB24" s="101">
        <v>0</v>
      </c>
      <c r="CC24" s="102">
        <v>0</v>
      </c>
      <c r="CD24" s="103">
        <v>0</v>
      </c>
      <c r="CE24" s="413">
        <v>0</v>
      </c>
      <c r="CF24" s="102">
        <v>0</v>
      </c>
      <c r="CG24" s="102">
        <v>0</v>
      </c>
      <c r="CH24" s="102">
        <v>0</v>
      </c>
      <c r="CI24" s="102">
        <v>0</v>
      </c>
      <c r="CJ24" s="102">
        <v>0</v>
      </c>
      <c r="CK24" s="103">
        <v>0</v>
      </c>
      <c r="CL24" s="104">
        <v>0</v>
      </c>
      <c r="CM24" s="101">
        <v>34</v>
      </c>
      <c r="CN24" s="102">
        <v>23</v>
      </c>
      <c r="CO24" s="103">
        <v>57</v>
      </c>
      <c r="CP24" s="413">
        <v>0</v>
      </c>
      <c r="CQ24" s="102">
        <v>48</v>
      </c>
      <c r="CR24" s="102">
        <v>34</v>
      </c>
      <c r="CS24" s="102">
        <v>26</v>
      </c>
      <c r="CT24" s="102">
        <v>26</v>
      </c>
      <c r="CU24" s="102">
        <v>13</v>
      </c>
      <c r="CV24" s="103">
        <v>147</v>
      </c>
      <c r="CW24" s="104">
        <v>204</v>
      </c>
      <c r="CX24" s="105">
        <v>8</v>
      </c>
      <c r="CY24" s="97">
        <v>7</v>
      </c>
      <c r="CZ24" s="98">
        <v>15</v>
      </c>
      <c r="DA24" s="413">
        <v>0</v>
      </c>
      <c r="DB24" s="97">
        <v>16</v>
      </c>
      <c r="DC24" s="97">
        <v>17</v>
      </c>
      <c r="DD24" s="97">
        <v>11</v>
      </c>
      <c r="DE24" s="97">
        <v>7</v>
      </c>
      <c r="DF24" s="97">
        <v>5</v>
      </c>
      <c r="DG24" s="99">
        <v>56</v>
      </c>
      <c r="DH24" s="100">
        <v>71</v>
      </c>
      <c r="DI24" s="101">
        <v>0</v>
      </c>
      <c r="DJ24" s="102">
        <v>0</v>
      </c>
      <c r="DK24" s="103">
        <v>0</v>
      </c>
      <c r="DL24" s="413">
        <v>0</v>
      </c>
      <c r="DM24" s="102">
        <v>0</v>
      </c>
      <c r="DN24" s="102">
        <v>0</v>
      </c>
      <c r="DO24" s="102">
        <v>0</v>
      </c>
      <c r="DP24" s="102">
        <v>0</v>
      </c>
      <c r="DQ24" s="102">
        <v>0</v>
      </c>
      <c r="DR24" s="103">
        <v>0</v>
      </c>
      <c r="DS24" s="104">
        <v>0</v>
      </c>
      <c r="DT24" s="101">
        <v>0</v>
      </c>
      <c r="DU24" s="102">
        <v>0</v>
      </c>
      <c r="DV24" s="103">
        <v>0</v>
      </c>
      <c r="DW24" s="413">
        <v>0</v>
      </c>
      <c r="DX24" s="102">
        <v>1</v>
      </c>
      <c r="DY24" s="102">
        <v>1</v>
      </c>
      <c r="DZ24" s="102">
        <v>1</v>
      </c>
      <c r="EA24" s="102">
        <v>0</v>
      </c>
      <c r="EB24" s="102">
        <v>1</v>
      </c>
      <c r="EC24" s="103">
        <v>4</v>
      </c>
      <c r="ED24" s="104">
        <v>4</v>
      </c>
      <c r="EE24" s="101">
        <v>0</v>
      </c>
      <c r="EF24" s="102">
        <v>2</v>
      </c>
      <c r="EG24" s="103">
        <v>2</v>
      </c>
      <c r="EH24" s="413">
        <v>0</v>
      </c>
      <c r="EI24" s="102">
        <v>2</v>
      </c>
      <c r="EJ24" s="102">
        <v>2</v>
      </c>
      <c r="EK24" s="102">
        <v>0</v>
      </c>
      <c r="EL24" s="102">
        <v>0</v>
      </c>
      <c r="EM24" s="102">
        <v>1</v>
      </c>
      <c r="EN24" s="103">
        <v>5</v>
      </c>
      <c r="EO24" s="104">
        <v>7</v>
      </c>
      <c r="EP24" s="101">
        <v>6</v>
      </c>
      <c r="EQ24" s="102">
        <v>1</v>
      </c>
      <c r="ER24" s="103">
        <v>7</v>
      </c>
      <c r="ES24" s="413">
        <v>0</v>
      </c>
      <c r="ET24" s="102">
        <v>3</v>
      </c>
      <c r="EU24" s="102">
        <v>2</v>
      </c>
      <c r="EV24" s="102">
        <v>1</v>
      </c>
      <c r="EW24" s="102">
        <v>1</v>
      </c>
      <c r="EX24" s="102">
        <v>1</v>
      </c>
      <c r="EY24" s="103">
        <v>8</v>
      </c>
      <c r="EZ24" s="104">
        <v>15</v>
      </c>
      <c r="FA24" s="101">
        <v>0</v>
      </c>
      <c r="FB24" s="102">
        <v>3</v>
      </c>
      <c r="FC24" s="103">
        <v>3</v>
      </c>
      <c r="FD24" s="413">
        <v>0</v>
      </c>
      <c r="FE24" s="102">
        <v>4</v>
      </c>
      <c r="FF24" s="102">
        <v>5</v>
      </c>
      <c r="FG24" s="102">
        <v>4</v>
      </c>
      <c r="FH24" s="102">
        <v>2</v>
      </c>
      <c r="FI24" s="102">
        <v>1</v>
      </c>
      <c r="FJ24" s="103">
        <v>16</v>
      </c>
      <c r="FK24" s="104">
        <v>19</v>
      </c>
      <c r="FL24" s="101">
        <v>2</v>
      </c>
      <c r="FM24" s="102">
        <v>1</v>
      </c>
      <c r="FN24" s="103">
        <v>3</v>
      </c>
      <c r="FO24" s="413">
        <v>0</v>
      </c>
      <c r="FP24" s="102">
        <v>6</v>
      </c>
      <c r="FQ24" s="102">
        <v>7</v>
      </c>
      <c r="FR24" s="102">
        <v>5</v>
      </c>
      <c r="FS24" s="102">
        <v>4</v>
      </c>
      <c r="FT24" s="102">
        <v>1</v>
      </c>
      <c r="FU24" s="103">
        <v>23</v>
      </c>
      <c r="FV24" s="104">
        <v>26</v>
      </c>
      <c r="FW24" s="101">
        <v>0</v>
      </c>
      <c r="FX24" s="102">
        <v>0</v>
      </c>
      <c r="FY24" s="103">
        <v>0</v>
      </c>
      <c r="FZ24" s="413">
        <v>0</v>
      </c>
      <c r="GA24" s="102">
        <v>0</v>
      </c>
      <c r="GB24" s="102">
        <v>0</v>
      </c>
      <c r="GC24" s="102">
        <v>0</v>
      </c>
      <c r="GD24" s="102">
        <v>0</v>
      </c>
      <c r="GE24" s="102">
        <v>0</v>
      </c>
      <c r="GF24" s="103">
        <v>0</v>
      </c>
      <c r="GG24" s="104">
        <v>0</v>
      </c>
      <c r="GH24" s="101">
        <v>8</v>
      </c>
      <c r="GI24" s="102">
        <v>7</v>
      </c>
      <c r="GJ24" s="103">
        <v>15</v>
      </c>
      <c r="GK24" s="413">
        <v>0</v>
      </c>
      <c r="GL24" s="102">
        <v>16</v>
      </c>
      <c r="GM24" s="102">
        <v>17</v>
      </c>
      <c r="GN24" s="102">
        <v>11</v>
      </c>
      <c r="GO24" s="102">
        <v>7</v>
      </c>
      <c r="GP24" s="102">
        <v>5</v>
      </c>
      <c r="GQ24" s="103">
        <v>56</v>
      </c>
      <c r="GR24" s="104">
        <v>71</v>
      </c>
      <c r="GS24" s="105">
        <v>42</v>
      </c>
      <c r="GT24" s="97">
        <v>30</v>
      </c>
      <c r="GU24" s="98">
        <v>72</v>
      </c>
      <c r="GV24" s="413">
        <v>0</v>
      </c>
      <c r="GW24" s="97">
        <v>64</v>
      </c>
      <c r="GX24" s="97">
        <v>51</v>
      </c>
      <c r="GY24" s="97">
        <v>37</v>
      </c>
      <c r="GZ24" s="97">
        <v>33</v>
      </c>
      <c r="HA24" s="97">
        <v>18</v>
      </c>
      <c r="HB24" s="99">
        <v>203</v>
      </c>
      <c r="HC24" s="100">
        <v>275</v>
      </c>
      <c r="HD24" s="101">
        <v>2</v>
      </c>
      <c r="HE24" s="102">
        <v>1</v>
      </c>
      <c r="HF24" s="103">
        <v>3</v>
      </c>
      <c r="HG24" s="413">
        <v>0</v>
      </c>
      <c r="HH24" s="102">
        <v>2</v>
      </c>
      <c r="HI24" s="102">
        <v>0</v>
      </c>
      <c r="HJ24" s="102">
        <v>2</v>
      </c>
      <c r="HK24" s="102">
        <v>0</v>
      </c>
      <c r="HL24" s="102">
        <v>2</v>
      </c>
      <c r="HM24" s="103">
        <v>6</v>
      </c>
      <c r="HN24" s="104">
        <v>9</v>
      </c>
      <c r="HO24" s="101">
        <v>1</v>
      </c>
      <c r="HP24" s="102">
        <v>4</v>
      </c>
      <c r="HQ24" s="103">
        <v>5</v>
      </c>
      <c r="HR24" s="413">
        <v>0</v>
      </c>
      <c r="HS24" s="102">
        <v>6</v>
      </c>
      <c r="HT24" s="102">
        <v>7</v>
      </c>
      <c r="HU24" s="102">
        <v>1</v>
      </c>
      <c r="HV24" s="102">
        <v>1</v>
      </c>
      <c r="HW24" s="102">
        <v>1</v>
      </c>
      <c r="HX24" s="103">
        <v>16</v>
      </c>
      <c r="HY24" s="104">
        <v>21</v>
      </c>
      <c r="HZ24" s="101">
        <v>7</v>
      </c>
      <c r="IA24" s="102">
        <v>4</v>
      </c>
      <c r="IB24" s="103">
        <v>11</v>
      </c>
      <c r="IC24" s="413">
        <v>0</v>
      </c>
      <c r="ID24" s="102">
        <v>11</v>
      </c>
      <c r="IE24" s="102">
        <v>4</v>
      </c>
      <c r="IF24" s="102">
        <v>7</v>
      </c>
      <c r="IG24" s="102">
        <v>4</v>
      </c>
      <c r="IH24" s="102">
        <v>3</v>
      </c>
      <c r="II24" s="103">
        <v>29</v>
      </c>
      <c r="IJ24" s="104">
        <v>40</v>
      </c>
      <c r="IK24" s="101">
        <v>12</v>
      </c>
      <c r="IL24" s="102">
        <v>8</v>
      </c>
      <c r="IM24" s="103">
        <v>20</v>
      </c>
      <c r="IN24" s="413">
        <v>0</v>
      </c>
      <c r="IO24" s="102">
        <v>15</v>
      </c>
      <c r="IP24" s="102">
        <v>10</v>
      </c>
      <c r="IQ24" s="102">
        <v>5</v>
      </c>
      <c r="IR24" s="102">
        <v>8</v>
      </c>
      <c r="IS24" s="102">
        <v>6</v>
      </c>
      <c r="IT24" s="103">
        <v>44</v>
      </c>
      <c r="IU24" s="104">
        <v>64</v>
      </c>
      <c r="IV24" s="101">
        <v>12</v>
      </c>
      <c r="IW24" s="102">
        <v>7</v>
      </c>
      <c r="IX24" s="103">
        <v>19</v>
      </c>
      <c r="IY24" s="413">
        <v>0</v>
      </c>
      <c r="IZ24" s="102">
        <v>17</v>
      </c>
      <c r="JA24" s="102">
        <v>16</v>
      </c>
      <c r="JB24" s="102">
        <v>8</v>
      </c>
      <c r="JC24" s="102">
        <v>11</v>
      </c>
      <c r="JD24" s="102">
        <v>5</v>
      </c>
      <c r="JE24" s="103">
        <v>57</v>
      </c>
      <c r="JF24" s="104">
        <v>76</v>
      </c>
      <c r="JG24" s="101">
        <v>8</v>
      </c>
      <c r="JH24" s="102">
        <v>6</v>
      </c>
      <c r="JI24" s="103">
        <v>14</v>
      </c>
      <c r="JJ24" s="413">
        <v>0</v>
      </c>
      <c r="JK24" s="102">
        <v>13</v>
      </c>
      <c r="JL24" s="102">
        <v>14</v>
      </c>
      <c r="JM24" s="102">
        <v>14</v>
      </c>
      <c r="JN24" s="102">
        <v>9</v>
      </c>
      <c r="JO24" s="102">
        <v>1</v>
      </c>
      <c r="JP24" s="103">
        <v>51</v>
      </c>
      <c r="JQ24" s="104">
        <v>65</v>
      </c>
      <c r="JR24" s="101">
        <v>0</v>
      </c>
      <c r="JS24" s="102">
        <v>0</v>
      </c>
      <c r="JT24" s="103">
        <v>0</v>
      </c>
      <c r="JU24" s="413">
        <v>0</v>
      </c>
      <c r="JV24" s="102">
        <v>0</v>
      </c>
      <c r="JW24" s="102">
        <v>0</v>
      </c>
      <c r="JX24" s="102">
        <v>0</v>
      </c>
      <c r="JY24" s="102">
        <v>0</v>
      </c>
      <c r="JZ24" s="102">
        <v>0</v>
      </c>
      <c r="KA24" s="103">
        <v>0</v>
      </c>
      <c r="KB24" s="104">
        <v>0</v>
      </c>
      <c r="KC24" s="101">
        <v>42</v>
      </c>
      <c r="KD24" s="102">
        <v>30</v>
      </c>
      <c r="KE24" s="103">
        <v>72</v>
      </c>
      <c r="KF24" s="413">
        <v>0</v>
      </c>
      <c r="KG24" s="102">
        <v>64</v>
      </c>
      <c r="KH24" s="102">
        <v>51</v>
      </c>
      <c r="KI24" s="102">
        <v>37</v>
      </c>
      <c r="KJ24" s="102">
        <v>33</v>
      </c>
      <c r="KK24" s="102">
        <v>18</v>
      </c>
      <c r="KL24" s="103">
        <v>203</v>
      </c>
      <c r="KM24" s="104">
        <v>275</v>
      </c>
    </row>
    <row r="25" spans="2:299" s="70" customFormat="1" ht="21" customHeight="1" x14ac:dyDescent="0.2">
      <c r="B25" s="106" t="s">
        <v>22</v>
      </c>
      <c r="C25" s="96">
        <v>15</v>
      </c>
      <c r="D25" s="97">
        <v>11</v>
      </c>
      <c r="E25" s="98">
        <v>26</v>
      </c>
      <c r="F25" s="413">
        <v>0</v>
      </c>
      <c r="G25" s="97">
        <v>32</v>
      </c>
      <c r="H25" s="97">
        <v>19</v>
      </c>
      <c r="I25" s="97">
        <v>10</v>
      </c>
      <c r="J25" s="97">
        <v>8</v>
      </c>
      <c r="K25" s="97">
        <v>6</v>
      </c>
      <c r="L25" s="99">
        <v>75</v>
      </c>
      <c r="M25" s="100">
        <v>101</v>
      </c>
      <c r="N25" s="101">
        <v>1</v>
      </c>
      <c r="O25" s="102">
        <v>0</v>
      </c>
      <c r="P25" s="103">
        <v>1</v>
      </c>
      <c r="Q25" s="413">
        <v>0</v>
      </c>
      <c r="R25" s="102">
        <v>0</v>
      </c>
      <c r="S25" s="102">
        <v>0</v>
      </c>
      <c r="T25" s="102">
        <v>1</v>
      </c>
      <c r="U25" s="102">
        <v>0</v>
      </c>
      <c r="V25" s="102">
        <v>0</v>
      </c>
      <c r="W25" s="103">
        <v>1</v>
      </c>
      <c r="X25" s="104">
        <v>2</v>
      </c>
      <c r="Y25" s="101">
        <v>1</v>
      </c>
      <c r="Z25" s="102">
        <v>2</v>
      </c>
      <c r="AA25" s="103">
        <v>3</v>
      </c>
      <c r="AB25" s="413">
        <v>0</v>
      </c>
      <c r="AC25" s="102">
        <v>2</v>
      </c>
      <c r="AD25" s="102">
        <v>1</v>
      </c>
      <c r="AE25" s="102">
        <v>2</v>
      </c>
      <c r="AF25" s="102">
        <v>1</v>
      </c>
      <c r="AG25" s="102">
        <v>1</v>
      </c>
      <c r="AH25" s="103">
        <v>7</v>
      </c>
      <c r="AI25" s="104">
        <v>10</v>
      </c>
      <c r="AJ25" s="101">
        <v>1</v>
      </c>
      <c r="AK25" s="102">
        <v>2</v>
      </c>
      <c r="AL25" s="103">
        <v>3</v>
      </c>
      <c r="AM25" s="413">
        <v>0</v>
      </c>
      <c r="AN25" s="102">
        <v>5</v>
      </c>
      <c r="AO25" s="102">
        <v>3</v>
      </c>
      <c r="AP25" s="102">
        <v>1</v>
      </c>
      <c r="AQ25" s="102">
        <v>0</v>
      </c>
      <c r="AR25" s="102">
        <v>1</v>
      </c>
      <c r="AS25" s="103">
        <v>10</v>
      </c>
      <c r="AT25" s="104">
        <v>13</v>
      </c>
      <c r="AU25" s="101">
        <v>4</v>
      </c>
      <c r="AV25" s="102">
        <v>4</v>
      </c>
      <c r="AW25" s="103">
        <v>8</v>
      </c>
      <c r="AX25" s="413">
        <v>0</v>
      </c>
      <c r="AY25" s="102">
        <v>8</v>
      </c>
      <c r="AZ25" s="102">
        <v>4</v>
      </c>
      <c r="BA25" s="102">
        <v>1</v>
      </c>
      <c r="BB25" s="102">
        <v>2</v>
      </c>
      <c r="BC25" s="102">
        <v>1</v>
      </c>
      <c r="BD25" s="103">
        <v>16</v>
      </c>
      <c r="BE25" s="104">
        <v>24</v>
      </c>
      <c r="BF25" s="101">
        <v>5</v>
      </c>
      <c r="BG25" s="102">
        <v>1</v>
      </c>
      <c r="BH25" s="103">
        <v>6</v>
      </c>
      <c r="BI25" s="413">
        <v>0</v>
      </c>
      <c r="BJ25" s="102">
        <v>5</v>
      </c>
      <c r="BK25" s="102">
        <v>5</v>
      </c>
      <c r="BL25" s="102">
        <v>3</v>
      </c>
      <c r="BM25" s="102">
        <v>2</v>
      </c>
      <c r="BN25" s="102">
        <v>1</v>
      </c>
      <c r="BO25" s="103">
        <v>16</v>
      </c>
      <c r="BP25" s="104">
        <v>22</v>
      </c>
      <c r="BQ25" s="101">
        <v>3</v>
      </c>
      <c r="BR25" s="102">
        <v>2</v>
      </c>
      <c r="BS25" s="103">
        <v>5</v>
      </c>
      <c r="BT25" s="413">
        <v>0</v>
      </c>
      <c r="BU25" s="102">
        <v>12</v>
      </c>
      <c r="BV25" s="102">
        <v>6</v>
      </c>
      <c r="BW25" s="102">
        <v>2</v>
      </c>
      <c r="BX25" s="102">
        <v>3</v>
      </c>
      <c r="BY25" s="102">
        <v>2</v>
      </c>
      <c r="BZ25" s="103">
        <v>25</v>
      </c>
      <c r="CA25" s="104">
        <v>30</v>
      </c>
      <c r="CB25" s="101">
        <v>0</v>
      </c>
      <c r="CC25" s="102">
        <v>0</v>
      </c>
      <c r="CD25" s="103">
        <v>0</v>
      </c>
      <c r="CE25" s="413">
        <v>0</v>
      </c>
      <c r="CF25" s="102">
        <v>0</v>
      </c>
      <c r="CG25" s="102">
        <v>0</v>
      </c>
      <c r="CH25" s="102">
        <v>0</v>
      </c>
      <c r="CI25" s="102">
        <v>0</v>
      </c>
      <c r="CJ25" s="102">
        <v>0</v>
      </c>
      <c r="CK25" s="103">
        <v>0</v>
      </c>
      <c r="CL25" s="104">
        <v>0</v>
      </c>
      <c r="CM25" s="101">
        <v>15</v>
      </c>
      <c r="CN25" s="102">
        <v>11</v>
      </c>
      <c r="CO25" s="103">
        <v>26</v>
      </c>
      <c r="CP25" s="413">
        <v>0</v>
      </c>
      <c r="CQ25" s="102">
        <v>32</v>
      </c>
      <c r="CR25" s="102">
        <v>19</v>
      </c>
      <c r="CS25" s="102">
        <v>10</v>
      </c>
      <c r="CT25" s="102">
        <v>8</v>
      </c>
      <c r="CU25" s="102">
        <v>6</v>
      </c>
      <c r="CV25" s="103">
        <v>75</v>
      </c>
      <c r="CW25" s="104">
        <v>101</v>
      </c>
      <c r="CX25" s="105">
        <v>5</v>
      </c>
      <c r="CY25" s="97">
        <v>6</v>
      </c>
      <c r="CZ25" s="98">
        <v>11</v>
      </c>
      <c r="DA25" s="413">
        <v>0</v>
      </c>
      <c r="DB25" s="97">
        <v>4</v>
      </c>
      <c r="DC25" s="97">
        <v>4</v>
      </c>
      <c r="DD25" s="97">
        <v>0</v>
      </c>
      <c r="DE25" s="97">
        <v>5</v>
      </c>
      <c r="DF25" s="97">
        <v>4</v>
      </c>
      <c r="DG25" s="99">
        <v>17</v>
      </c>
      <c r="DH25" s="100">
        <v>28</v>
      </c>
      <c r="DI25" s="101">
        <v>0</v>
      </c>
      <c r="DJ25" s="102">
        <v>1</v>
      </c>
      <c r="DK25" s="103">
        <v>1</v>
      </c>
      <c r="DL25" s="413">
        <v>0</v>
      </c>
      <c r="DM25" s="102">
        <v>0</v>
      </c>
      <c r="DN25" s="102">
        <v>0</v>
      </c>
      <c r="DO25" s="102">
        <v>0</v>
      </c>
      <c r="DP25" s="102">
        <v>0</v>
      </c>
      <c r="DQ25" s="102">
        <v>0</v>
      </c>
      <c r="DR25" s="103">
        <v>0</v>
      </c>
      <c r="DS25" s="104">
        <v>1</v>
      </c>
      <c r="DT25" s="101">
        <v>0</v>
      </c>
      <c r="DU25" s="102">
        <v>0</v>
      </c>
      <c r="DV25" s="103">
        <v>0</v>
      </c>
      <c r="DW25" s="413">
        <v>0</v>
      </c>
      <c r="DX25" s="102">
        <v>0</v>
      </c>
      <c r="DY25" s="102">
        <v>0</v>
      </c>
      <c r="DZ25" s="102">
        <v>0</v>
      </c>
      <c r="EA25" s="102">
        <v>0</v>
      </c>
      <c r="EB25" s="102">
        <v>0</v>
      </c>
      <c r="EC25" s="103">
        <v>0</v>
      </c>
      <c r="ED25" s="104">
        <v>0</v>
      </c>
      <c r="EE25" s="101">
        <v>1</v>
      </c>
      <c r="EF25" s="102">
        <v>1</v>
      </c>
      <c r="EG25" s="103">
        <v>2</v>
      </c>
      <c r="EH25" s="413">
        <v>0</v>
      </c>
      <c r="EI25" s="102">
        <v>0</v>
      </c>
      <c r="EJ25" s="102">
        <v>1</v>
      </c>
      <c r="EK25" s="102">
        <v>0</v>
      </c>
      <c r="EL25" s="102">
        <v>0</v>
      </c>
      <c r="EM25" s="102">
        <v>2</v>
      </c>
      <c r="EN25" s="103">
        <v>3</v>
      </c>
      <c r="EO25" s="104">
        <v>5</v>
      </c>
      <c r="EP25" s="101">
        <v>4</v>
      </c>
      <c r="EQ25" s="102">
        <v>2</v>
      </c>
      <c r="ER25" s="103">
        <v>6</v>
      </c>
      <c r="ES25" s="413">
        <v>0</v>
      </c>
      <c r="ET25" s="102">
        <v>1</v>
      </c>
      <c r="EU25" s="102">
        <v>0</v>
      </c>
      <c r="EV25" s="102">
        <v>0</v>
      </c>
      <c r="EW25" s="102">
        <v>0</v>
      </c>
      <c r="EX25" s="102">
        <v>1</v>
      </c>
      <c r="EY25" s="103">
        <v>2</v>
      </c>
      <c r="EZ25" s="104">
        <v>8</v>
      </c>
      <c r="FA25" s="101">
        <v>0</v>
      </c>
      <c r="FB25" s="102">
        <v>1</v>
      </c>
      <c r="FC25" s="103">
        <v>1</v>
      </c>
      <c r="FD25" s="413">
        <v>0</v>
      </c>
      <c r="FE25" s="102">
        <v>1</v>
      </c>
      <c r="FF25" s="102">
        <v>2</v>
      </c>
      <c r="FG25" s="102">
        <v>0</v>
      </c>
      <c r="FH25" s="102">
        <v>2</v>
      </c>
      <c r="FI25" s="102">
        <v>0</v>
      </c>
      <c r="FJ25" s="103">
        <v>5</v>
      </c>
      <c r="FK25" s="104">
        <v>6</v>
      </c>
      <c r="FL25" s="101">
        <v>0</v>
      </c>
      <c r="FM25" s="102">
        <v>1</v>
      </c>
      <c r="FN25" s="103">
        <v>1</v>
      </c>
      <c r="FO25" s="413">
        <v>0</v>
      </c>
      <c r="FP25" s="102">
        <v>2</v>
      </c>
      <c r="FQ25" s="102">
        <v>1</v>
      </c>
      <c r="FR25" s="102">
        <v>0</v>
      </c>
      <c r="FS25" s="102">
        <v>3</v>
      </c>
      <c r="FT25" s="102">
        <v>1</v>
      </c>
      <c r="FU25" s="103">
        <v>7</v>
      </c>
      <c r="FV25" s="104">
        <v>8</v>
      </c>
      <c r="FW25" s="101">
        <v>0</v>
      </c>
      <c r="FX25" s="102">
        <v>0</v>
      </c>
      <c r="FY25" s="103">
        <v>0</v>
      </c>
      <c r="FZ25" s="413">
        <v>0</v>
      </c>
      <c r="GA25" s="102">
        <v>0</v>
      </c>
      <c r="GB25" s="102">
        <v>0</v>
      </c>
      <c r="GC25" s="102">
        <v>0</v>
      </c>
      <c r="GD25" s="102">
        <v>0</v>
      </c>
      <c r="GE25" s="102">
        <v>0</v>
      </c>
      <c r="GF25" s="103">
        <v>0</v>
      </c>
      <c r="GG25" s="104">
        <v>0</v>
      </c>
      <c r="GH25" s="101">
        <v>5</v>
      </c>
      <c r="GI25" s="102">
        <v>6</v>
      </c>
      <c r="GJ25" s="103">
        <v>11</v>
      </c>
      <c r="GK25" s="413">
        <v>0</v>
      </c>
      <c r="GL25" s="102">
        <v>4</v>
      </c>
      <c r="GM25" s="102">
        <v>4</v>
      </c>
      <c r="GN25" s="102">
        <v>0</v>
      </c>
      <c r="GO25" s="102">
        <v>5</v>
      </c>
      <c r="GP25" s="102">
        <v>4</v>
      </c>
      <c r="GQ25" s="103">
        <v>17</v>
      </c>
      <c r="GR25" s="104">
        <v>28</v>
      </c>
      <c r="GS25" s="105">
        <v>20</v>
      </c>
      <c r="GT25" s="97">
        <v>17</v>
      </c>
      <c r="GU25" s="98">
        <v>37</v>
      </c>
      <c r="GV25" s="413">
        <v>0</v>
      </c>
      <c r="GW25" s="97">
        <v>36</v>
      </c>
      <c r="GX25" s="97">
        <v>23</v>
      </c>
      <c r="GY25" s="97">
        <v>10</v>
      </c>
      <c r="GZ25" s="97">
        <v>13</v>
      </c>
      <c r="HA25" s="97">
        <v>10</v>
      </c>
      <c r="HB25" s="99">
        <v>92</v>
      </c>
      <c r="HC25" s="100">
        <v>129</v>
      </c>
      <c r="HD25" s="101">
        <v>1</v>
      </c>
      <c r="HE25" s="102">
        <v>1</v>
      </c>
      <c r="HF25" s="103">
        <v>2</v>
      </c>
      <c r="HG25" s="413">
        <v>0</v>
      </c>
      <c r="HH25" s="102">
        <v>0</v>
      </c>
      <c r="HI25" s="102">
        <v>0</v>
      </c>
      <c r="HJ25" s="102">
        <v>1</v>
      </c>
      <c r="HK25" s="102">
        <v>0</v>
      </c>
      <c r="HL25" s="102">
        <v>0</v>
      </c>
      <c r="HM25" s="103">
        <v>1</v>
      </c>
      <c r="HN25" s="104">
        <v>3</v>
      </c>
      <c r="HO25" s="101">
        <v>1</v>
      </c>
      <c r="HP25" s="102">
        <v>2</v>
      </c>
      <c r="HQ25" s="103">
        <v>3</v>
      </c>
      <c r="HR25" s="413">
        <v>0</v>
      </c>
      <c r="HS25" s="102">
        <v>2</v>
      </c>
      <c r="HT25" s="102">
        <v>1</v>
      </c>
      <c r="HU25" s="102">
        <v>2</v>
      </c>
      <c r="HV25" s="102">
        <v>1</v>
      </c>
      <c r="HW25" s="102">
        <v>1</v>
      </c>
      <c r="HX25" s="103">
        <v>7</v>
      </c>
      <c r="HY25" s="104">
        <v>10</v>
      </c>
      <c r="HZ25" s="101">
        <v>2</v>
      </c>
      <c r="IA25" s="102">
        <v>3</v>
      </c>
      <c r="IB25" s="103">
        <v>5</v>
      </c>
      <c r="IC25" s="413">
        <v>0</v>
      </c>
      <c r="ID25" s="102">
        <v>5</v>
      </c>
      <c r="IE25" s="102">
        <v>4</v>
      </c>
      <c r="IF25" s="102">
        <v>1</v>
      </c>
      <c r="IG25" s="102">
        <v>0</v>
      </c>
      <c r="IH25" s="102">
        <v>3</v>
      </c>
      <c r="II25" s="103">
        <v>13</v>
      </c>
      <c r="IJ25" s="104">
        <v>18</v>
      </c>
      <c r="IK25" s="101">
        <v>8</v>
      </c>
      <c r="IL25" s="102">
        <v>6</v>
      </c>
      <c r="IM25" s="103">
        <v>14</v>
      </c>
      <c r="IN25" s="413">
        <v>0</v>
      </c>
      <c r="IO25" s="102">
        <v>9</v>
      </c>
      <c r="IP25" s="102">
        <v>4</v>
      </c>
      <c r="IQ25" s="102">
        <v>1</v>
      </c>
      <c r="IR25" s="102">
        <v>2</v>
      </c>
      <c r="IS25" s="102">
        <v>2</v>
      </c>
      <c r="IT25" s="103">
        <v>18</v>
      </c>
      <c r="IU25" s="104">
        <v>32</v>
      </c>
      <c r="IV25" s="101">
        <v>5</v>
      </c>
      <c r="IW25" s="102">
        <v>2</v>
      </c>
      <c r="IX25" s="103">
        <v>7</v>
      </c>
      <c r="IY25" s="413">
        <v>0</v>
      </c>
      <c r="IZ25" s="102">
        <v>6</v>
      </c>
      <c r="JA25" s="102">
        <v>7</v>
      </c>
      <c r="JB25" s="102">
        <v>3</v>
      </c>
      <c r="JC25" s="102">
        <v>4</v>
      </c>
      <c r="JD25" s="102">
        <v>1</v>
      </c>
      <c r="JE25" s="103">
        <v>21</v>
      </c>
      <c r="JF25" s="104">
        <v>28</v>
      </c>
      <c r="JG25" s="101">
        <v>3</v>
      </c>
      <c r="JH25" s="102">
        <v>3</v>
      </c>
      <c r="JI25" s="103">
        <v>6</v>
      </c>
      <c r="JJ25" s="413">
        <v>0</v>
      </c>
      <c r="JK25" s="102">
        <v>14</v>
      </c>
      <c r="JL25" s="102">
        <v>7</v>
      </c>
      <c r="JM25" s="102">
        <v>2</v>
      </c>
      <c r="JN25" s="102">
        <v>6</v>
      </c>
      <c r="JO25" s="102">
        <v>3</v>
      </c>
      <c r="JP25" s="103">
        <v>32</v>
      </c>
      <c r="JQ25" s="104">
        <v>38</v>
      </c>
      <c r="JR25" s="101">
        <v>0</v>
      </c>
      <c r="JS25" s="102">
        <v>0</v>
      </c>
      <c r="JT25" s="103">
        <v>0</v>
      </c>
      <c r="JU25" s="413">
        <v>0</v>
      </c>
      <c r="JV25" s="102">
        <v>0</v>
      </c>
      <c r="JW25" s="102">
        <v>0</v>
      </c>
      <c r="JX25" s="102">
        <v>0</v>
      </c>
      <c r="JY25" s="102">
        <v>0</v>
      </c>
      <c r="JZ25" s="102">
        <v>0</v>
      </c>
      <c r="KA25" s="103">
        <v>0</v>
      </c>
      <c r="KB25" s="104">
        <v>0</v>
      </c>
      <c r="KC25" s="101">
        <v>20</v>
      </c>
      <c r="KD25" s="102">
        <v>17</v>
      </c>
      <c r="KE25" s="103">
        <v>37</v>
      </c>
      <c r="KF25" s="413">
        <v>0</v>
      </c>
      <c r="KG25" s="102">
        <v>36</v>
      </c>
      <c r="KH25" s="102">
        <v>23</v>
      </c>
      <c r="KI25" s="102">
        <v>10</v>
      </c>
      <c r="KJ25" s="102">
        <v>13</v>
      </c>
      <c r="KK25" s="102">
        <v>10</v>
      </c>
      <c r="KL25" s="103">
        <v>92</v>
      </c>
      <c r="KM25" s="104">
        <v>129</v>
      </c>
    </row>
    <row r="26" spans="2:299" s="70" customFormat="1" ht="21" customHeight="1" x14ac:dyDescent="0.2">
      <c r="B26" s="106" t="s">
        <v>23</v>
      </c>
      <c r="C26" s="96">
        <v>29</v>
      </c>
      <c r="D26" s="97">
        <v>20</v>
      </c>
      <c r="E26" s="98">
        <v>49</v>
      </c>
      <c r="F26" s="413">
        <v>0</v>
      </c>
      <c r="G26" s="97">
        <v>23</v>
      </c>
      <c r="H26" s="97">
        <v>25</v>
      </c>
      <c r="I26" s="97">
        <v>24</v>
      </c>
      <c r="J26" s="97">
        <v>14</v>
      </c>
      <c r="K26" s="97">
        <v>11</v>
      </c>
      <c r="L26" s="99">
        <v>97</v>
      </c>
      <c r="M26" s="100">
        <v>146</v>
      </c>
      <c r="N26" s="101">
        <v>0</v>
      </c>
      <c r="O26" s="102">
        <v>2</v>
      </c>
      <c r="P26" s="103">
        <v>2</v>
      </c>
      <c r="Q26" s="413">
        <v>0</v>
      </c>
      <c r="R26" s="102">
        <v>0</v>
      </c>
      <c r="S26" s="102">
        <v>0</v>
      </c>
      <c r="T26" s="102">
        <v>0</v>
      </c>
      <c r="U26" s="102">
        <v>0</v>
      </c>
      <c r="V26" s="102">
        <v>0</v>
      </c>
      <c r="W26" s="103">
        <v>0</v>
      </c>
      <c r="X26" s="104">
        <v>2</v>
      </c>
      <c r="Y26" s="101">
        <v>2</v>
      </c>
      <c r="Z26" s="102">
        <v>0</v>
      </c>
      <c r="AA26" s="103">
        <v>2</v>
      </c>
      <c r="AB26" s="413">
        <v>0</v>
      </c>
      <c r="AC26" s="102">
        <v>2</v>
      </c>
      <c r="AD26" s="102">
        <v>5</v>
      </c>
      <c r="AE26" s="102">
        <v>3</v>
      </c>
      <c r="AF26" s="102">
        <v>0</v>
      </c>
      <c r="AG26" s="102">
        <v>3</v>
      </c>
      <c r="AH26" s="103">
        <v>13</v>
      </c>
      <c r="AI26" s="104">
        <v>15</v>
      </c>
      <c r="AJ26" s="101">
        <v>9</v>
      </c>
      <c r="AK26" s="102">
        <v>1</v>
      </c>
      <c r="AL26" s="103">
        <v>10</v>
      </c>
      <c r="AM26" s="413">
        <v>0</v>
      </c>
      <c r="AN26" s="102">
        <v>3</v>
      </c>
      <c r="AO26" s="102">
        <v>2</v>
      </c>
      <c r="AP26" s="102">
        <v>4</v>
      </c>
      <c r="AQ26" s="102">
        <v>0</v>
      </c>
      <c r="AR26" s="102">
        <v>2</v>
      </c>
      <c r="AS26" s="103">
        <v>11</v>
      </c>
      <c r="AT26" s="104">
        <v>21</v>
      </c>
      <c r="AU26" s="101">
        <v>8</v>
      </c>
      <c r="AV26" s="102">
        <v>7</v>
      </c>
      <c r="AW26" s="103">
        <v>15</v>
      </c>
      <c r="AX26" s="413">
        <v>0</v>
      </c>
      <c r="AY26" s="102">
        <v>5</v>
      </c>
      <c r="AZ26" s="102">
        <v>5</v>
      </c>
      <c r="BA26" s="102">
        <v>5</v>
      </c>
      <c r="BB26" s="102">
        <v>5</v>
      </c>
      <c r="BC26" s="102">
        <v>1</v>
      </c>
      <c r="BD26" s="103">
        <v>21</v>
      </c>
      <c r="BE26" s="104">
        <v>36</v>
      </c>
      <c r="BF26" s="101">
        <v>8</v>
      </c>
      <c r="BG26" s="102">
        <v>6</v>
      </c>
      <c r="BH26" s="103">
        <v>14</v>
      </c>
      <c r="BI26" s="413">
        <v>0</v>
      </c>
      <c r="BJ26" s="102">
        <v>7</v>
      </c>
      <c r="BK26" s="102">
        <v>9</v>
      </c>
      <c r="BL26" s="102">
        <v>7</v>
      </c>
      <c r="BM26" s="102">
        <v>4</v>
      </c>
      <c r="BN26" s="102">
        <v>2</v>
      </c>
      <c r="BO26" s="103">
        <v>29</v>
      </c>
      <c r="BP26" s="104">
        <v>43</v>
      </c>
      <c r="BQ26" s="101">
        <v>2</v>
      </c>
      <c r="BR26" s="102">
        <v>4</v>
      </c>
      <c r="BS26" s="103">
        <v>6</v>
      </c>
      <c r="BT26" s="413">
        <v>0</v>
      </c>
      <c r="BU26" s="102">
        <v>6</v>
      </c>
      <c r="BV26" s="102">
        <v>4</v>
      </c>
      <c r="BW26" s="102">
        <v>5</v>
      </c>
      <c r="BX26" s="102">
        <v>5</v>
      </c>
      <c r="BY26" s="102">
        <v>3</v>
      </c>
      <c r="BZ26" s="103">
        <v>23</v>
      </c>
      <c r="CA26" s="104">
        <v>29</v>
      </c>
      <c r="CB26" s="101">
        <v>0</v>
      </c>
      <c r="CC26" s="102">
        <v>0</v>
      </c>
      <c r="CD26" s="103">
        <v>0</v>
      </c>
      <c r="CE26" s="413">
        <v>0</v>
      </c>
      <c r="CF26" s="102">
        <v>0</v>
      </c>
      <c r="CG26" s="102">
        <v>0</v>
      </c>
      <c r="CH26" s="102">
        <v>0</v>
      </c>
      <c r="CI26" s="102">
        <v>0</v>
      </c>
      <c r="CJ26" s="102">
        <v>0</v>
      </c>
      <c r="CK26" s="103">
        <v>0</v>
      </c>
      <c r="CL26" s="104">
        <v>0</v>
      </c>
      <c r="CM26" s="101">
        <v>29</v>
      </c>
      <c r="CN26" s="102">
        <v>20</v>
      </c>
      <c r="CO26" s="103">
        <v>49</v>
      </c>
      <c r="CP26" s="413">
        <v>0</v>
      </c>
      <c r="CQ26" s="102">
        <v>23</v>
      </c>
      <c r="CR26" s="102">
        <v>25</v>
      </c>
      <c r="CS26" s="102">
        <v>24</v>
      </c>
      <c r="CT26" s="102">
        <v>14</v>
      </c>
      <c r="CU26" s="102">
        <v>11</v>
      </c>
      <c r="CV26" s="103">
        <v>97</v>
      </c>
      <c r="CW26" s="104">
        <v>146</v>
      </c>
      <c r="CX26" s="105">
        <v>8</v>
      </c>
      <c r="CY26" s="97">
        <v>8</v>
      </c>
      <c r="CZ26" s="98">
        <v>16</v>
      </c>
      <c r="DA26" s="413">
        <v>0</v>
      </c>
      <c r="DB26" s="97">
        <v>8</v>
      </c>
      <c r="DC26" s="97">
        <v>10</v>
      </c>
      <c r="DD26" s="97">
        <v>5</v>
      </c>
      <c r="DE26" s="97">
        <v>7</v>
      </c>
      <c r="DF26" s="97">
        <v>6</v>
      </c>
      <c r="DG26" s="99">
        <v>36</v>
      </c>
      <c r="DH26" s="100">
        <v>52</v>
      </c>
      <c r="DI26" s="101">
        <v>0</v>
      </c>
      <c r="DJ26" s="102">
        <v>0</v>
      </c>
      <c r="DK26" s="103">
        <v>0</v>
      </c>
      <c r="DL26" s="413">
        <v>0</v>
      </c>
      <c r="DM26" s="102">
        <v>0</v>
      </c>
      <c r="DN26" s="102">
        <v>0</v>
      </c>
      <c r="DO26" s="102">
        <v>0</v>
      </c>
      <c r="DP26" s="102">
        <v>0</v>
      </c>
      <c r="DQ26" s="102">
        <v>0</v>
      </c>
      <c r="DR26" s="103">
        <v>0</v>
      </c>
      <c r="DS26" s="104">
        <v>0</v>
      </c>
      <c r="DT26" s="101">
        <v>0</v>
      </c>
      <c r="DU26" s="102">
        <v>0</v>
      </c>
      <c r="DV26" s="103">
        <v>0</v>
      </c>
      <c r="DW26" s="413">
        <v>0</v>
      </c>
      <c r="DX26" s="102">
        <v>1</v>
      </c>
      <c r="DY26" s="102">
        <v>0</v>
      </c>
      <c r="DZ26" s="102">
        <v>1</v>
      </c>
      <c r="EA26" s="102">
        <v>0</v>
      </c>
      <c r="EB26" s="102">
        <v>0</v>
      </c>
      <c r="EC26" s="103">
        <v>2</v>
      </c>
      <c r="ED26" s="104">
        <v>2</v>
      </c>
      <c r="EE26" s="101">
        <v>3</v>
      </c>
      <c r="EF26" s="102">
        <v>0</v>
      </c>
      <c r="EG26" s="103">
        <v>3</v>
      </c>
      <c r="EH26" s="413">
        <v>0</v>
      </c>
      <c r="EI26" s="102">
        <v>0</v>
      </c>
      <c r="EJ26" s="102">
        <v>0</v>
      </c>
      <c r="EK26" s="102">
        <v>0</v>
      </c>
      <c r="EL26" s="102">
        <v>0</v>
      </c>
      <c r="EM26" s="102">
        <v>1</v>
      </c>
      <c r="EN26" s="103">
        <v>1</v>
      </c>
      <c r="EO26" s="104">
        <v>4</v>
      </c>
      <c r="EP26" s="101">
        <v>3</v>
      </c>
      <c r="EQ26" s="102">
        <v>5</v>
      </c>
      <c r="ER26" s="103">
        <v>8</v>
      </c>
      <c r="ES26" s="413">
        <v>0</v>
      </c>
      <c r="ET26" s="102">
        <v>0</v>
      </c>
      <c r="EU26" s="102">
        <v>4</v>
      </c>
      <c r="EV26" s="102">
        <v>1</v>
      </c>
      <c r="EW26" s="102">
        <v>1</v>
      </c>
      <c r="EX26" s="102">
        <v>0</v>
      </c>
      <c r="EY26" s="103">
        <v>6</v>
      </c>
      <c r="EZ26" s="104">
        <v>14</v>
      </c>
      <c r="FA26" s="101">
        <v>1</v>
      </c>
      <c r="FB26" s="102">
        <v>1</v>
      </c>
      <c r="FC26" s="103">
        <v>2</v>
      </c>
      <c r="FD26" s="413">
        <v>0</v>
      </c>
      <c r="FE26" s="102">
        <v>1</v>
      </c>
      <c r="FF26" s="102">
        <v>1</v>
      </c>
      <c r="FG26" s="102">
        <v>2</v>
      </c>
      <c r="FH26" s="102">
        <v>1</v>
      </c>
      <c r="FI26" s="102">
        <v>1</v>
      </c>
      <c r="FJ26" s="103">
        <v>6</v>
      </c>
      <c r="FK26" s="104">
        <v>8</v>
      </c>
      <c r="FL26" s="101">
        <v>1</v>
      </c>
      <c r="FM26" s="102">
        <v>2</v>
      </c>
      <c r="FN26" s="103">
        <v>3</v>
      </c>
      <c r="FO26" s="413">
        <v>0</v>
      </c>
      <c r="FP26" s="102">
        <v>6</v>
      </c>
      <c r="FQ26" s="102">
        <v>5</v>
      </c>
      <c r="FR26" s="102">
        <v>1</v>
      </c>
      <c r="FS26" s="102">
        <v>5</v>
      </c>
      <c r="FT26" s="102">
        <v>4</v>
      </c>
      <c r="FU26" s="103">
        <v>21</v>
      </c>
      <c r="FV26" s="104">
        <v>24</v>
      </c>
      <c r="FW26" s="101">
        <v>0</v>
      </c>
      <c r="FX26" s="102">
        <v>0</v>
      </c>
      <c r="FY26" s="103">
        <v>0</v>
      </c>
      <c r="FZ26" s="413">
        <v>0</v>
      </c>
      <c r="GA26" s="102">
        <v>0</v>
      </c>
      <c r="GB26" s="102">
        <v>0</v>
      </c>
      <c r="GC26" s="102">
        <v>0</v>
      </c>
      <c r="GD26" s="102">
        <v>0</v>
      </c>
      <c r="GE26" s="102">
        <v>0</v>
      </c>
      <c r="GF26" s="103">
        <v>0</v>
      </c>
      <c r="GG26" s="104">
        <v>0</v>
      </c>
      <c r="GH26" s="101">
        <v>8</v>
      </c>
      <c r="GI26" s="102">
        <v>8</v>
      </c>
      <c r="GJ26" s="103">
        <v>16</v>
      </c>
      <c r="GK26" s="413">
        <v>0</v>
      </c>
      <c r="GL26" s="102">
        <v>8</v>
      </c>
      <c r="GM26" s="102">
        <v>10</v>
      </c>
      <c r="GN26" s="102">
        <v>5</v>
      </c>
      <c r="GO26" s="102">
        <v>7</v>
      </c>
      <c r="GP26" s="102">
        <v>6</v>
      </c>
      <c r="GQ26" s="103">
        <v>36</v>
      </c>
      <c r="GR26" s="104">
        <v>52</v>
      </c>
      <c r="GS26" s="105">
        <v>37</v>
      </c>
      <c r="GT26" s="97">
        <v>28</v>
      </c>
      <c r="GU26" s="98">
        <v>65</v>
      </c>
      <c r="GV26" s="413">
        <v>0</v>
      </c>
      <c r="GW26" s="97">
        <v>31</v>
      </c>
      <c r="GX26" s="97">
        <v>35</v>
      </c>
      <c r="GY26" s="97">
        <v>29</v>
      </c>
      <c r="GZ26" s="97">
        <v>21</v>
      </c>
      <c r="HA26" s="97">
        <v>17</v>
      </c>
      <c r="HB26" s="99">
        <v>133</v>
      </c>
      <c r="HC26" s="100">
        <v>198</v>
      </c>
      <c r="HD26" s="101">
        <v>0</v>
      </c>
      <c r="HE26" s="102">
        <v>2</v>
      </c>
      <c r="HF26" s="103">
        <v>2</v>
      </c>
      <c r="HG26" s="413">
        <v>0</v>
      </c>
      <c r="HH26" s="102">
        <v>0</v>
      </c>
      <c r="HI26" s="102">
        <v>0</v>
      </c>
      <c r="HJ26" s="102">
        <v>0</v>
      </c>
      <c r="HK26" s="102">
        <v>0</v>
      </c>
      <c r="HL26" s="102">
        <v>0</v>
      </c>
      <c r="HM26" s="103">
        <v>0</v>
      </c>
      <c r="HN26" s="104">
        <v>2</v>
      </c>
      <c r="HO26" s="101">
        <v>2</v>
      </c>
      <c r="HP26" s="102">
        <v>0</v>
      </c>
      <c r="HQ26" s="103">
        <v>2</v>
      </c>
      <c r="HR26" s="413">
        <v>0</v>
      </c>
      <c r="HS26" s="102">
        <v>3</v>
      </c>
      <c r="HT26" s="102">
        <v>5</v>
      </c>
      <c r="HU26" s="102">
        <v>4</v>
      </c>
      <c r="HV26" s="102">
        <v>0</v>
      </c>
      <c r="HW26" s="102">
        <v>3</v>
      </c>
      <c r="HX26" s="103">
        <v>15</v>
      </c>
      <c r="HY26" s="104">
        <v>17</v>
      </c>
      <c r="HZ26" s="101">
        <v>12</v>
      </c>
      <c r="IA26" s="102">
        <v>1</v>
      </c>
      <c r="IB26" s="103">
        <v>13</v>
      </c>
      <c r="IC26" s="413">
        <v>0</v>
      </c>
      <c r="ID26" s="102">
        <v>3</v>
      </c>
      <c r="IE26" s="102">
        <v>2</v>
      </c>
      <c r="IF26" s="102">
        <v>4</v>
      </c>
      <c r="IG26" s="102">
        <v>0</v>
      </c>
      <c r="IH26" s="102">
        <v>3</v>
      </c>
      <c r="II26" s="103">
        <v>12</v>
      </c>
      <c r="IJ26" s="104">
        <v>25</v>
      </c>
      <c r="IK26" s="101">
        <v>11</v>
      </c>
      <c r="IL26" s="102">
        <v>12</v>
      </c>
      <c r="IM26" s="103">
        <v>23</v>
      </c>
      <c r="IN26" s="413">
        <v>0</v>
      </c>
      <c r="IO26" s="102">
        <v>5</v>
      </c>
      <c r="IP26" s="102">
        <v>9</v>
      </c>
      <c r="IQ26" s="102">
        <v>6</v>
      </c>
      <c r="IR26" s="102">
        <v>6</v>
      </c>
      <c r="IS26" s="102">
        <v>1</v>
      </c>
      <c r="IT26" s="103">
        <v>27</v>
      </c>
      <c r="IU26" s="104">
        <v>50</v>
      </c>
      <c r="IV26" s="101">
        <v>9</v>
      </c>
      <c r="IW26" s="102">
        <v>7</v>
      </c>
      <c r="IX26" s="103">
        <v>16</v>
      </c>
      <c r="IY26" s="413">
        <v>0</v>
      </c>
      <c r="IZ26" s="102">
        <v>8</v>
      </c>
      <c r="JA26" s="102">
        <v>10</v>
      </c>
      <c r="JB26" s="102">
        <v>9</v>
      </c>
      <c r="JC26" s="102">
        <v>5</v>
      </c>
      <c r="JD26" s="102">
        <v>3</v>
      </c>
      <c r="JE26" s="103">
        <v>35</v>
      </c>
      <c r="JF26" s="104">
        <v>51</v>
      </c>
      <c r="JG26" s="101">
        <v>3</v>
      </c>
      <c r="JH26" s="102">
        <v>6</v>
      </c>
      <c r="JI26" s="103">
        <v>9</v>
      </c>
      <c r="JJ26" s="413">
        <v>0</v>
      </c>
      <c r="JK26" s="102">
        <v>12</v>
      </c>
      <c r="JL26" s="102">
        <v>9</v>
      </c>
      <c r="JM26" s="102">
        <v>6</v>
      </c>
      <c r="JN26" s="102">
        <v>10</v>
      </c>
      <c r="JO26" s="102">
        <v>7</v>
      </c>
      <c r="JP26" s="103">
        <v>44</v>
      </c>
      <c r="JQ26" s="104">
        <v>53</v>
      </c>
      <c r="JR26" s="101">
        <v>0</v>
      </c>
      <c r="JS26" s="102">
        <v>0</v>
      </c>
      <c r="JT26" s="103">
        <v>0</v>
      </c>
      <c r="JU26" s="413">
        <v>0</v>
      </c>
      <c r="JV26" s="102">
        <v>0</v>
      </c>
      <c r="JW26" s="102">
        <v>0</v>
      </c>
      <c r="JX26" s="102">
        <v>0</v>
      </c>
      <c r="JY26" s="102">
        <v>0</v>
      </c>
      <c r="JZ26" s="102">
        <v>0</v>
      </c>
      <c r="KA26" s="103">
        <v>0</v>
      </c>
      <c r="KB26" s="104">
        <v>0</v>
      </c>
      <c r="KC26" s="101">
        <v>37</v>
      </c>
      <c r="KD26" s="102">
        <v>28</v>
      </c>
      <c r="KE26" s="103">
        <v>65</v>
      </c>
      <c r="KF26" s="413">
        <v>0</v>
      </c>
      <c r="KG26" s="102">
        <v>31</v>
      </c>
      <c r="KH26" s="102">
        <v>35</v>
      </c>
      <c r="KI26" s="102">
        <v>29</v>
      </c>
      <c r="KJ26" s="102">
        <v>21</v>
      </c>
      <c r="KK26" s="102">
        <v>17</v>
      </c>
      <c r="KL26" s="103">
        <v>133</v>
      </c>
      <c r="KM26" s="104">
        <v>198</v>
      </c>
    </row>
    <row r="27" spans="2:299" s="70" customFormat="1" ht="21" customHeight="1" x14ac:dyDescent="0.2">
      <c r="B27" s="106" t="s">
        <v>24</v>
      </c>
      <c r="C27" s="96">
        <v>29</v>
      </c>
      <c r="D27" s="97">
        <v>18</v>
      </c>
      <c r="E27" s="98">
        <v>47</v>
      </c>
      <c r="F27" s="413">
        <v>0</v>
      </c>
      <c r="G27" s="97">
        <v>32</v>
      </c>
      <c r="H27" s="97">
        <v>23</v>
      </c>
      <c r="I27" s="97">
        <v>10</v>
      </c>
      <c r="J27" s="97">
        <v>11</v>
      </c>
      <c r="K27" s="97">
        <v>13</v>
      </c>
      <c r="L27" s="99">
        <v>89</v>
      </c>
      <c r="M27" s="100">
        <v>136</v>
      </c>
      <c r="N27" s="101">
        <v>1</v>
      </c>
      <c r="O27" s="102">
        <v>0</v>
      </c>
      <c r="P27" s="103">
        <v>1</v>
      </c>
      <c r="Q27" s="413">
        <v>0</v>
      </c>
      <c r="R27" s="102">
        <v>1</v>
      </c>
      <c r="S27" s="102">
        <v>0</v>
      </c>
      <c r="T27" s="102">
        <v>0</v>
      </c>
      <c r="U27" s="102">
        <v>0</v>
      </c>
      <c r="V27" s="102">
        <v>0</v>
      </c>
      <c r="W27" s="103">
        <v>1</v>
      </c>
      <c r="X27" s="104">
        <v>2</v>
      </c>
      <c r="Y27" s="101">
        <v>0</v>
      </c>
      <c r="Z27" s="102">
        <v>1</v>
      </c>
      <c r="AA27" s="103">
        <v>1</v>
      </c>
      <c r="AB27" s="413">
        <v>0</v>
      </c>
      <c r="AC27" s="102">
        <v>2</v>
      </c>
      <c r="AD27" s="102">
        <v>1</v>
      </c>
      <c r="AE27" s="102">
        <v>1</v>
      </c>
      <c r="AF27" s="102">
        <v>1</v>
      </c>
      <c r="AG27" s="102">
        <v>2</v>
      </c>
      <c r="AH27" s="103">
        <v>7</v>
      </c>
      <c r="AI27" s="104">
        <v>8</v>
      </c>
      <c r="AJ27" s="101">
        <v>1</v>
      </c>
      <c r="AK27" s="102">
        <v>0</v>
      </c>
      <c r="AL27" s="103">
        <v>1</v>
      </c>
      <c r="AM27" s="413">
        <v>0</v>
      </c>
      <c r="AN27" s="102">
        <v>5</v>
      </c>
      <c r="AO27" s="102">
        <v>2</v>
      </c>
      <c r="AP27" s="102">
        <v>0</v>
      </c>
      <c r="AQ27" s="102">
        <v>0</v>
      </c>
      <c r="AR27" s="102">
        <v>1</v>
      </c>
      <c r="AS27" s="103">
        <v>8</v>
      </c>
      <c r="AT27" s="104">
        <v>9</v>
      </c>
      <c r="AU27" s="101">
        <v>9</v>
      </c>
      <c r="AV27" s="102">
        <v>3</v>
      </c>
      <c r="AW27" s="103">
        <v>12</v>
      </c>
      <c r="AX27" s="413">
        <v>0</v>
      </c>
      <c r="AY27" s="102">
        <v>8</v>
      </c>
      <c r="AZ27" s="102">
        <v>4</v>
      </c>
      <c r="BA27" s="102">
        <v>2</v>
      </c>
      <c r="BB27" s="102">
        <v>3</v>
      </c>
      <c r="BC27" s="102">
        <v>2</v>
      </c>
      <c r="BD27" s="103">
        <v>19</v>
      </c>
      <c r="BE27" s="104">
        <v>31</v>
      </c>
      <c r="BF27" s="101">
        <v>8</v>
      </c>
      <c r="BG27" s="102">
        <v>7</v>
      </c>
      <c r="BH27" s="103">
        <v>15</v>
      </c>
      <c r="BI27" s="413">
        <v>0</v>
      </c>
      <c r="BJ27" s="102">
        <v>11</v>
      </c>
      <c r="BK27" s="102">
        <v>8</v>
      </c>
      <c r="BL27" s="102">
        <v>3</v>
      </c>
      <c r="BM27" s="102">
        <v>0</v>
      </c>
      <c r="BN27" s="102">
        <v>3</v>
      </c>
      <c r="BO27" s="103">
        <v>25</v>
      </c>
      <c r="BP27" s="104">
        <v>40</v>
      </c>
      <c r="BQ27" s="101">
        <v>10</v>
      </c>
      <c r="BR27" s="102">
        <v>7</v>
      </c>
      <c r="BS27" s="103">
        <v>17</v>
      </c>
      <c r="BT27" s="413">
        <v>0</v>
      </c>
      <c r="BU27" s="102">
        <v>5</v>
      </c>
      <c r="BV27" s="102">
        <v>8</v>
      </c>
      <c r="BW27" s="102">
        <v>4</v>
      </c>
      <c r="BX27" s="102">
        <v>7</v>
      </c>
      <c r="BY27" s="102">
        <v>5</v>
      </c>
      <c r="BZ27" s="103">
        <v>29</v>
      </c>
      <c r="CA27" s="104">
        <v>46</v>
      </c>
      <c r="CB27" s="101">
        <v>0</v>
      </c>
      <c r="CC27" s="102">
        <v>0</v>
      </c>
      <c r="CD27" s="103">
        <v>0</v>
      </c>
      <c r="CE27" s="413">
        <v>0</v>
      </c>
      <c r="CF27" s="102">
        <v>0</v>
      </c>
      <c r="CG27" s="102">
        <v>0</v>
      </c>
      <c r="CH27" s="102">
        <v>0</v>
      </c>
      <c r="CI27" s="102">
        <v>0</v>
      </c>
      <c r="CJ27" s="102">
        <v>0</v>
      </c>
      <c r="CK27" s="103">
        <v>0</v>
      </c>
      <c r="CL27" s="104">
        <v>0</v>
      </c>
      <c r="CM27" s="101">
        <v>29</v>
      </c>
      <c r="CN27" s="102">
        <v>18</v>
      </c>
      <c r="CO27" s="103">
        <v>47</v>
      </c>
      <c r="CP27" s="413">
        <v>0</v>
      </c>
      <c r="CQ27" s="102">
        <v>32</v>
      </c>
      <c r="CR27" s="102">
        <v>23</v>
      </c>
      <c r="CS27" s="102">
        <v>10</v>
      </c>
      <c r="CT27" s="102">
        <v>11</v>
      </c>
      <c r="CU27" s="102">
        <v>13</v>
      </c>
      <c r="CV27" s="103">
        <v>89</v>
      </c>
      <c r="CW27" s="104">
        <v>136</v>
      </c>
      <c r="CX27" s="105">
        <v>7</v>
      </c>
      <c r="CY27" s="97">
        <v>5</v>
      </c>
      <c r="CZ27" s="98">
        <v>12</v>
      </c>
      <c r="DA27" s="413">
        <v>0</v>
      </c>
      <c r="DB27" s="97">
        <v>13</v>
      </c>
      <c r="DC27" s="97">
        <v>7</v>
      </c>
      <c r="DD27" s="97">
        <v>4</v>
      </c>
      <c r="DE27" s="97">
        <v>6</v>
      </c>
      <c r="DF27" s="97">
        <v>4</v>
      </c>
      <c r="DG27" s="99">
        <v>34</v>
      </c>
      <c r="DH27" s="100">
        <v>46</v>
      </c>
      <c r="DI27" s="101">
        <v>0</v>
      </c>
      <c r="DJ27" s="102">
        <v>0</v>
      </c>
      <c r="DK27" s="103">
        <v>0</v>
      </c>
      <c r="DL27" s="413">
        <v>0</v>
      </c>
      <c r="DM27" s="102">
        <v>0</v>
      </c>
      <c r="DN27" s="102">
        <v>0</v>
      </c>
      <c r="DO27" s="102">
        <v>0</v>
      </c>
      <c r="DP27" s="102">
        <v>0</v>
      </c>
      <c r="DQ27" s="102">
        <v>0</v>
      </c>
      <c r="DR27" s="103">
        <v>0</v>
      </c>
      <c r="DS27" s="104">
        <v>0</v>
      </c>
      <c r="DT27" s="101">
        <v>0</v>
      </c>
      <c r="DU27" s="102">
        <v>0</v>
      </c>
      <c r="DV27" s="103">
        <v>0</v>
      </c>
      <c r="DW27" s="413">
        <v>0</v>
      </c>
      <c r="DX27" s="102">
        <v>0</v>
      </c>
      <c r="DY27" s="102">
        <v>0</v>
      </c>
      <c r="DZ27" s="102">
        <v>0</v>
      </c>
      <c r="EA27" s="102">
        <v>0</v>
      </c>
      <c r="EB27" s="102">
        <v>0</v>
      </c>
      <c r="EC27" s="103">
        <v>0</v>
      </c>
      <c r="ED27" s="104">
        <v>0</v>
      </c>
      <c r="EE27" s="101">
        <v>1</v>
      </c>
      <c r="EF27" s="102">
        <v>0</v>
      </c>
      <c r="EG27" s="103">
        <v>1</v>
      </c>
      <c r="EH27" s="413">
        <v>0</v>
      </c>
      <c r="EI27" s="102">
        <v>1</v>
      </c>
      <c r="EJ27" s="102">
        <v>0</v>
      </c>
      <c r="EK27" s="102">
        <v>1</v>
      </c>
      <c r="EL27" s="102">
        <v>0</v>
      </c>
      <c r="EM27" s="102">
        <v>0</v>
      </c>
      <c r="EN27" s="103">
        <v>2</v>
      </c>
      <c r="EO27" s="104">
        <v>3</v>
      </c>
      <c r="EP27" s="101">
        <v>2</v>
      </c>
      <c r="EQ27" s="102">
        <v>1</v>
      </c>
      <c r="ER27" s="103">
        <v>3</v>
      </c>
      <c r="ES27" s="413">
        <v>0</v>
      </c>
      <c r="ET27" s="102">
        <v>4</v>
      </c>
      <c r="EU27" s="102">
        <v>1</v>
      </c>
      <c r="EV27" s="102">
        <v>1</v>
      </c>
      <c r="EW27" s="102">
        <v>2</v>
      </c>
      <c r="EX27" s="102">
        <v>0</v>
      </c>
      <c r="EY27" s="103">
        <v>8</v>
      </c>
      <c r="EZ27" s="104">
        <v>11</v>
      </c>
      <c r="FA27" s="101">
        <v>1</v>
      </c>
      <c r="FB27" s="102">
        <v>2</v>
      </c>
      <c r="FC27" s="103">
        <v>3</v>
      </c>
      <c r="FD27" s="413">
        <v>0</v>
      </c>
      <c r="FE27" s="102">
        <v>6</v>
      </c>
      <c r="FF27" s="102">
        <v>3</v>
      </c>
      <c r="FG27" s="102">
        <v>0</v>
      </c>
      <c r="FH27" s="102">
        <v>0</v>
      </c>
      <c r="FI27" s="102">
        <v>2</v>
      </c>
      <c r="FJ27" s="103">
        <v>11</v>
      </c>
      <c r="FK27" s="104">
        <v>14</v>
      </c>
      <c r="FL27" s="101">
        <v>3</v>
      </c>
      <c r="FM27" s="102">
        <v>2</v>
      </c>
      <c r="FN27" s="103">
        <v>5</v>
      </c>
      <c r="FO27" s="413">
        <v>0</v>
      </c>
      <c r="FP27" s="102">
        <v>2</v>
      </c>
      <c r="FQ27" s="102">
        <v>3</v>
      </c>
      <c r="FR27" s="102">
        <v>2</v>
      </c>
      <c r="FS27" s="102">
        <v>4</v>
      </c>
      <c r="FT27" s="102">
        <v>2</v>
      </c>
      <c r="FU27" s="103">
        <v>13</v>
      </c>
      <c r="FV27" s="104">
        <v>18</v>
      </c>
      <c r="FW27" s="101">
        <v>0</v>
      </c>
      <c r="FX27" s="102">
        <v>0</v>
      </c>
      <c r="FY27" s="103">
        <v>0</v>
      </c>
      <c r="FZ27" s="413">
        <v>0</v>
      </c>
      <c r="GA27" s="102">
        <v>0</v>
      </c>
      <c r="GB27" s="102">
        <v>0</v>
      </c>
      <c r="GC27" s="102">
        <v>0</v>
      </c>
      <c r="GD27" s="102">
        <v>0</v>
      </c>
      <c r="GE27" s="102">
        <v>0</v>
      </c>
      <c r="GF27" s="103">
        <v>0</v>
      </c>
      <c r="GG27" s="104">
        <v>0</v>
      </c>
      <c r="GH27" s="101">
        <v>7</v>
      </c>
      <c r="GI27" s="102">
        <v>5</v>
      </c>
      <c r="GJ27" s="103">
        <v>12</v>
      </c>
      <c r="GK27" s="413">
        <v>0</v>
      </c>
      <c r="GL27" s="102">
        <v>13</v>
      </c>
      <c r="GM27" s="102">
        <v>7</v>
      </c>
      <c r="GN27" s="102">
        <v>4</v>
      </c>
      <c r="GO27" s="102">
        <v>6</v>
      </c>
      <c r="GP27" s="102">
        <v>4</v>
      </c>
      <c r="GQ27" s="103">
        <v>34</v>
      </c>
      <c r="GR27" s="104">
        <v>46</v>
      </c>
      <c r="GS27" s="105">
        <v>36</v>
      </c>
      <c r="GT27" s="97">
        <v>23</v>
      </c>
      <c r="GU27" s="98">
        <v>59</v>
      </c>
      <c r="GV27" s="413">
        <v>0</v>
      </c>
      <c r="GW27" s="97">
        <v>45</v>
      </c>
      <c r="GX27" s="97">
        <v>30</v>
      </c>
      <c r="GY27" s="97">
        <v>14</v>
      </c>
      <c r="GZ27" s="97">
        <v>17</v>
      </c>
      <c r="HA27" s="97">
        <v>17</v>
      </c>
      <c r="HB27" s="99">
        <v>123</v>
      </c>
      <c r="HC27" s="100">
        <v>182</v>
      </c>
      <c r="HD27" s="101">
        <v>1</v>
      </c>
      <c r="HE27" s="102">
        <v>0</v>
      </c>
      <c r="HF27" s="103">
        <v>1</v>
      </c>
      <c r="HG27" s="413">
        <v>0</v>
      </c>
      <c r="HH27" s="102">
        <v>1</v>
      </c>
      <c r="HI27" s="102">
        <v>0</v>
      </c>
      <c r="HJ27" s="102">
        <v>0</v>
      </c>
      <c r="HK27" s="102">
        <v>0</v>
      </c>
      <c r="HL27" s="102">
        <v>0</v>
      </c>
      <c r="HM27" s="103">
        <v>1</v>
      </c>
      <c r="HN27" s="104">
        <v>2</v>
      </c>
      <c r="HO27" s="101">
        <v>0</v>
      </c>
      <c r="HP27" s="102">
        <v>1</v>
      </c>
      <c r="HQ27" s="103">
        <v>1</v>
      </c>
      <c r="HR27" s="413">
        <v>0</v>
      </c>
      <c r="HS27" s="102">
        <v>2</v>
      </c>
      <c r="HT27" s="102">
        <v>1</v>
      </c>
      <c r="HU27" s="102">
        <v>1</v>
      </c>
      <c r="HV27" s="102">
        <v>1</v>
      </c>
      <c r="HW27" s="102">
        <v>2</v>
      </c>
      <c r="HX27" s="103">
        <v>7</v>
      </c>
      <c r="HY27" s="104">
        <v>8</v>
      </c>
      <c r="HZ27" s="101">
        <v>2</v>
      </c>
      <c r="IA27" s="102">
        <v>0</v>
      </c>
      <c r="IB27" s="103">
        <v>2</v>
      </c>
      <c r="IC27" s="413">
        <v>0</v>
      </c>
      <c r="ID27" s="102">
        <v>6</v>
      </c>
      <c r="IE27" s="102">
        <v>2</v>
      </c>
      <c r="IF27" s="102">
        <v>1</v>
      </c>
      <c r="IG27" s="102">
        <v>0</v>
      </c>
      <c r="IH27" s="102">
        <v>1</v>
      </c>
      <c r="II27" s="103">
        <v>10</v>
      </c>
      <c r="IJ27" s="104">
        <v>12</v>
      </c>
      <c r="IK27" s="101">
        <v>11</v>
      </c>
      <c r="IL27" s="102">
        <v>4</v>
      </c>
      <c r="IM27" s="103">
        <v>15</v>
      </c>
      <c r="IN27" s="413">
        <v>0</v>
      </c>
      <c r="IO27" s="102">
        <v>12</v>
      </c>
      <c r="IP27" s="102">
        <v>5</v>
      </c>
      <c r="IQ27" s="102">
        <v>3</v>
      </c>
      <c r="IR27" s="102">
        <v>5</v>
      </c>
      <c r="IS27" s="102">
        <v>2</v>
      </c>
      <c r="IT27" s="103">
        <v>27</v>
      </c>
      <c r="IU27" s="104">
        <v>42</v>
      </c>
      <c r="IV27" s="101">
        <v>9</v>
      </c>
      <c r="IW27" s="102">
        <v>9</v>
      </c>
      <c r="IX27" s="103">
        <v>18</v>
      </c>
      <c r="IY27" s="413">
        <v>0</v>
      </c>
      <c r="IZ27" s="102">
        <v>17</v>
      </c>
      <c r="JA27" s="102">
        <v>11</v>
      </c>
      <c r="JB27" s="102">
        <v>3</v>
      </c>
      <c r="JC27" s="102">
        <v>0</v>
      </c>
      <c r="JD27" s="102">
        <v>5</v>
      </c>
      <c r="JE27" s="103">
        <v>36</v>
      </c>
      <c r="JF27" s="104">
        <v>54</v>
      </c>
      <c r="JG27" s="101">
        <v>13</v>
      </c>
      <c r="JH27" s="102">
        <v>9</v>
      </c>
      <c r="JI27" s="103">
        <v>22</v>
      </c>
      <c r="JJ27" s="413">
        <v>0</v>
      </c>
      <c r="JK27" s="102">
        <v>7</v>
      </c>
      <c r="JL27" s="102">
        <v>11</v>
      </c>
      <c r="JM27" s="102">
        <v>6</v>
      </c>
      <c r="JN27" s="102">
        <v>11</v>
      </c>
      <c r="JO27" s="102">
        <v>7</v>
      </c>
      <c r="JP27" s="103">
        <v>42</v>
      </c>
      <c r="JQ27" s="104">
        <v>64</v>
      </c>
      <c r="JR27" s="101">
        <v>0</v>
      </c>
      <c r="JS27" s="102">
        <v>0</v>
      </c>
      <c r="JT27" s="103">
        <v>0</v>
      </c>
      <c r="JU27" s="413">
        <v>0</v>
      </c>
      <c r="JV27" s="102">
        <v>0</v>
      </c>
      <c r="JW27" s="102">
        <v>0</v>
      </c>
      <c r="JX27" s="102">
        <v>0</v>
      </c>
      <c r="JY27" s="102">
        <v>0</v>
      </c>
      <c r="JZ27" s="102">
        <v>0</v>
      </c>
      <c r="KA27" s="103">
        <v>0</v>
      </c>
      <c r="KB27" s="104">
        <v>0</v>
      </c>
      <c r="KC27" s="101">
        <v>36</v>
      </c>
      <c r="KD27" s="102">
        <v>23</v>
      </c>
      <c r="KE27" s="103">
        <v>59</v>
      </c>
      <c r="KF27" s="413">
        <v>0</v>
      </c>
      <c r="KG27" s="102">
        <v>45</v>
      </c>
      <c r="KH27" s="102">
        <v>30</v>
      </c>
      <c r="KI27" s="102">
        <v>14</v>
      </c>
      <c r="KJ27" s="102">
        <v>17</v>
      </c>
      <c r="KK27" s="102">
        <v>17</v>
      </c>
      <c r="KL27" s="103">
        <v>123</v>
      </c>
      <c r="KM27" s="104">
        <v>182</v>
      </c>
    </row>
    <row r="28" spans="2:299" s="70" customFormat="1" ht="21" customHeight="1" x14ac:dyDescent="0.2">
      <c r="B28" s="106" t="s">
        <v>25</v>
      </c>
      <c r="C28" s="96">
        <v>10</v>
      </c>
      <c r="D28" s="97">
        <v>12</v>
      </c>
      <c r="E28" s="98">
        <v>22</v>
      </c>
      <c r="F28" s="413">
        <v>0</v>
      </c>
      <c r="G28" s="97">
        <v>8</v>
      </c>
      <c r="H28" s="97">
        <v>14</v>
      </c>
      <c r="I28" s="97">
        <v>11</v>
      </c>
      <c r="J28" s="97">
        <v>8</v>
      </c>
      <c r="K28" s="97">
        <v>8</v>
      </c>
      <c r="L28" s="99">
        <v>49</v>
      </c>
      <c r="M28" s="100">
        <v>71</v>
      </c>
      <c r="N28" s="101">
        <v>0</v>
      </c>
      <c r="O28" s="102">
        <v>1</v>
      </c>
      <c r="P28" s="103">
        <v>1</v>
      </c>
      <c r="Q28" s="413">
        <v>0</v>
      </c>
      <c r="R28" s="102">
        <v>0</v>
      </c>
      <c r="S28" s="102">
        <v>1</v>
      </c>
      <c r="T28" s="102">
        <v>1</v>
      </c>
      <c r="U28" s="102">
        <v>2</v>
      </c>
      <c r="V28" s="102">
        <v>0</v>
      </c>
      <c r="W28" s="103">
        <v>4</v>
      </c>
      <c r="X28" s="104">
        <v>5</v>
      </c>
      <c r="Y28" s="101">
        <v>2</v>
      </c>
      <c r="Z28" s="102">
        <v>2</v>
      </c>
      <c r="AA28" s="103">
        <v>4</v>
      </c>
      <c r="AB28" s="413">
        <v>0</v>
      </c>
      <c r="AC28" s="102">
        <v>0</v>
      </c>
      <c r="AD28" s="102">
        <v>1</v>
      </c>
      <c r="AE28" s="102">
        <v>2</v>
      </c>
      <c r="AF28" s="102">
        <v>0</v>
      </c>
      <c r="AG28" s="102">
        <v>1</v>
      </c>
      <c r="AH28" s="103">
        <v>4</v>
      </c>
      <c r="AI28" s="104">
        <v>8</v>
      </c>
      <c r="AJ28" s="101">
        <v>1</v>
      </c>
      <c r="AK28" s="102">
        <v>1</v>
      </c>
      <c r="AL28" s="103">
        <v>2</v>
      </c>
      <c r="AM28" s="413">
        <v>0</v>
      </c>
      <c r="AN28" s="102">
        <v>1</v>
      </c>
      <c r="AO28" s="102">
        <v>3</v>
      </c>
      <c r="AP28" s="102">
        <v>1</v>
      </c>
      <c r="AQ28" s="102">
        <v>3</v>
      </c>
      <c r="AR28" s="102">
        <v>0</v>
      </c>
      <c r="AS28" s="103">
        <v>8</v>
      </c>
      <c r="AT28" s="104">
        <v>10</v>
      </c>
      <c r="AU28" s="101">
        <v>2</v>
      </c>
      <c r="AV28" s="102">
        <v>4</v>
      </c>
      <c r="AW28" s="103">
        <v>6</v>
      </c>
      <c r="AX28" s="413">
        <v>0</v>
      </c>
      <c r="AY28" s="102">
        <v>5</v>
      </c>
      <c r="AZ28" s="102">
        <v>2</v>
      </c>
      <c r="BA28" s="102">
        <v>1</v>
      </c>
      <c r="BB28" s="102">
        <v>1</v>
      </c>
      <c r="BC28" s="102">
        <v>3</v>
      </c>
      <c r="BD28" s="103">
        <v>12</v>
      </c>
      <c r="BE28" s="104">
        <v>18</v>
      </c>
      <c r="BF28" s="101">
        <v>2</v>
      </c>
      <c r="BG28" s="102">
        <v>1</v>
      </c>
      <c r="BH28" s="103">
        <v>3</v>
      </c>
      <c r="BI28" s="413">
        <v>0</v>
      </c>
      <c r="BJ28" s="102">
        <v>1</v>
      </c>
      <c r="BK28" s="102">
        <v>2</v>
      </c>
      <c r="BL28" s="102">
        <v>3</v>
      </c>
      <c r="BM28" s="102">
        <v>1</v>
      </c>
      <c r="BN28" s="102">
        <v>0</v>
      </c>
      <c r="BO28" s="103">
        <v>7</v>
      </c>
      <c r="BP28" s="104">
        <v>10</v>
      </c>
      <c r="BQ28" s="101">
        <v>3</v>
      </c>
      <c r="BR28" s="102">
        <v>3</v>
      </c>
      <c r="BS28" s="103">
        <v>6</v>
      </c>
      <c r="BT28" s="413">
        <v>0</v>
      </c>
      <c r="BU28" s="102">
        <v>1</v>
      </c>
      <c r="BV28" s="102">
        <v>5</v>
      </c>
      <c r="BW28" s="102">
        <v>3</v>
      </c>
      <c r="BX28" s="102">
        <v>1</v>
      </c>
      <c r="BY28" s="102">
        <v>4</v>
      </c>
      <c r="BZ28" s="103">
        <v>14</v>
      </c>
      <c r="CA28" s="104">
        <v>20</v>
      </c>
      <c r="CB28" s="101">
        <v>0</v>
      </c>
      <c r="CC28" s="102">
        <v>0</v>
      </c>
      <c r="CD28" s="103">
        <v>0</v>
      </c>
      <c r="CE28" s="413">
        <v>0</v>
      </c>
      <c r="CF28" s="102">
        <v>0</v>
      </c>
      <c r="CG28" s="102">
        <v>0</v>
      </c>
      <c r="CH28" s="102">
        <v>0</v>
      </c>
      <c r="CI28" s="102">
        <v>0</v>
      </c>
      <c r="CJ28" s="102">
        <v>0</v>
      </c>
      <c r="CK28" s="103">
        <v>0</v>
      </c>
      <c r="CL28" s="104">
        <v>0</v>
      </c>
      <c r="CM28" s="101">
        <v>10</v>
      </c>
      <c r="CN28" s="102">
        <v>12</v>
      </c>
      <c r="CO28" s="103">
        <v>22</v>
      </c>
      <c r="CP28" s="413">
        <v>0</v>
      </c>
      <c r="CQ28" s="102">
        <v>8</v>
      </c>
      <c r="CR28" s="102">
        <v>14</v>
      </c>
      <c r="CS28" s="102">
        <v>11</v>
      </c>
      <c r="CT28" s="102">
        <v>8</v>
      </c>
      <c r="CU28" s="102">
        <v>8</v>
      </c>
      <c r="CV28" s="103">
        <v>49</v>
      </c>
      <c r="CW28" s="104">
        <v>71</v>
      </c>
      <c r="CX28" s="105">
        <v>4</v>
      </c>
      <c r="CY28" s="97">
        <v>15</v>
      </c>
      <c r="CZ28" s="98">
        <v>19</v>
      </c>
      <c r="DA28" s="413">
        <v>0</v>
      </c>
      <c r="DB28" s="97">
        <v>7</v>
      </c>
      <c r="DC28" s="97">
        <v>5</v>
      </c>
      <c r="DD28" s="97">
        <v>5</v>
      </c>
      <c r="DE28" s="97">
        <v>3</v>
      </c>
      <c r="DF28" s="97">
        <v>2</v>
      </c>
      <c r="DG28" s="99">
        <v>22</v>
      </c>
      <c r="DH28" s="100">
        <v>41</v>
      </c>
      <c r="DI28" s="101">
        <v>0</v>
      </c>
      <c r="DJ28" s="102">
        <v>0</v>
      </c>
      <c r="DK28" s="103">
        <v>0</v>
      </c>
      <c r="DL28" s="413">
        <v>0</v>
      </c>
      <c r="DM28" s="102">
        <v>0</v>
      </c>
      <c r="DN28" s="102">
        <v>0</v>
      </c>
      <c r="DO28" s="102">
        <v>0</v>
      </c>
      <c r="DP28" s="102">
        <v>0</v>
      </c>
      <c r="DQ28" s="102">
        <v>0</v>
      </c>
      <c r="DR28" s="103">
        <v>0</v>
      </c>
      <c r="DS28" s="104">
        <v>0</v>
      </c>
      <c r="DT28" s="101">
        <v>0</v>
      </c>
      <c r="DU28" s="102">
        <v>0</v>
      </c>
      <c r="DV28" s="103">
        <v>0</v>
      </c>
      <c r="DW28" s="413">
        <v>0</v>
      </c>
      <c r="DX28" s="102">
        <v>2</v>
      </c>
      <c r="DY28" s="102">
        <v>0</v>
      </c>
      <c r="DZ28" s="102">
        <v>0</v>
      </c>
      <c r="EA28" s="102">
        <v>0</v>
      </c>
      <c r="EB28" s="102">
        <v>1</v>
      </c>
      <c r="EC28" s="103">
        <v>3</v>
      </c>
      <c r="ED28" s="104">
        <v>3</v>
      </c>
      <c r="EE28" s="101">
        <v>1</v>
      </c>
      <c r="EF28" s="102">
        <v>1</v>
      </c>
      <c r="EG28" s="103">
        <v>2</v>
      </c>
      <c r="EH28" s="413">
        <v>0</v>
      </c>
      <c r="EI28" s="102">
        <v>0</v>
      </c>
      <c r="EJ28" s="102">
        <v>0</v>
      </c>
      <c r="EK28" s="102">
        <v>0</v>
      </c>
      <c r="EL28" s="102">
        <v>0</v>
      </c>
      <c r="EM28" s="102">
        <v>0</v>
      </c>
      <c r="EN28" s="103">
        <v>0</v>
      </c>
      <c r="EO28" s="104">
        <v>2</v>
      </c>
      <c r="EP28" s="101">
        <v>0</v>
      </c>
      <c r="EQ28" s="102">
        <v>3</v>
      </c>
      <c r="ER28" s="103">
        <v>3</v>
      </c>
      <c r="ES28" s="413">
        <v>0</v>
      </c>
      <c r="ET28" s="102">
        <v>0</v>
      </c>
      <c r="EU28" s="102">
        <v>2</v>
      </c>
      <c r="EV28" s="102">
        <v>1</v>
      </c>
      <c r="EW28" s="102">
        <v>0</v>
      </c>
      <c r="EX28" s="102">
        <v>0</v>
      </c>
      <c r="EY28" s="103">
        <v>3</v>
      </c>
      <c r="EZ28" s="104">
        <v>6</v>
      </c>
      <c r="FA28" s="101">
        <v>1</v>
      </c>
      <c r="FB28" s="102">
        <v>5</v>
      </c>
      <c r="FC28" s="103">
        <v>6</v>
      </c>
      <c r="FD28" s="413">
        <v>0</v>
      </c>
      <c r="FE28" s="102">
        <v>2</v>
      </c>
      <c r="FF28" s="102">
        <v>1</v>
      </c>
      <c r="FG28" s="102">
        <v>0</v>
      </c>
      <c r="FH28" s="102">
        <v>0</v>
      </c>
      <c r="FI28" s="102">
        <v>1</v>
      </c>
      <c r="FJ28" s="103">
        <v>4</v>
      </c>
      <c r="FK28" s="104">
        <v>10</v>
      </c>
      <c r="FL28" s="101">
        <v>2</v>
      </c>
      <c r="FM28" s="102">
        <v>6</v>
      </c>
      <c r="FN28" s="103">
        <v>8</v>
      </c>
      <c r="FO28" s="413">
        <v>0</v>
      </c>
      <c r="FP28" s="102">
        <v>3</v>
      </c>
      <c r="FQ28" s="102">
        <v>2</v>
      </c>
      <c r="FR28" s="102">
        <v>4</v>
      </c>
      <c r="FS28" s="102">
        <v>3</v>
      </c>
      <c r="FT28" s="102">
        <v>0</v>
      </c>
      <c r="FU28" s="103">
        <v>12</v>
      </c>
      <c r="FV28" s="104">
        <v>20</v>
      </c>
      <c r="FW28" s="101">
        <v>0</v>
      </c>
      <c r="FX28" s="102">
        <v>0</v>
      </c>
      <c r="FY28" s="103">
        <v>0</v>
      </c>
      <c r="FZ28" s="413">
        <v>0</v>
      </c>
      <c r="GA28" s="102">
        <v>0</v>
      </c>
      <c r="GB28" s="102">
        <v>0</v>
      </c>
      <c r="GC28" s="102">
        <v>0</v>
      </c>
      <c r="GD28" s="102">
        <v>0</v>
      </c>
      <c r="GE28" s="102">
        <v>0</v>
      </c>
      <c r="GF28" s="103">
        <v>0</v>
      </c>
      <c r="GG28" s="104">
        <v>0</v>
      </c>
      <c r="GH28" s="101">
        <v>4</v>
      </c>
      <c r="GI28" s="102">
        <v>15</v>
      </c>
      <c r="GJ28" s="103">
        <v>19</v>
      </c>
      <c r="GK28" s="413">
        <v>0</v>
      </c>
      <c r="GL28" s="102">
        <v>7</v>
      </c>
      <c r="GM28" s="102">
        <v>5</v>
      </c>
      <c r="GN28" s="102">
        <v>5</v>
      </c>
      <c r="GO28" s="102">
        <v>3</v>
      </c>
      <c r="GP28" s="102">
        <v>2</v>
      </c>
      <c r="GQ28" s="103">
        <v>22</v>
      </c>
      <c r="GR28" s="104">
        <v>41</v>
      </c>
      <c r="GS28" s="105">
        <v>14</v>
      </c>
      <c r="GT28" s="97">
        <v>27</v>
      </c>
      <c r="GU28" s="98">
        <v>41</v>
      </c>
      <c r="GV28" s="413">
        <v>0</v>
      </c>
      <c r="GW28" s="97">
        <v>15</v>
      </c>
      <c r="GX28" s="97">
        <v>19</v>
      </c>
      <c r="GY28" s="97">
        <v>16</v>
      </c>
      <c r="GZ28" s="97">
        <v>11</v>
      </c>
      <c r="HA28" s="97">
        <v>10</v>
      </c>
      <c r="HB28" s="99">
        <v>71</v>
      </c>
      <c r="HC28" s="100">
        <v>112</v>
      </c>
      <c r="HD28" s="101">
        <v>0</v>
      </c>
      <c r="HE28" s="102">
        <v>1</v>
      </c>
      <c r="HF28" s="103">
        <v>1</v>
      </c>
      <c r="HG28" s="413">
        <v>0</v>
      </c>
      <c r="HH28" s="102">
        <v>0</v>
      </c>
      <c r="HI28" s="102">
        <v>1</v>
      </c>
      <c r="HJ28" s="102">
        <v>1</v>
      </c>
      <c r="HK28" s="102">
        <v>2</v>
      </c>
      <c r="HL28" s="102">
        <v>0</v>
      </c>
      <c r="HM28" s="103">
        <v>4</v>
      </c>
      <c r="HN28" s="104">
        <v>5</v>
      </c>
      <c r="HO28" s="101">
        <v>2</v>
      </c>
      <c r="HP28" s="102">
        <v>2</v>
      </c>
      <c r="HQ28" s="103">
        <v>4</v>
      </c>
      <c r="HR28" s="413">
        <v>0</v>
      </c>
      <c r="HS28" s="102">
        <v>2</v>
      </c>
      <c r="HT28" s="102">
        <v>1</v>
      </c>
      <c r="HU28" s="102">
        <v>2</v>
      </c>
      <c r="HV28" s="102">
        <v>0</v>
      </c>
      <c r="HW28" s="102">
        <v>2</v>
      </c>
      <c r="HX28" s="103">
        <v>7</v>
      </c>
      <c r="HY28" s="104">
        <v>11</v>
      </c>
      <c r="HZ28" s="101">
        <v>2</v>
      </c>
      <c r="IA28" s="102">
        <v>2</v>
      </c>
      <c r="IB28" s="103">
        <v>4</v>
      </c>
      <c r="IC28" s="413">
        <v>0</v>
      </c>
      <c r="ID28" s="102">
        <v>1</v>
      </c>
      <c r="IE28" s="102">
        <v>3</v>
      </c>
      <c r="IF28" s="102">
        <v>1</v>
      </c>
      <c r="IG28" s="102">
        <v>3</v>
      </c>
      <c r="IH28" s="102">
        <v>0</v>
      </c>
      <c r="II28" s="103">
        <v>8</v>
      </c>
      <c r="IJ28" s="104">
        <v>12</v>
      </c>
      <c r="IK28" s="101">
        <v>2</v>
      </c>
      <c r="IL28" s="102">
        <v>7</v>
      </c>
      <c r="IM28" s="103">
        <v>9</v>
      </c>
      <c r="IN28" s="413">
        <v>0</v>
      </c>
      <c r="IO28" s="102">
        <v>5</v>
      </c>
      <c r="IP28" s="102">
        <v>4</v>
      </c>
      <c r="IQ28" s="102">
        <v>2</v>
      </c>
      <c r="IR28" s="102">
        <v>1</v>
      </c>
      <c r="IS28" s="102">
        <v>3</v>
      </c>
      <c r="IT28" s="103">
        <v>15</v>
      </c>
      <c r="IU28" s="104">
        <v>24</v>
      </c>
      <c r="IV28" s="101">
        <v>3</v>
      </c>
      <c r="IW28" s="102">
        <v>6</v>
      </c>
      <c r="IX28" s="103">
        <v>9</v>
      </c>
      <c r="IY28" s="413">
        <v>0</v>
      </c>
      <c r="IZ28" s="102">
        <v>3</v>
      </c>
      <c r="JA28" s="102">
        <v>3</v>
      </c>
      <c r="JB28" s="102">
        <v>3</v>
      </c>
      <c r="JC28" s="102">
        <v>1</v>
      </c>
      <c r="JD28" s="102">
        <v>1</v>
      </c>
      <c r="JE28" s="103">
        <v>11</v>
      </c>
      <c r="JF28" s="104">
        <v>20</v>
      </c>
      <c r="JG28" s="101">
        <v>5</v>
      </c>
      <c r="JH28" s="102">
        <v>9</v>
      </c>
      <c r="JI28" s="103">
        <v>14</v>
      </c>
      <c r="JJ28" s="413">
        <v>0</v>
      </c>
      <c r="JK28" s="102">
        <v>4</v>
      </c>
      <c r="JL28" s="102">
        <v>7</v>
      </c>
      <c r="JM28" s="102">
        <v>7</v>
      </c>
      <c r="JN28" s="102">
        <v>4</v>
      </c>
      <c r="JO28" s="102">
        <v>4</v>
      </c>
      <c r="JP28" s="103">
        <v>26</v>
      </c>
      <c r="JQ28" s="104">
        <v>40</v>
      </c>
      <c r="JR28" s="101">
        <v>0</v>
      </c>
      <c r="JS28" s="102">
        <v>0</v>
      </c>
      <c r="JT28" s="103">
        <v>0</v>
      </c>
      <c r="JU28" s="413">
        <v>0</v>
      </c>
      <c r="JV28" s="102">
        <v>0</v>
      </c>
      <c r="JW28" s="102">
        <v>0</v>
      </c>
      <c r="JX28" s="102">
        <v>0</v>
      </c>
      <c r="JY28" s="102">
        <v>0</v>
      </c>
      <c r="JZ28" s="102">
        <v>0</v>
      </c>
      <c r="KA28" s="103">
        <v>0</v>
      </c>
      <c r="KB28" s="104">
        <v>0</v>
      </c>
      <c r="KC28" s="101">
        <v>14</v>
      </c>
      <c r="KD28" s="102">
        <v>27</v>
      </c>
      <c r="KE28" s="103">
        <v>41</v>
      </c>
      <c r="KF28" s="413">
        <v>0</v>
      </c>
      <c r="KG28" s="102">
        <v>15</v>
      </c>
      <c r="KH28" s="102">
        <v>19</v>
      </c>
      <c r="KI28" s="102">
        <v>16</v>
      </c>
      <c r="KJ28" s="102">
        <v>11</v>
      </c>
      <c r="KK28" s="102">
        <v>10</v>
      </c>
      <c r="KL28" s="103">
        <v>71</v>
      </c>
      <c r="KM28" s="104">
        <v>112</v>
      </c>
    </row>
    <row r="29" spans="2:299" s="70" customFormat="1" ht="21" customHeight="1" x14ac:dyDescent="0.2">
      <c r="B29" s="106" t="s">
        <v>26</v>
      </c>
      <c r="C29" s="96">
        <v>15</v>
      </c>
      <c r="D29" s="97">
        <v>10</v>
      </c>
      <c r="E29" s="98">
        <v>25</v>
      </c>
      <c r="F29" s="413">
        <v>0</v>
      </c>
      <c r="G29" s="97">
        <v>20</v>
      </c>
      <c r="H29" s="97">
        <v>19</v>
      </c>
      <c r="I29" s="97">
        <v>10</v>
      </c>
      <c r="J29" s="97">
        <v>5</v>
      </c>
      <c r="K29" s="97">
        <v>6</v>
      </c>
      <c r="L29" s="99">
        <v>60</v>
      </c>
      <c r="M29" s="100">
        <v>85</v>
      </c>
      <c r="N29" s="101">
        <v>0</v>
      </c>
      <c r="O29" s="102">
        <v>0</v>
      </c>
      <c r="P29" s="103">
        <v>0</v>
      </c>
      <c r="Q29" s="413">
        <v>0</v>
      </c>
      <c r="R29" s="102">
        <v>0</v>
      </c>
      <c r="S29" s="102">
        <v>0</v>
      </c>
      <c r="T29" s="102">
        <v>0</v>
      </c>
      <c r="U29" s="102">
        <v>0</v>
      </c>
      <c r="V29" s="102">
        <v>0</v>
      </c>
      <c r="W29" s="103">
        <v>0</v>
      </c>
      <c r="X29" s="104">
        <v>0</v>
      </c>
      <c r="Y29" s="101">
        <v>2</v>
      </c>
      <c r="Z29" s="102">
        <v>0</v>
      </c>
      <c r="AA29" s="103">
        <v>2</v>
      </c>
      <c r="AB29" s="413">
        <v>0</v>
      </c>
      <c r="AC29" s="102">
        <v>2</v>
      </c>
      <c r="AD29" s="102">
        <v>2</v>
      </c>
      <c r="AE29" s="102">
        <v>0</v>
      </c>
      <c r="AF29" s="102">
        <v>0</v>
      </c>
      <c r="AG29" s="102">
        <v>0</v>
      </c>
      <c r="AH29" s="103">
        <v>4</v>
      </c>
      <c r="AI29" s="104">
        <v>6</v>
      </c>
      <c r="AJ29" s="101">
        <v>2</v>
      </c>
      <c r="AK29" s="102">
        <v>2</v>
      </c>
      <c r="AL29" s="103">
        <v>4</v>
      </c>
      <c r="AM29" s="413">
        <v>0</v>
      </c>
      <c r="AN29" s="102">
        <v>2</v>
      </c>
      <c r="AO29" s="102">
        <v>4</v>
      </c>
      <c r="AP29" s="102">
        <v>0</v>
      </c>
      <c r="AQ29" s="102">
        <v>0</v>
      </c>
      <c r="AR29" s="102">
        <v>1</v>
      </c>
      <c r="AS29" s="103">
        <v>7</v>
      </c>
      <c r="AT29" s="104">
        <v>11</v>
      </c>
      <c r="AU29" s="101">
        <v>2</v>
      </c>
      <c r="AV29" s="102">
        <v>4</v>
      </c>
      <c r="AW29" s="103">
        <v>6</v>
      </c>
      <c r="AX29" s="413">
        <v>0</v>
      </c>
      <c r="AY29" s="102">
        <v>3</v>
      </c>
      <c r="AZ29" s="102">
        <v>4</v>
      </c>
      <c r="BA29" s="102">
        <v>3</v>
      </c>
      <c r="BB29" s="102">
        <v>1</v>
      </c>
      <c r="BC29" s="102">
        <v>2</v>
      </c>
      <c r="BD29" s="103">
        <v>13</v>
      </c>
      <c r="BE29" s="104">
        <v>19</v>
      </c>
      <c r="BF29" s="101">
        <v>5</v>
      </c>
      <c r="BG29" s="102">
        <v>1</v>
      </c>
      <c r="BH29" s="103">
        <v>6</v>
      </c>
      <c r="BI29" s="413">
        <v>0</v>
      </c>
      <c r="BJ29" s="102">
        <v>6</v>
      </c>
      <c r="BK29" s="102">
        <v>5</v>
      </c>
      <c r="BL29" s="102">
        <v>4</v>
      </c>
      <c r="BM29" s="102">
        <v>2</v>
      </c>
      <c r="BN29" s="102">
        <v>1</v>
      </c>
      <c r="BO29" s="103">
        <v>18</v>
      </c>
      <c r="BP29" s="104">
        <v>24</v>
      </c>
      <c r="BQ29" s="101">
        <v>4</v>
      </c>
      <c r="BR29" s="102">
        <v>3</v>
      </c>
      <c r="BS29" s="103">
        <v>7</v>
      </c>
      <c r="BT29" s="413">
        <v>0</v>
      </c>
      <c r="BU29" s="102">
        <v>7</v>
      </c>
      <c r="BV29" s="102">
        <v>4</v>
      </c>
      <c r="BW29" s="102">
        <v>3</v>
      </c>
      <c r="BX29" s="102">
        <v>2</v>
      </c>
      <c r="BY29" s="102">
        <v>2</v>
      </c>
      <c r="BZ29" s="103">
        <v>18</v>
      </c>
      <c r="CA29" s="104">
        <v>25</v>
      </c>
      <c r="CB29" s="101">
        <v>0</v>
      </c>
      <c r="CC29" s="102">
        <v>0</v>
      </c>
      <c r="CD29" s="103">
        <v>0</v>
      </c>
      <c r="CE29" s="413">
        <v>0</v>
      </c>
      <c r="CF29" s="102">
        <v>0</v>
      </c>
      <c r="CG29" s="102">
        <v>0</v>
      </c>
      <c r="CH29" s="102">
        <v>0</v>
      </c>
      <c r="CI29" s="102">
        <v>0</v>
      </c>
      <c r="CJ29" s="102">
        <v>0</v>
      </c>
      <c r="CK29" s="103">
        <v>0</v>
      </c>
      <c r="CL29" s="104">
        <v>0</v>
      </c>
      <c r="CM29" s="101">
        <v>15</v>
      </c>
      <c r="CN29" s="102">
        <v>10</v>
      </c>
      <c r="CO29" s="103">
        <v>25</v>
      </c>
      <c r="CP29" s="413">
        <v>0</v>
      </c>
      <c r="CQ29" s="102">
        <v>20</v>
      </c>
      <c r="CR29" s="102">
        <v>19</v>
      </c>
      <c r="CS29" s="102">
        <v>10</v>
      </c>
      <c r="CT29" s="102">
        <v>5</v>
      </c>
      <c r="CU29" s="102">
        <v>6</v>
      </c>
      <c r="CV29" s="103">
        <v>60</v>
      </c>
      <c r="CW29" s="104">
        <v>85</v>
      </c>
      <c r="CX29" s="105">
        <v>2</v>
      </c>
      <c r="CY29" s="97">
        <v>6</v>
      </c>
      <c r="CZ29" s="98">
        <v>8</v>
      </c>
      <c r="DA29" s="413">
        <v>0</v>
      </c>
      <c r="DB29" s="97">
        <v>6</v>
      </c>
      <c r="DC29" s="97">
        <v>5</v>
      </c>
      <c r="DD29" s="97">
        <v>5</v>
      </c>
      <c r="DE29" s="97">
        <v>2</v>
      </c>
      <c r="DF29" s="97">
        <v>2</v>
      </c>
      <c r="DG29" s="99">
        <v>20</v>
      </c>
      <c r="DH29" s="100">
        <v>28</v>
      </c>
      <c r="DI29" s="101">
        <v>0</v>
      </c>
      <c r="DJ29" s="102">
        <v>0</v>
      </c>
      <c r="DK29" s="103">
        <v>0</v>
      </c>
      <c r="DL29" s="413">
        <v>0</v>
      </c>
      <c r="DM29" s="102">
        <v>0</v>
      </c>
      <c r="DN29" s="102">
        <v>0</v>
      </c>
      <c r="DO29" s="102">
        <v>0</v>
      </c>
      <c r="DP29" s="102">
        <v>0</v>
      </c>
      <c r="DQ29" s="102">
        <v>0</v>
      </c>
      <c r="DR29" s="103">
        <v>0</v>
      </c>
      <c r="DS29" s="104">
        <v>0</v>
      </c>
      <c r="DT29" s="101">
        <v>0</v>
      </c>
      <c r="DU29" s="102">
        <v>0</v>
      </c>
      <c r="DV29" s="103">
        <v>0</v>
      </c>
      <c r="DW29" s="413">
        <v>0</v>
      </c>
      <c r="DX29" s="102">
        <v>0</v>
      </c>
      <c r="DY29" s="102">
        <v>0</v>
      </c>
      <c r="DZ29" s="102">
        <v>0</v>
      </c>
      <c r="EA29" s="102">
        <v>0</v>
      </c>
      <c r="EB29" s="102">
        <v>1</v>
      </c>
      <c r="EC29" s="103">
        <v>1</v>
      </c>
      <c r="ED29" s="104">
        <v>1</v>
      </c>
      <c r="EE29" s="101">
        <v>0</v>
      </c>
      <c r="EF29" s="102">
        <v>3</v>
      </c>
      <c r="EG29" s="103">
        <v>3</v>
      </c>
      <c r="EH29" s="413">
        <v>0</v>
      </c>
      <c r="EI29" s="102">
        <v>0</v>
      </c>
      <c r="EJ29" s="102">
        <v>0</v>
      </c>
      <c r="EK29" s="102">
        <v>1</v>
      </c>
      <c r="EL29" s="102">
        <v>0</v>
      </c>
      <c r="EM29" s="102">
        <v>0</v>
      </c>
      <c r="EN29" s="103">
        <v>1</v>
      </c>
      <c r="EO29" s="104">
        <v>4</v>
      </c>
      <c r="EP29" s="101">
        <v>1</v>
      </c>
      <c r="EQ29" s="102">
        <v>1</v>
      </c>
      <c r="ER29" s="103">
        <v>2</v>
      </c>
      <c r="ES29" s="413">
        <v>0</v>
      </c>
      <c r="ET29" s="102">
        <v>2</v>
      </c>
      <c r="EU29" s="102">
        <v>1</v>
      </c>
      <c r="EV29" s="102">
        <v>0</v>
      </c>
      <c r="EW29" s="102">
        <v>0</v>
      </c>
      <c r="EX29" s="102">
        <v>0</v>
      </c>
      <c r="EY29" s="103">
        <v>3</v>
      </c>
      <c r="EZ29" s="104">
        <v>5</v>
      </c>
      <c r="FA29" s="101">
        <v>1</v>
      </c>
      <c r="FB29" s="102">
        <v>0</v>
      </c>
      <c r="FC29" s="103">
        <v>1</v>
      </c>
      <c r="FD29" s="413">
        <v>0</v>
      </c>
      <c r="FE29" s="102">
        <v>2</v>
      </c>
      <c r="FF29" s="102">
        <v>2</v>
      </c>
      <c r="FG29" s="102">
        <v>1</v>
      </c>
      <c r="FH29" s="102">
        <v>1</v>
      </c>
      <c r="FI29" s="102">
        <v>0</v>
      </c>
      <c r="FJ29" s="103">
        <v>6</v>
      </c>
      <c r="FK29" s="104">
        <v>7</v>
      </c>
      <c r="FL29" s="101">
        <v>0</v>
      </c>
      <c r="FM29" s="102">
        <v>2</v>
      </c>
      <c r="FN29" s="103">
        <v>2</v>
      </c>
      <c r="FO29" s="413">
        <v>0</v>
      </c>
      <c r="FP29" s="102">
        <v>2</v>
      </c>
      <c r="FQ29" s="102">
        <v>2</v>
      </c>
      <c r="FR29" s="102">
        <v>3</v>
      </c>
      <c r="FS29" s="102">
        <v>1</v>
      </c>
      <c r="FT29" s="102">
        <v>1</v>
      </c>
      <c r="FU29" s="103">
        <v>9</v>
      </c>
      <c r="FV29" s="104">
        <v>11</v>
      </c>
      <c r="FW29" s="101">
        <v>0</v>
      </c>
      <c r="FX29" s="102">
        <v>0</v>
      </c>
      <c r="FY29" s="103">
        <v>0</v>
      </c>
      <c r="FZ29" s="413">
        <v>0</v>
      </c>
      <c r="GA29" s="102">
        <v>0</v>
      </c>
      <c r="GB29" s="102">
        <v>0</v>
      </c>
      <c r="GC29" s="102">
        <v>0</v>
      </c>
      <c r="GD29" s="102">
        <v>0</v>
      </c>
      <c r="GE29" s="102">
        <v>0</v>
      </c>
      <c r="GF29" s="103">
        <v>0</v>
      </c>
      <c r="GG29" s="104">
        <v>0</v>
      </c>
      <c r="GH29" s="101">
        <v>2</v>
      </c>
      <c r="GI29" s="102">
        <v>6</v>
      </c>
      <c r="GJ29" s="103">
        <v>8</v>
      </c>
      <c r="GK29" s="413">
        <v>0</v>
      </c>
      <c r="GL29" s="102">
        <v>6</v>
      </c>
      <c r="GM29" s="102">
        <v>5</v>
      </c>
      <c r="GN29" s="102">
        <v>5</v>
      </c>
      <c r="GO29" s="102">
        <v>2</v>
      </c>
      <c r="GP29" s="102">
        <v>2</v>
      </c>
      <c r="GQ29" s="103">
        <v>20</v>
      </c>
      <c r="GR29" s="104">
        <v>28</v>
      </c>
      <c r="GS29" s="105">
        <v>17</v>
      </c>
      <c r="GT29" s="97">
        <v>16</v>
      </c>
      <c r="GU29" s="98">
        <v>33</v>
      </c>
      <c r="GV29" s="413">
        <v>0</v>
      </c>
      <c r="GW29" s="97">
        <v>26</v>
      </c>
      <c r="GX29" s="97">
        <v>24</v>
      </c>
      <c r="GY29" s="97">
        <v>15</v>
      </c>
      <c r="GZ29" s="97">
        <v>7</v>
      </c>
      <c r="HA29" s="97">
        <v>8</v>
      </c>
      <c r="HB29" s="99">
        <v>80</v>
      </c>
      <c r="HC29" s="100">
        <v>113</v>
      </c>
      <c r="HD29" s="101">
        <v>0</v>
      </c>
      <c r="HE29" s="102">
        <v>0</v>
      </c>
      <c r="HF29" s="103">
        <v>0</v>
      </c>
      <c r="HG29" s="413">
        <v>0</v>
      </c>
      <c r="HH29" s="102">
        <v>0</v>
      </c>
      <c r="HI29" s="102">
        <v>0</v>
      </c>
      <c r="HJ29" s="102">
        <v>0</v>
      </c>
      <c r="HK29" s="102">
        <v>0</v>
      </c>
      <c r="HL29" s="102">
        <v>0</v>
      </c>
      <c r="HM29" s="103">
        <v>0</v>
      </c>
      <c r="HN29" s="104">
        <v>0</v>
      </c>
      <c r="HO29" s="101">
        <v>2</v>
      </c>
      <c r="HP29" s="102">
        <v>0</v>
      </c>
      <c r="HQ29" s="103">
        <v>2</v>
      </c>
      <c r="HR29" s="413">
        <v>0</v>
      </c>
      <c r="HS29" s="102">
        <v>2</v>
      </c>
      <c r="HT29" s="102">
        <v>2</v>
      </c>
      <c r="HU29" s="102">
        <v>0</v>
      </c>
      <c r="HV29" s="102">
        <v>0</v>
      </c>
      <c r="HW29" s="102">
        <v>1</v>
      </c>
      <c r="HX29" s="103">
        <v>5</v>
      </c>
      <c r="HY29" s="104">
        <v>7</v>
      </c>
      <c r="HZ29" s="101">
        <v>2</v>
      </c>
      <c r="IA29" s="102">
        <v>5</v>
      </c>
      <c r="IB29" s="103">
        <v>7</v>
      </c>
      <c r="IC29" s="413">
        <v>0</v>
      </c>
      <c r="ID29" s="102">
        <v>2</v>
      </c>
      <c r="IE29" s="102">
        <v>4</v>
      </c>
      <c r="IF29" s="102">
        <v>1</v>
      </c>
      <c r="IG29" s="102">
        <v>0</v>
      </c>
      <c r="IH29" s="102">
        <v>1</v>
      </c>
      <c r="II29" s="103">
        <v>8</v>
      </c>
      <c r="IJ29" s="104">
        <v>15</v>
      </c>
      <c r="IK29" s="101">
        <v>3</v>
      </c>
      <c r="IL29" s="102">
        <v>5</v>
      </c>
      <c r="IM29" s="103">
        <v>8</v>
      </c>
      <c r="IN29" s="413">
        <v>0</v>
      </c>
      <c r="IO29" s="102">
        <v>5</v>
      </c>
      <c r="IP29" s="102">
        <v>5</v>
      </c>
      <c r="IQ29" s="102">
        <v>3</v>
      </c>
      <c r="IR29" s="102">
        <v>1</v>
      </c>
      <c r="IS29" s="102">
        <v>2</v>
      </c>
      <c r="IT29" s="103">
        <v>16</v>
      </c>
      <c r="IU29" s="104">
        <v>24</v>
      </c>
      <c r="IV29" s="101">
        <v>6</v>
      </c>
      <c r="IW29" s="102">
        <v>1</v>
      </c>
      <c r="IX29" s="103">
        <v>7</v>
      </c>
      <c r="IY29" s="413">
        <v>0</v>
      </c>
      <c r="IZ29" s="102">
        <v>8</v>
      </c>
      <c r="JA29" s="102">
        <v>7</v>
      </c>
      <c r="JB29" s="102">
        <v>5</v>
      </c>
      <c r="JC29" s="102">
        <v>3</v>
      </c>
      <c r="JD29" s="102">
        <v>1</v>
      </c>
      <c r="JE29" s="103">
        <v>24</v>
      </c>
      <c r="JF29" s="104">
        <v>31</v>
      </c>
      <c r="JG29" s="101">
        <v>4</v>
      </c>
      <c r="JH29" s="102">
        <v>5</v>
      </c>
      <c r="JI29" s="103">
        <v>9</v>
      </c>
      <c r="JJ29" s="413">
        <v>0</v>
      </c>
      <c r="JK29" s="102">
        <v>9</v>
      </c>
      <c r="JL29" s="102">
        <v>6</v>
      </c>
      <c r="JM29" s="102">
        <v>6</v>
      </c>
      <c r="JN29" s="102">
        <v>3</v>
      </c>
      <c r="JO29" s="102">
        <v>3</v>
      </c>
      <c r="JP29" s="103">
        <v>27</v>
      </c>
      <c r="JQ29" s="104">
        <v>36</v>
      </c>
      <c r="JR29" s="101">
        <v>0</v>
      </c>
      <c r="JS29" s="102">
        <v>0</v>
      </c>
      <c r="JT29" s="103">
        <v>0</v>
      </c>
      <c r="JU29" s="413">
        <v>0</v>
      </c>
      <c r="JV29" s="102">
        <v>0</v>
      </c>
      <c r="JW29" s="102">
        <v>0</v>
      </c>
      <c r="JX29" s="102">
        <v>0</v>
      </c>
      <c r="JY29" s="102">
        <v>0</v>
      </c>
      <c r="JZ29" s="102">
        <v>0</v>
      </c>
      <c r="KA29" s="103">
        <v>0</v>
      </c>
      <c r="KB29" s="104">
        <v>0</v>
      </c>
      <c r="KC29" s="101">
        <v>17</v>
      </c>
      <c r="KD29" s="102">
        <v>16</v>
      </c>
      <c r="KE29" s="103">
        <v>33</v>
      </c>
      <c r="KF29" s="413">
        <v>0</v>
      </c>
      <c r="KG29" s="102">
        <v>26</v>
      </c>
      <c r="KH29" s="102">
        <v>24</v>
      </c>
      <c r="KI29" s="102">
        <v>15</v>
      </c>
      <c r="KJ29" s="102">
        <v>7</v>
      </c>
      <c r="KK29" s="102">
        <v>8</v>
      </c>
      <c r="KL29" s="103">
        <v>80</v>
      </c>
      <c r="KM29" s="104">
        <v>113</v>
      </c>
    </row>
    <row r="30" spans="2:299" s="70" customFormat="1" ht="21" customHeight="1" x14ac:dyDescent="0.2">
      <c r="B30" s="106" t="s">
        <v>27</v>
      </c>
      <c r="C30" s="96">
        <v>14</v>
      </c>
      <c r="D30" s="97">
        <v>25</v>
      </c>
      <c r="E30" s="98">
        <v>39</v>
      </c>
      <c r="F30" s="413">
        <v>0</v>
      </c>
      <c r="G30" s="97">
        <v>14</v>
      </c>
      <c r="H30" s="97">
        <v>13</v>
      </c>
      <c r="I30" s="97">
        <v>8</v>
      </c>
      <c r="J30" s="97">
        <v>10</v>
      </c>
      <c r="K30" s="97">
        <v>7</v>
      </c>
      <c r="L30" s="99">
        <v>52</v>
      </c>
      <c r="M30" s="100">
        <v>91</v>
      </c>
      <c r="N30" s="101">
        <v>0</v>
      </c>
      <c r="O30" s="102">
        <v>2</v>
      </c>
      <c r="P30" s="103">
        <v>2</v>
      </c>
      <c r="Q30" s="413">
        <v>0</v>
      </c>
      <c r="R30" s="102">
        <v>0</v>
      </c>
      <c r="S30" s="102">
        <v>0</v>
      </c>
      <c r="T30" s="102">
        <v>0</v>
      </c>
      <c r="U30" s="102">
        <v>1</v>
      </c>
      <c r="V30" s="102">
        <v>0</v>
      </c>
      <c r="W30" s="103">
        <v>1</v>
      </c>
      <c r="X30" s="104">
        <v>3</v>
      </c>
      <c r="Y30" s="101">
        <v>0</v>
      </c>
      <c r="Z30" s="102">
        <v>3</v>
      </c>
      <c r="AA30" s="103">
        <v>3</v>
      </c>
      <c r="AB30" s="413">
        <v>0</v>
      </c>
      <c r="AC30" s="102">
        <v>0</v>
      </c>
      <c r="AD30" s="102">
        <v>1</v>
      </c>
      <c r="AE30" s="102">
        <v>1</v>
      </c>
      <c r="AF30" s="102">
        <v>0</v>
      </c>
      <c r="AG30" s="102">
        <v>2</v>
      </c>
      <c r="AH30" s="103">
        <v>4</v>
      </c>
      <c r="AI30" s="104">
        <v>7</v>
      </c>
      <c r="AJ30" s="101">
        <v>0</v>
      </c>
      <c r="AK30" s="102">
        <v>5</v>
      </c>
      <c r="AL30" s="103">
        <v>5</v>
      </c>
      <c r="AM30" s="413">
        <v>0</v>
      </c>
      <c r="AN30" s="102">
        <v>1</v>
      </c>
      <c r="AO30" s="102">
        <v>1</v>
      </c>
      <c r="AP30" s="102">
        <v>0</v>
      </c>
      <c r="AQ30" s="102">
        <v>1</v>
      </c>
      <c r="AR30" s="102">
        <v>0</v>
      </c>
      <c r="AS30" s="103">
        <v>3</v>
      </c>
      <c r="AT30" s="104">
        <v>8</v>
      </c>
      <c r="AU30" s="101">
        <v>5</v>
      </c>
      <c r="AV30" s="102">
        <v>6</v>
      </c>
      <c r="AW30" s="103">
        <v>11</v>
      </c>
      <c r="AX30" s="413">
        <v>0</v>
      </c>
      <c r="AY30" s="102">
        <v>3</v>
      </c>
      <c r="AZ30" s="102">
        <v>4</v>
      </c>
      <c r="BA30" s="102">
        <v>3</v>
      </c>
      <c r="BB30" s="102">
        <v>2</v>
      </c>
      <c r="BC30" s="102">
        <v>2</v>
      </c>
      <c r="BD30" s="103">
        <v>14</v>
      </c>
      <c r="BE30" s="104">
        <v>25</v>
      </c>
      <c r="BF30" s="101">
        <v>5</v>
      </c>
      <c r="BG30" s="102">
        <v>4</v>
      </c>
      <c r="BH30" s="103">
        <v>9</v>
      </c>
      <c r="BI30" s="413">
        <v>0</v>
      </c>
      <c r="BJ30" s="102">
        <v>5</v>
      </c>
      <c r="BK30" s="102">
        <v>3</v>
      </c>
      <c r="BL30" s="102">
        <v>2</v>
      </c>
      <c r="BM30" s="102">
        <v>2</v>
      </c>
      <c r="BN30" s="102">
        <v>1</v>
      </c>
      <c r="BO30" s="103">
        <v>13</v>
      </c>
      <c r="BP30" s="104">
        <v>22</v>
      </c>
      <c r="BQ30" s="101">
        <v>4</v>
      </c>
      <c r="BR30" s="102">
        <v>5</v>
      </c>
      <c r="BS30" s="103">
        <v>9</v>
      </c>
      <c r="BT30" s="413">
        <v>0</v>
      </c>
      <c r="BU30" s="102">
        <v>5</v>
      </c>
      <c r="BV30" s="102">
        <v>4</v>
      </c>
      <c r="BW30" s="102">
        <v>2</v>
      </c>
      <c r="BX30" s="102">
        <v>4</v>
      </c>
      <c r="BY30" s="102">
        <v>2</v>
      </c>
      <c r="BZ30" s="103">
        <v>17</v>
      </c>
      <c r="CA30" s="104">
        <v>26</v>
      </c>
      <c r="CB30" s="101">
        <v>0</v>
      </c>
      <c r="CC30" s="102">
        <v>0</v>
      </c>
      <c r="CD30" s="103">
        <v>0</v>
      </c>
      <c r="CE30" s="413">
        <v>0</v>
      </c>
      <c r="CF30" s="102">
        <v>0</v>
      </c>
      <c r="CG30" s="102">
        <v>0</v>
      </c>
      <c r="CH30" s="102">
        <v>0</v>
      </c>
      <c r="CI30" s="102">
        <v>0</v>
      </c>
      <c r="CJ30" s="102">
        <v>0</v>
      </c>
      <c r="CK30" s="103">
        <v>0</v>
      </c>
      <c r="CL30" s="104">
        <v>0</v>
      </c>
      <c r="CM30" s="101">
        <v>14</v>
      </c>
      <c r="CN30" s="102">
        <v>25</v>
      </c>
      <c r="CO30" s="103">
        <v>39</v>
      </c>
      <c r="CP30" s="413">
        <v>0</v>
      </c>
      <c r="CQ30" s="102">
        <v>14</v>
      </c>
      <c r="CR30" s="102">
        <v>13</v>
      </c>
      <c r="CS30" s="102">
        <v>8</v>
      </c>
      <c r="CT30" s="102">
        <v>10</v>
      </c>
      <c r="CU30" s="102">
        <v>7</v>
      </c>
      <c r="CV30" s="103">
        <v>52</v>
      </c>
      <c r="CW30" s="104">
        <v>91</v>
      </c>
      <c r="CX30" s="105">
        <v>5</v>
      </c>
      <c r="CY30" s="97">
        <v>2</v>
      </c>
      <c r="CZ30" s="98">
        <v>7</v>
      </c>
      <c r="DA30" s="413">
        <v>0</v>
      </c>
      <c r="DB30" s="97">
        <v>7</v>
      </c>
      <c r="DC30" s="97">
        <v>3</v>
      </c>
      <c r="DD30" s="97">
        <v>5</v>
      </c>
      <c r="DE30" s="97">
        <v>2</v>
      </c>
      <c r="DF30" s="97">
        <v>2</v>
      </c>
      <c r="DG30" s="99">
        <v>19</v>
      </c>
      <c r="DH30" s="100">
        <v>26</v>
      </c>
      <c r="DI30" s="101">
        <v>0</v>
      </c>
      <c r="DJ30" s="102">
        <v>0</v>
      </c>
      <c r="DK30" s="103">
        <v>0</v>
      </c>
      <c r="DL30" s="413">
        <v>0</v>
      </c>
      <c r="DM30" s="102">
        <v>0</v>
      </c>
      <c r="DN30" s="102">
        <v>0</v>
      </c>
      <c r="DO30" s="102">
        <v>0</v>
      </c>
      <c r="DP30" s="102">
        <v>0</v>
      </c>
      <c r="DQ30" s="102">
        <v>0</v>
      </c>
      <c r="DR30" s="103">
        <v>0</v>
      </c>
      <c r="DS30" s="104">
        <v>0</v>
      </c>
      <c r="DT30" s="101">
        <v>0</v>
      </c>
      <c r="DU30" s="102">
        <v>0</v>
      </c>
      <c r="DV30" s="103">
        <v>0</v>
      </c>
      <c r="DW30" s="413">
        <v>0</v>
      </c>
      <c r="DX30" s="102">
        <v>1</v>
      </c>
      <c r="DY30" s="102">
        <v>0</v>
      </c>
      <c r="DZ30" s="102">
        <v>0</v>
      </c>
      <c r="EA30" s="102">
        <v>0</v>
      </c>
      <c r="EB30" s="102">
        <v>0</v>
      </c>
      <c r="EC30" s="103">
        <v>1</v>
      </c>
      <c r="ED30" s="104">
        <v>1</v>
      </c>
      <c r="EE30" s="101">
        <v>1</v>
      </c>
      <c r="EF30" s="102">
        <v>0</v>
      </c>
      <c r="EG30" s="103">
        <v>1</v>
      </c>
      <c r="EH30" s="413">
        <v>0</v>
      </c>
      <c r="EI30" s="102">
        <v>0</v>
      </c>
      <c r="EJ30" s="102">
        <v>1</v>
      </c>
      <c r="EK30" s="102">
        <v>0</v>
      </c>
      <c r="EL30" s="102">
        <v>0</v>
      </c>
      <c r="EM30" s="102">
        <v>0</v>
      </c>
      <c r="EN30" s="103">
        <v>1</v>
      </c>
      <c r="EO30" s="104">
        <v>2</v>
      </c>
      <c r="EP30" s="101">
        <v>3</v>
      </c>
      <c r="EQ30" s="102">
        <v>0</v>
      </c>
      <c r="ER30" s="103">
        <v>3</v>
      </c>
      <c r="ES30" s="413">
        <v>0</v>
      </c>
      <c r="ET30" s="102">
        <v>0</v>
      </c>
      <c r="EU30" s="102">
        <v>2</v>
      </c>
      <c r="EV30" s="102">
        <v>1</v>
      </c>
      <c r="EW30" s="102">
        <v>1</v>
      </c>
      <c r="EX30" s="102">
        <v>0</v>
      </c>
      <c r="EY30" s="103">
        <v>4</v>
      </c>
      <c r="EZ30" s="104">
        <v>7</v>
      </c>
      <c r="FA30" s="101">
        <v>1</v>
      </c>
      <c r="FB30" s="102">
        <v>1</v>
      </c>
      <c r="FC30" s="103">
        <v>2</v>
      </c>
      <c r="FD30" s="413">
        <v>0</v>
      </c>
      <c r="FE30" s="102">
        <v>3</v>
      </c>
      <c r="FF30" s="102">
        <v>0</v>
      </c>
      <c r="FG30" s="102">
        <v>1</v>
      </c>
      <c r="FH30" s="102">
        <v>1</v>
      </c>
      <c r="FI30" s="102">
        <v>0</v>
      </c>
      <c r="FJ30" s="103">
        <v>5</v>
      </c>
      <c r="FK30" s="104">
        <v>7</v>
      </c>
      <c r="FL30" s="101">
        <v>0</v>
      </c>
      <c r="FM30" s="102">
        <v>1</v>
      </c>
      <c r="FN30" s="103">
        <v>1</v>
      </c>
      <c r="FO30" s="413">
        <v>0</v>
      </c>
      <c r="FP30" s="102">
        <v>3</v>
      </c>
      <c r="FQ30" s="102">
        <v>0</v>
      </c>
      <c r="FR30" s="102">
        <v>3</v>
      </c>
      <c r="FS30" s="102">
        <v>0</v>
      </c>
      <c r="FT30" s="102">
        <v>2</v>
      </c>
      <c r="FU30" s="103">
        <v>8</v>
      </c>
      <c r="FV30" s="104">
        <v>9</v>
      </c>
      <c r="FW30" s="101">
        <v>0</v>
      </c>
      <c r="FX30" s="102">
        <v>0</v>
      </c>
      <c r="FY30" s="103">
        <v>0</v>
      </c>
      <c r="FZ30" s="413">
        <v>0</v>
      </c>
      <c r="GA30" s="102">
        <v>0</v>
      </c>
      <c r="GB30" s="102">
        <v>0</v>
      </c>
      <c r="GC30" s="102">
        <v>0</v>
      </c>
      <c r="GD30" s="102">
        <v>0</v>
      </c>
      <c r="GE30" s="102">
        <v>0</v>
      </c>
      <c r="GF30" s="103">
        <v>0</v>
      </c>
      <c r="GG30" s="104">
        <v>0</v>
      </c>
      <c r="GH30" s="101">
        <v>5</v>
      </c>
      <c r="GI30" s="102">
        <v>2</v>
      </c>
      <c r="GJ30" s="103">
        <v>7</v>
      </c>
      <c r="GK30" s="413">
        <v>0</v>
      </c>
      <c r="GL30" s="102">
        <v>7</v>
      </c>
      <c r="GM30" s="102">
        <v>3</v>
      </c>
      <c r="GN30" s="102">
        <v>5</v>
      </c>
      <c r="GO30" s="102">
        <v>2</v>
      </c>
      <c r="GP30" s="102">
        <v>2</v>
      </c>
      <c r="GQ30" s="103">
        <v>19</v>
      </c>
      <c r="GR30" s="104">
        <v>26</v>
      </c>
      <c r="GS30" s="105">
        <v>19</v>
      </c>
      <c r="GT30" s="97">
        <v>27</v>
      </c>
      <c r="GU30" s="98">
        <v>46</v>
      </c>
      <c r="GV30" s="413">
        <v>0</v>
      </c>
      <c r="GW30" s="97">
        <v>21</v>
      </c>
      <c r="GX30" s="97">
        <v>16</v>
      </c>
      <c r="GY30" s="97">
        <v>13</v>
      </c>
      <c r="GZ30" s="97">
        <v>12</v>
      </c>
      <c r="HA30" s="97">
        <v>9</v>
      </c>
      <c r="HB30" s="99">
        <v>71</v>
      </c>
      <c r="HC30" s="100">
        <v>117</v>
      </c>
      <c r="HD30" s="101">
        <v>0</v>
      </c>
      <c r="HE30" s="102">
        <v>2</v>
      </c>
      <c r="HF30" s="103">
        <v>2</v>
      </c>
      <c r="HG30" s="413">
        <v>0</v>
      </c>
      <c r="HH30" s="102">
        <v>0</v>
      </c>
      <c r="HI30" s="102">
        <v>0</v>
      </c>
      <c r="HJ30" s="102">
        <v>0</v>
      </c>
      <c r="HK30" s="102">
        <v>1</v>
      </c>
      <c r="HL30" s="102">
        <v>0</v>
      </c>
      <c r="HM30" s="103">
        <v>1</v>
      </c>
      <c r="HN30" s="104">
        <v>3</v>
      </c>
      <c r="HO30" s="101">
        <v>0</v>
      </c>
      <c r="HP30" s="102">
        <v>3</v>
      </c>
      <c r="HQ30" s="103">
        <v>3</v>
      </c>
      <c r="HR30" s="413">
        <v>0</v>
      </c>
      <c r="HS30" s="102">
        <v>1</v>
      </c>
      <c r="HT30" s="102">
        <v>1</v>
      </c>
      <c r="HU30" s="102">
        <v>1</v>
      </c>
      <c r="HV30" s="102">
        <v>0</v>
      </c>
      <c r="HW30" s="102">
        <v>2</v>
      </c>
      <c r="HX30" s="103">
        <v>5</v>
      </c>
      <c r="HY30" s="104">
        <v>8</v>
      </c>
      <c r="HZ30" s="101">
        <v>1</v>
      </c>
      <c r="IA30" s="102">
        <v>5</v>
      </c>
      <c r="IB30" s="103">
        <v>6</v>
      </c>
      <c r="IC30" s="413">
        <v>0</v>
      </c>
      <c r="ID30" s="102">
        <v>1</v>
      </c>
      <c r="IE30" s="102">
        <v>2</v>
      </c>
      <c r="IF30" s="102">
        <v>0</v>
      </c>
      <c r="IG30" s="102">
        <v>1</v>
      </c>
      <c r="IH30" s="102">
        <v>0</v>
      </c>
      <c r="II30" s="103">
        <v>4</v>
      </c>
      <c r="IJ30" s="104">
        <v>10</v>
      </c>
      <c r="IK30" s="101">
        <v>8</v>
      </c>
      <c r="IL30" s="102">
        <v>6</v>
      </c>
      <c r="IM30" s="103">
        <v>14</v>
      </c>
      <c r="IN30" s="413">
        <v>0</v>
      </c>
      <c r="IO30" s="102">
        <v>3</v>
      </c>
      <c r="IP30" s="102">
        <v>6</v>
      </c>
      <c r="IQ30" s="102">
        <v>4</v>
      </c>
      <c r="IR30" s="102">
        <v>3</v>
      </c>
      <c r="IS30" s="102">
        <v>2</v>
      </c>
      <c r="IT30" s="103">
        <v>18</v>
      </c>
      <c r="IU30" s="104">
        <v>32</v>
      </c>
      <c r="IV30" s="101">
        <v>6</v>
      </c>
      <c r="IW30" s="102">
        <v>5</v>
      </c>
      <c r="IX30" s="103">
        <v>11</v>
      </c>
      <c r="IY30" s="413">
        <v>0</v>
      </c>
      <c r="IZ30" s="102">
        <v>8</v>
      </c>
      <c r="JA30" s="102">
        <v>3</v>
      </c>
      <c r="JB30" s="102">
        <v>3</v>
      </c>
      <c r="JC30" s="102">
        <v>3</v>
      </c>
      <c r="JD30" s="102">
        <v>1</v>
      </c>
      <c r="JE30" s="103">
        <v>18</v>
      </c>
      <c r="JF30" s="104">
        <v>29</v>
      </c>
      <c r="JG30" s="101">
        <v>4</v>
      </c>
      <c r="JH30" s="102">
        <v>6</v>
      </c>
      <c r="JI30" s="103">
        <v>10</v>
      </c>
      <c r="JJ30" s="413">
        <v>0</v>
      </c>
      <c r="JK30" s="102">
        <v>8</v>
      </c>
      <c r="JL30" s="102">
        <v>4</v>
      </c>
      <c r="JM30" s="102">
        <v>5</v>
      </c>
      <c r="JN30" s="102">
        <v>4</v>
      </c>
      <c r="JO30" s="102">
        <v>4</v>
      </c>
      <c r="JP30" s="103">
        <v>25</v>
      </c>
      <c r="JQ30" s="104">
        <v>35</v>
      </c>
      <c r="JR30" s="101">
        <v>0</v>
      </c>
      <c r="JS30" s="102">
        <v>0</v>
      </c>
      <c r="JT30" s="103">
        <v>0</v>
      </c>
      <c r="JU30" s="413">
        <v>0</v>
      </c>
      <c r="JV30" s="102">
        <v>0</v>
      </c>
      <c r="JW30" s="102">
        <v>0</v>
      </c>
      <c r="JX30" s="102">
        <v>0</v>
      </c>
      <c r="JY30" s="102">
        <v>0</v>
      </c>
      <c r="JZ30" s="102">
        <v>0</v>
      </c>
      <c r="KA30" s="103">
        <v>0</v>
      </c>
      <c r="KB30" s="104">
        <v>0</v>
      </c>
      <c r="KC30" s="101">
        <v>19</v>
      </c>
      <c r="KD30" s="102">
        <v>27</v>
      </c>
      <c r="KE30" s="103">
        <v>46</v>
      </c>
      <c r="KF30" s="413">
        <v>0</v>
      </c>
      <c r="KG30" s="102">
        <v>21</v>
      </c>
      <c r="KH30" s="102">
        <v>16</v>
      </c>
      <c r="KI30" s="102">
        <v>13</v>
      </c>
      <c r="KJ30" s="102">
        <v>12</v>
      </c>
      <c r="KK30" s="102">
        <v>9</v>
      </c>
      <c r="KL30" s="103">
        <v>71</v>
      </c>
      <c r="KM30" s="104">
        <v>117</v>
      </c>
    </row>
    <row r="31" spans="2:299" s="70" customFormat="1" ht="21" customHeight="1" x14ac:dyDescent="0.2">
      <c r="B31" s="106" t="s">
        <v>28</v>
      </c>
      <c r="C31" s="96">
        <v>0</v>
      </c>
      <c r="D31" s="97">
        <v>3</v>
      </c>
      <c r="E31" s="98">
        <v>3</v>
      </c>
      <c r="F31" s="413">
        <v>0</v>
      </c>
      <c r="G31" s="97">
        <v>6</v>
      </c>
      <c r="H31" s="97">
        <v>4</v>
      </c>
      <c r="I31" s="97">
        <v>4</v>
      </c>
      <c r="J31" s="97">
        <v>2</v>
      </c>
      <c r="K31" s="97">
        <v>1</v>
      </c>
      <c r="L31" s="99">
        <v>17</v>
      </c>
      <c r="M31" s="100">
        <v>20</v>
      </c>
      <c r="N31" s="101">
        <v>0</v>
      </c>
      <c r="O31" s="102">
        <v>1</v>
      </c>
      <c r="P31" s="103">
        <v>1</v>
      </c>
      <c r="Q31" s="413">
        <v>0</v>
      </c>
      <c r="R31" s="102">
        <v>1</v>
      </c>
      <c r="S31" s="102">
        <v>1</v>
      </c>
      <c r="T31" s="102">
        <v>0</v>
      </c>
      <c r="U31" s="102">
        <v>0</v>
      </c>
      <c r="V31" s="102">
        <v>0</v>
      </c>
      <c r="W31" s="103">
        <v>2</v>
      </c>
      <c r="X31" s="104">
        <v>3</v>
      </c>
      <c r="Y31" s="101">
        <v>0</v>
      </c>
      <c r="Z31" s="102">
        <v>1</v>
      </c>
      <c r="AA31" s="103">
        <v>1</v>
      </c>
      <c r="AB31" s="413">
        <v>0</v>
      </c>
      <c r="AC31" s="102">
        <v>1</v>
      </c>
      <c r="AD31" s="102">
        <v>0</v>
      </c>
      <c r="AE31" s="102">
        <v>1</v>
      </c>
      <c r="AF31" s="102">
        <v>0</v>
      </c>
      <c r="AG31" s="102">
        <v>0</v>
      </c>
      <c r="AH31" s="103">
        <v>2</v>
      </c>
      <c r="AI31" s="104">
        <v>3</v>
      </c>
      <c r="AJ31" s="101">
        <v>0</v>
      </c>
      <c r="AK31" s="102">
        <v>0</v>
      </c>
      <c r="AL31" s="103">
        <v>0</v>
      </c>
      <c r="AM31" s="413">
        <v>0</v>
      </c>
      <c r="AN31" s="102">
        <v>1</v>
      </c>
      <c r="AO31" s="102">
        <v>1</v>
      </c>
      <c r="AP31" s="102">
        <v>0</v>
      </c>
      <c r="AQ31" s="102">
        <v>0</v>
      </c>
      <c r="AR31" s="102">
        <v>0</v>
      </c>
      <c r="AS31" s="103">
        <v>2</v>
      </c>
      <c r="AT31" s="104">
        <v>2</v>
      </c>
      <c r="AU31" s="101">
        <v>0</v>
      </c>
      <c r="AV31" s="102">
        <v>0</v>
      </c>
      <c r="AW31" s="103">
        <v>0</v>
      </c>
      <c r="AX31" s="413">
        <v>0</v>
      </c>
      <c r="AY31" s="102">
        <v>1</v>
      </c>
      <c r="AZ31" s="102">
        <v>2</v>
      </c>
      <c r="BA31" s="102">
        <v>1</v>
      </c>
      <c r="BB31" s="102">
        <v>0</v>
      </c>
      <c r="BC31" s="102">
        <v>0</v>
      </c>
      <c r="BD31" s="103">
        <v>4</v>
      </c>
      <c r="BE31" s="104">
        <v>4</v>
      </c>
      <c r="BF31" s="101">
        <v>0</v>
      </c>
      <c r="BG31" s="102">
        <v>1</v>
      </c>
      <c r="BH31" s="103">
        <v>1</v>
      </c>
      <c r="BI31" s="413">
        <v>0</v>
      </c>
      <c r="BJ31" s="102">
        <v>1</v>
      </c>
      <c r="BK31" s="102">
        <v>0</v>
      </c>
      <c r="BL31" s="102">
        <v>1</v>
      </c>
      <c r="BM31" s="102">
        <v>1</v>
      </c>
      <c r="BN31" s="102">
        <v>0</v>
      </c>
      <c r="BO31" s="103">
        <v>3</v>
      </c>
      <c r="BP31" s="104">
        <v>4</v>
      </c>
      <c r="BQ31" s="101">
        <v>0</v>
      </c>
      <c r="BR31" s="102">
        <v>0</v>
      </c>
      <c r="BS31" s="103">
        <v>0</v>
      </c>
      <c r="BT31" s="413">
        <v>0</v>
      </c>
      <c r="BU31" s="102">
        <v>1</v>
      </c>
      <c r="BV31" s="102">
        <v>0</v>
      </c>
      <c r="BW31" s="102">
        <v>1</v>
      </c>
      <c r="BX31" s="102">
        <v>1</v>
      </c>
      <c r="BY31" s="102">
        <v>1</v>
      </c>
      <c r="BZ31" s="103">
        <v>4</v>
      </c>
      <c r="CA31" s="104">
        <v>4</v>
      </c>
      <c r="CB31" s="101">
        <v>0</v>
      </c>
      <c r="CC31" s="102">
        <v>0</v>
      </c>
      <c r="CD31" s="103">
        <v>0</v>
      </c>
      <c r="CE31" s="413">
        <v>0</v>
      </c>
      <c r="CF31" s="102">
        <v>0</v>
      </c>
      <c r="CG31" s="102">
        <v>0</v>
      </c>
      <c r="CH31" s="102">
        <v>0</v>
      </c>
      <c r="CI31" s="102">
        <v>0</v>
      </c>
      <c r="CJ31" s="102">
        <v>0</v>
      </c>
      <c r="CK31" s="103">
        <v>0</v>
      </c>
      <c r="CL31" s="104">
        <v>0</v>
      </c>
      <c r="CM31" s="101">
        <v>0</v>
      </c>
      <c r="CN31" s="102">
        <v>3</v>
      </c>
      <c r="CO31" s="103">
        <v>3</v>
      </c>
      <c r="CP31" s="413">
        <v>0</v>
      </c>
      <c r="CQ31" s="102">
        <v>6</v>
      </c>
      <c r="CR31" s="102">
        <v>4</v>
      </c>
      <c r="CS31" s="102">
        <v>4</v>
      </c>
      <c r="CT31" s="102">
        <v>2</v>
      </c>
      <c r="CU31" s="102">
        <v>1</v>
      </c>
      <c r="CV31" s="103">
        <v>17</v>
      </c>
      <c r="CW31" s="104">
        <v>20</v>
      </c>
      <c r="CX31" s="105">
        <v>0</v>
      </c>
      <c r="CY31" s="97">
        <v>0</v>
      </c>
      <c r="CZ31" s="98">
        <v>0</v>
      </c>
      <c r="DA31" s="413">
        <v>0</v>
      </c>
      <c r="DB31" s="97">
        <v>2</v>
      </c>
      <c r="DC31" s="97">
        <v>3</v>
      </c>
      <c r="DD31" s="97">
        <v>2</v>
      </c>
      <c r="DE31" s="97">
        <v>0</v>
      </c>
      <c r="DF31" s="97">
        <v>1</v>
      </c>
      <c r="DG31" s="99">
        <v>8</v>
      </c>
      <c r="DH31" s="100">
        <v>8</v>
      </c>
      <c r="DI31" s="101">
        <v>0</v>
      </c>
      <c r="DJ31" s="102">
        <v>0</v>
      </c>
      <c r="DK31" s="103">
        <v>0</v>
      </c>
      <c r="DL31" s="413">
        <v>0</v>
      </c>
      <c r="DM31" s="102">
        <v>0</v>
      </c>
      <c r="DN31" s="102">
        <v>0</v>
      </c>
      <c r="DO31" s="102">
        <v>0</v>
      </c>
      <c r="DP31" s="102">
        <v>0</v>
      </c>
      <c r="DQ31" s="102">
        <v>0</v>
      </c>
      <c r="DR31" s="103">
        <v>0</v>
      </c>
      <c r="DS31" s="104">
        <v>0</v>
      </c>
      <c r="DT31" s="101">
        <v>0</v>
      </c>
      <c r="DU31" s="102">
        <v>0</v>
      </c>
      <c r="DV31" s="103">
        <v>0</v>
      </c>
      <c r="DW31" s="413">
        <v>0</v>
      </c>
      <c r="DX31" s="102">
        <v>1</v>
      </c>
      <c r="DY31" s="102">
        <v>0</v>
      </c>
      <c r="DZ31" s="102">
        <v>1</v>
      </c>
      <c r="EA31" s="102">
        <v>0</v>
      </c>
      <c r="EB31" s="102">
        <v>0</v>
      </c>
      <c r="EC31" s="103">
        <v>2</v>
      </c>
      <c r="ED31" s="104">
        <v>2</v>
      </c>
      <c r="EE31" s="101">
        <v>0</v>
      </c>
      <c r="EF31" s="102">
        <v>0</v>
      </c>
      <c r="EG31" s="103">
        <v>0</v>
      </c>
      <c r="EH31" s="413">
        <v>0</v>
      </c>
      <c r="EI31" s="102">
        <v>0</v>
      </c>
      <c r="EJ31" s="102">
        <v>0</v>
      </c>
      <c r="EK31" s="102">
        <v>0</v>
      </c>
      <c r="EL31" s="102">
        <v>0</v>
      </c>
      <c r="EM31" s="102">
        <v>0</v>
      </c>
      <c r="EN31" s="103">
        <v>0</v>
      </c>
      <c r="EO31" s="104">
        <v>0</v>
      </c>
      <c r="EP31" s="101">
        <v>0</v>
      </c>
      <c r="EQ31" s="102">
        <v>0</v>
      </c>
      <c r="ER31" s="103">
        <v>0</v>
      </c>
      <c r="ES31" s="413">
        <v>0</v>
      </c>
      <c r="ET31" s="102">
        <v>0</v>
      </c>
      <c r="EU31" s="102">
        <v>0</v>
      </c>
      <c r="EV31" s="102">
        <v>0</v>
      </c>
      <c r="EW31" s="102">
        <v>0</v>
      </c>
      <c r="EX31" s="102">
        <v>0</v>
      </c>
      <c r="EY31" s="103">
        <v>0</v>
      </c>
      <c r="EZ31" s="104">
        <v>0</v>
      </c>
      <c r="FA31" s="101">
        <v>0</v>
      </c>
      <c r="FB31" s="102">
        <v>0</v>
      </c>
      <c r="FC31" s="103">
        <v>0</v>
      </c>
      <c r="FD31" s="413">
        <v>0</v>
      </c>
      <c r="FE31" s="102">
        <v>1</v>
      </c>
      <c r="FF31" s="102">
        <v>1</v>
      </c>
      <c r="FG31" s="102">
        <v>1</v>
      </c>
      <c r="FH31" s="102">
        <v>0</v>
      </c>
      <c r="FI31" s="102">
        <v>0</v>
      </c>
      <c r="FJ31" s="103">
        <v>3</v>
      </c>
      <c r="FK31" s="104">
        <v>3</v>
      </c>
      <c r="FL31" s="101">
        <v>0</v>
      </c>
      <c r="FM31" s="102">
        <v>0</v>
      </c>
      <c r="FN31" s="103">
        <v>0</v>
      </c>
      <c r="FO31" s="413">
        <v>0</v>
      </c>
      <c r="FP31" s="102">
        <v>0</v>
      </c>
      <c r="FQ31" s="102">
        <v>2</v>
      </c>
      <c r="FR31" s="102">
        <v>0</v>
      </c>
      <c r="FS31" s="102">
        <v>0</v>
      </c>
      <c r="FT31" s="102">
        <v>1</v>
      </c>
      <c r="FU31" s="103">
        <v>3</v>
      </c>
      <c r="FV31" s="104">
        <v>3</v>
      </c>
      <c r="FW31" s="101">
        <v>0</v>
      </c>
      <c r="FX31" s="102">
        <v>0</v>
      </c>
      <c r="FY31" s="103">
        <v>0</v>
      </c>
      <c r="FZ31" s="413">
        <v>0</v>
      </c>
      <c r="GA31" s="102">
        <v>0</v>
      </c>
      <c r="GB31" s="102">
        <v>0</v>
      </c>
      <c r="GC31" s="102">
        <v>0</v>
      </c>
      <c r="GD31" s="102">
        <v>0</v>
      </c>
      <c r="GE31" s="102">
        <v>0</v>
      </c>
      <c r="GF31" s="103">
        <v>0</v>
      </c>
      <c r="GG31" s="104">
        <v>0</v>
      </c>
      <c r="GH31" s="101">
        <v>0</v>
      </c>
      <c r="GI31" s="102">
        <v>0</v>
      </c>
      <c r="GJ31" s="103">
        <v>0</v>
      </c>
      <c r="GK31" s="413">
        <v>0</v>
      </c>
      <c r="GL31" s="102">
        <v>2</v>
      </c>
      <c r="GM31" s="102">
        <v>3</v>
      </c>
      <c r="GN31" s="102">
        <v>2</v>
      </c>
      <c r="GO31" s="102">
        <v>0</v>
      </c>
      <c r="GP31" s="102">
        <v>1</v>
      </c>
      <c r="GQ31" s="103">
        <v>8</v>
      </c>
      <c r="GR31" s="104">
        <v>8</v>
      </c>
      <c r="GS31" s="105">
        <v>0</v>
      </c>
      <c r="GT31" s="97">
        <v>3</v>
      </c>
      <c r="GU31" s="98">
        <v>3</v>
      </c>
      <c r="GV31" s="413">
        <v>0</v>
      </c>
      <c r="GW31" s="97">
        <v>8</v>
      </c>
      <c r="GX31" s="97">
        <v>7</v>
      </c>
      <c r="GY31" s="97">
        <v>6</v>
      </c>
      <c r="GZ31" s="97">
        <v>2</v>
      </c>
      <c r="HA31" s="97">
        <v>2</v>
      </c>
      <c r="HB31" s="99">
        <v>25</v>
      </c>
      <c r="HC31" s="100">
        <v>28</v>
      </c>
      <c r="HD31" s="101">
        <v>0</v>
      </c>
      <c r="HE31" s="102">
        <v>1</v>
      </c>
      <c r="HF31" s="103">
        <v>1</v>
      </c>
      <c r="HG31" s="413">
        <v>0</v>
      </c>
      <c r="HH31" s="102">
        <v>1</v>
      </c>
      <c r="HI31" s="102">
        <v>1</v>
      </c>
      <c r="HJ31" s="102">
        <v>0</v>
      </c>
      <c r="HK31" s="102">
        <v>0</v>
      </c>
      <c r="HL31" s="102">
        <v>0</v>
      </c>
      <c r="HM31" s="103">
        <v>2</v>
      </c>
      <c r="HN31" s="104">
        <v>3</v>
      </c>
      <c r="HO31" s="101">
        <v>0</v>
      </c>
      <c r="HP31" s="102">
        <v>1</v>
      </c>
      <c r="HQ31" s="103">
        <v>1</v>
      </c>
      <c r="HR31" s="413">
        <v>0</v>
      </c>
      <c r="HS31" s="102">
        <v>2</v>
      </c>
      <c r="HT31" s="102">
        <v>0</v>
      </c>
      <c r="HU31" s="102">
        <v>2</v>
      </c>
      <c r="HV31" s="102">
        <v>0</v>
      </c>
      <c r="HW31" s="102">
        <v>0</v>
      </c>
      <c r="HX31" s="103">
        <v>4</v>
      </c>
      <c r="HY31" s="104">
        <v>5</v>
      </c>
      <c r="HZ31" s="101">
        <v>0</v>
      </c>
      <c r="IA31" s="102">
        <v>0</v>
      </c>
      <c r="IB31" s="103">
        <v>0</v>
      </c>
      <c r="IC31" s="413">
        <v>0</v>
      </c>
      <c r="ID31" s="102">
        <v>1</v>
      </c>
      <c r="IE31" s="102">
        <v>1</v>
      </c>
      <c r="IF31" s="102">
        <v>0</v>
      </c>
      <c r="IG31" s="102">
        <v>0</v>
      </c>
      <c r="IH31" s="102">
        <v>0</v>
      </c>
      <c r="II31" s="103">
        <v>2</v>
      </c>
      <c r="IJ31" s="104">
        <v>2</v>
      </c>
      <c r="IK31" s="101">
        <v>0</v>
      </c>
      <c r="IL31" s="102">
        <v>0</v>
      </c>
      <c r="IM31" s="103">
        <v>0</v>
      </c>
      <c r="IN31" s="413">
        <v>0</v>
      </c>
      <c r="IO31" s="102">
        <v>1</v>
      </c>
      <c r="IP31" s="102">
        <v>2</v>
      </c>
      <c r="IQ31" s="102">
        <v>1</v>
      </c>
      <c r="IR31" s="102">
        <v>0</v>
      </c>
      <c r="IS31" s="102">
        <v>0</v>
      </c>
      <c r="IT31" s="103">
        <v>4</v>
      </c>
      <c r="IU31" s="104">
        <v>4</v>
      </c>
      <c r="IV31" s="101">
        <v>0</v>
      </c>
      <c r="IW31" s="102">
        <v>1</v>
      </c>
      <c r="IX31" s="103">
        <v>1</v>
      </c>
      <c r="IY31" s="413">
        <v>0</v>
      </c>
      <c r="IZ31" s="102">
        <v>2</v>
      </c>
      <c r="JA31" s="102">
        <v>1</v>
      </c>
      <c r="JB31" s="102">
        <v>2</v>
      </c>
      <c r="JC31" s="102">
        <v>1</v>
      </c>
      <c r="JD31" s="102">
        <v>0</v>
      </c>
      <c r="JE31" s="103">
        <v>6</v>
      </c>
      <c r="JF31" s="104">
        <v>7</v>
      </c>
      <c r="JG31" s="101">
        <v>0</v>
      </c>
      <c r="JH31" s="102">
        <v>0</v>
      </c>
      <c r="JI31" s="103">
        <v>0</v>
      </c>
      <c r="JJ31" s="413">
        <v>0</v>
      </c>
      <c r="JK31" s="102">
        <v>1</v>
      </c>
      <c r="JL31" s="102">
        <v>2</v>
      </c>
      <c r="JM31" s="102">
        <v>1</v>
      </c>
      <c r="JN31" s="102">
        <v>1</v>
      </c>
      <c r="JO31" s="102">
        <v>2</v>
      </c>
      <c r="JP31" s="103">
        <v>7</v>
      </c>
      <c r="JQ31" s="104">
        <v>7</v>
      </c>
      <c r="JR31" s="101">
        <v>0</v>
      </c>
      <c r="JS31" s="102">
        <v>0</v>
      </c>
      <c r="JT31" s="103">
        <v>0</v>
      </c>
      <c r="JU31" s="413">
        <v>0</v>
      </c>
      <c r="JV31" s="102">
        <v>0</v>
      </c>
      <c r="JW31" s="102">
        <v>0</v>
      </c>
      <c r="JX31" s="102">
        <v>0</v>
      </c>
      <c r="JY31" s="102">
        <v>0</v>
      </c>
      <c r="JZ31" s="102">
        <v>0</v>
      </c>
      <c r="KA31" s="103">
        <v>0</v>
      </c>
      <c r="KB31" s="104">
        <v>0</v>
      </c>
      <c r="KC31" s="101">
        <v>0</v>
      </c>
      <c r="KD31" s="102">
        <v>3</v>
      </c>
      <c r="KE31" s="103">
        <v>3</v>
      </c>
      <c r="KF31" s="413">
        <v>0</v>
      </c>
      <c r="KG31" s="102">
        <v>8</v>
      </c>
      <c r="KH31" s="102">
        <v>7</v>
      </c>
      <c r="KI31" s="102">
        <v>6</v>
      </c>
      <c r="KJ31" s="102">
        <v>2</v>
      </c>
      <c r="KK31" s="102">
        <v>2</v>
      </c>
      <c r="KL31" s="103">
        <v>25</v>
      </c>
      <c r="KM31" s="104">
        <v>28</v>
      </c>
    </row>
    <row r="32" spans="2:299" s="70" customFormat="1" ht="21" customHeight="1" x14ac:dyDescent="0.2">
      <c r="B32" s="106" t="s">
        <v>29</v>
      </c>
      <c r="C32" s="96">
        <v>5</v>
      </c>
      <c r="D32" s="97">
        <v>3</v>
      </c>
      <c r="E32" s="98">
        <v>8</v>
      </c>
      <c r="F32" s="413">
        <v>0</v>
      </c>
      <c r="G32" s="97">
        <v>4</v>
      </c>
      <c r="H32" s="97">
        <v>5</v>
      </c>
      <c r="I32" s="97">
        <v>4</v>
      </c>
      <c r="J32" s="97">
        <v>4</v>
      </c>
      <c r="K32" s="97">
        <v>2</v>
      </c>
      <c r="L32" s="99">
        <v>19</v>
      </c>
      <c r="M32" s="100">
        <v>27</v>
      </c>
      <c r="N32" s="101">
        <v>0</v>
      </c>
      <c r="O32" s="102">
        <v>0</v>
      </c>
      <c r="P32" s="103">
        <v>0</v>
      </c>
      <c r="Q32" s="413">
        <v>0</v>
      </c>
      <c r="R32" s="102">
        <v>0</v>
      </c>
      <c r="S32" s="102">
        <v>1</v>
      </c>
      <c r="T32" s="102">
        <v>0</v>
      </c>
      <c r="U32" s="102">
        <v>0</v>
      </c>
      <c r="V32" s="102">
        <v>0</v>
      </c>
      <c r="W32" s="103">
        <v>1</v>
      </c>
      <c r="X32" s="104">
        <v>1</v>
      </c>
      <c r="Y32" s="101">
        <v>1</v>
      </c>
      <c r="Z32" s="102">
        <v>0</v>
      </c>
      <c r="AA32" s="103">
        <v>1</v>
      </c>
      <c r="AB32" s="413">
        <v>0</v>
      </c>
      <c r="AC32" s="102">
        <v>0</v>
      </c>
      <c r="AD32" s="102">
        <v>0</v>
      </c>
      <c r="AE32" s="102">
        <v>2</v>
      </c>
      <c r="AF32" s="102">
        <v>0</v>
      </c>
      <c r="AG32" s="102">
        <v>0</v>
      </c>
      <c r="AH32" s="103">
        <v>2</v>
      </c>
      <c r="AI32" s="104">
        <v>3</v>
      </c>
      <c r="AJ32" s="101">
        <v>0</v>
      </c>
      <c r="AK32" s="102">
        <v>0</v>
      </c>
      <c r="AL32" s="103">
        <v>0</v>
      </c>
      <c r="AM32" s="413">
        <v>0</v>
      </c>
      <c r="AN32" s="102">
        <v>0</v>
      </c>
      <c r="AO32" s="102">
        <v>1</v>
      </c>
      <c r="AP32" s="102">
        <v>0</v>
      </c>
      <c r="AQ32" s="102">
        <v>2</v>
      </c>
      <c r="AR32" s="102">
        <v>0</v>
      </c>
      <c r="AS32" s="103">
        <v>3</v>
      </c>
      <c r="AT32" s="104">
        <v>3</v>
      </c>
      <c r="AU32" s="101">
        <v>1</v>
      </c>
      <c r="AV32" s="102">
        <v>1</v>
      </c>
      <c r="AW32" s="103">
        <v>2</v>
      </c>
      <c r="AX32" s="413">
        <v>0</v>
      </c>
      <c r="AY32" s="102">
        <v>2</v>
      </c>
      <c r="AZ32" s="102">
        <v>0</v>
      </c>
      <c r="BA32" s="102">
        <v>0</v>
      </c>
      <c r="BB32" s="102">
        <v>1</v>
      </c>
      <c r="BC32" s="102">
        <v>0</v>
      </c>
      <c r="BD32" s="103">
        <v>3</v>
      </c>
      <c r="BE32" s="104">
        <v>5</v>
      </c>
      <c r="BF32" s="101">
        <v>3</v>
      </c>
      <c r="BG32" s="102">
        <v>1</v>
      </c>
      <c r="BH32" s="103">
        <v>4</v>
      </c>
      <c r="BI32" s="413">
        <v>0</v>
      </c>
      <c r="BJ32" s="102">
        <v>1</v>
      </c>
      <c r="BK32" s="102">
        <v>0</v>
      </c>
      <c r="BL32" s="102">
        <v>1</v>
      </c>
      <c r="BM32" s="102">
        <v>0</v>
      </c>
      <c r="BN32" s="102">
        <v>0</v>
      </c>
      <c r="BO32" s="103">
        <v>2</v>
      </c>
      <c r="BP32" s="104">
        <v>6</v>
      </c>
      <c r="BQ32" s="101">
        <v>0</v>
      </c>
      <c r="BR32" s="102">
        <v>1</v>
      </c>
      <c r="BS32" s="103">
        <v>1</v>
      </c>
      <c r="BT32" s="413">
        <v>0</v>
      </c>
      <c r="BU32" s="102">
        <v>1</v>
      </c>
      <c r="BV32" s="102">
        <v>3</v>
      </c>
      <c r="BW32" s="102">
        <v>1</v>
      </c>
      <c r="BX32" s="102">
        <v>1</v>
      </c>
      <c r="BY32" s="102">
        <v>2</v>
      </c>
      <c r="BZ32" s="103">
        <v>8</v>
      </c>
      <c r="CA32" s="104">
        <v>9</v>
      </c>
      <c r="CB32" s="101">
        <v>0</v>
      </c>
      <c r="CC32" s="102">
        <v>0</v>
      </c>
      <c r="CD32" s="103">
        <v>0</v>
      </c>
      <c r="CE32" s="413">
        <v>0</v>
      </c>
      <c r="CF32" s="102">
        <v>0</v>
      </c>
      <c r="CG32" s="102">
        <v>0</v>
      </c>
      <c r="CH32" s="102">
        <v>0</v>
      </c>
      <c r="CI32" s="102">
        <v>0</v>
      </c>
      <c r="CJ32" s="102">
        <v>0</v>
      </c>
      <c r="CK32" s="103">
        <v>0</v>
      </c>
      <c r="CL32" s="104">
        <v>0</v>
      </c>
      <c r="CM32" s="101">
        <v>5</v>
      </c>
      <c r="CN32" s="102">
        <v>3</v>
      </c>
      <c r="CO32" s="103">
        <v>8</v>
      </c>
      <c r="CP32" s="413">
        <v>0</v>
      </c>
      <c r="CQ32" s="102">
        <v>4</v>
      </c>
      <c r="CR32" s="102">
        <v>5</v>
      </c>
      <c r="CS32" s="102">
        <v>4</v>
      </c>
      <c r="CT32" s="102">
        <v>4</v>
      </c>
      <c r="CU32" s="102">
        <v>2</v>
      </c>
      <c r="CV32" s="103">
        <v>19</v>
      </c>
      <c r="CW32" s="104">
        <v>27</v>
      </c>
      <c r="CX32" s="105">
        <v>1</v>
      </c>
      <c r="CY32" s="97">
        <v>2</v>
      </c>
      <c r="CZ32" s="98">
        <v>3</v>
      </c>
      <c r="DA32" s="413">
        <v>0</v>
      </c>
      <c r="DB32" s="97">
        <v>4</v>
      </c>
      <c r="DC32" s="97">
        <v>3</v>
      </c>
      <c r="DD32" s="97">
        <v>0</v>
      </c>
      <c r="DE32" s="97">
        <v>2</v>
      </c>
      <c r="DF32" s="97">
        <v>0</v>
      </c>
      <c r="DG32" s="99">
        <v>9</v>
      </c>
      <c r="DH32" s="100">
        <v>12</v>
      </c>
      <c r="DI32" s="101">
        <v>0</v>
      </c>
      <c r="DJ32" s="102">
        <v>0</v>
      </c>
      <c r="DK32" s="103">
        <v>0</v>
      </c>
      <c r="DL32" s="413">
        <v>0</v>
      </c>
      <c r="DM32" s="102">
        <v>0</v>
      </c>
      <c r="DN32" s="102">
        <v>0</v>
      </c>
      <c r="DO32" s="102">
        <v>0</v>
      </c>
      <c r="DP32" s="102">
        <v>0</v>
      </c>
      <c r="DQ32" s="102">
        <v>0</v>
      </c>
      <c r="DR32" s="103">
        <v>0</v>
      </c>
      <c r="DS32" s="104">
        <v>0</v>
      </c>
      <c r="DT32" s="101">
        <v>0</v>
      </c>
      <c r="DU32" s="102">
        <v>0</v>
      </c>
      <c r="DV32" s="103">
        <v>0</v>
      </c>
      <c r="DW32" s="413">
        <v>0</v>
      </c>
      <c r="DX32" s="102">
        <v>0</v>
      </c>
      <c r="DY32" s="102">
        <v>0</v>
      </c>
      <c r="DZ32" s="102">
        <v>0</v>
      </c>
      <c r="EA32" s="102">
        <v>0</v>
      </c>
      <c r="EB32" s="102">
        <v>0</v>
      </c>
      <c r="EC32" s="103">
        <v>0</v>
      </c>
      <c r="ED32" s="104">
        <v>0</v>
      </c>
      <c r="EE32" s="101">
        <v>0</v>
      </c>
      <c r="EF32" s="102">
        <v>0</v>
      </c>
      <c r="EG32" s="103">
        <v>0</v>
      </c>
      <c r="EH32" s="413">
        <v>0</v>
      </c>
      <c r="EI32" s="102">
        <v>0</v>
      </c>
      <c r="EJ32" s="102">
        <v>2</v>
      </c>
      <c r="EK32" s="102">
        <v>0</v>
      </c>
      <c r="EL32" s="102">
        <v>0</v>
      </c>
      <c r="EM32" s="102">
        <v>0</v>
      </c>
      <c r="EN32" s="103">
        <v>2</v>
      </c>
      <c r="EO32" s="104">
        <v>2</v>
      </c>
      <c r="EP32" s="101">
        <v>1</v>
      </c>
      <c r="EQ32" s="102">
        <v>0</v>
      </c>
      <c r="ER32" s="103">
        <v>1</v>
      </c>
      <c r="ES32" s="413">
        <v>0</v>
      </c>
      <c r="ET32" s="102">
        <v>3</v>
      </c>
      <c r="EU32" s="102">
        <v>1</v>
      </c>
      <c r="EV32" s="102">
        <v>0</v>
      </c>
      <c r="EW32" s="102">
        <v>0</v>
      </c>
      <c r="EX32" s="102">
        <v>0</v>
      </c>
      <c r="EY32" s="103">
        <v>4</v>
      </c>
      <c r="EZ32" s="104">
        <v>5</v>
      </c>
      <c r="FA32" s="101">
        <v>0</v>
      </c>
      <c r="FB32" s="102">
        <v>1</v>
      </c>
      <c r="FC32" s="103">
        <v>1</v>
      </c>
      <c r="FD32" s="413">
        <v>0</v>
      </c>
      <c r="FE32" s="102">
        <v>1</v>
      </c>
      <c r="FF32" s="102">
        <v>0</v>
      </c>
      <c r="FG32" s="102">
        <v>0</v>
      </c>
      <c r="FH32" s="102">
        <v>0</v>
      </c>
      <c r="FI32" s="102">
        <v>0</v>
      </c>
      <c r="FJ32" s="103">
        <v>1</v>
      </c>
      <c r="FK32" s="104">
        <v>2</v>
      </c>
      <c r="FL32" s="101">
        <v>0</v>
      </c>
      <c r="FM32" s="102">
        <v>1</v>
      </c>
      <c r="FN32" s="103">
        <v>1</v>
      </c>
      <c r="FO32" s="413">
        <v>0</v>
      </c>
      <c r="FP32" s="102">
        <v>0</v>
      </c>
      <c r="FQ32" s="102">
        <v>0</v>
      </c>
      <c r="FR32" s="102">
        <v>0</v>
      </c>
      <c r="FS32" s="102">
        <v>2</v>
      </c>
      <c r="FT32" s="102">
        <v>0</v>
      </c>
      <c r="FU32" s="103">
        <v>2</v>
      </c>
      <c r="FV32" s="104">
        <v>3</v>
      </c>
      <c r="FW32" s="101">
        <v>0</v>
      </c>
      <c r="FX32" s="102">
        <v>0</v>
      </c>
      <c r="FY32" s="103">
        <v>0</v>
      </c>
      <c r="FZ32" s="413">
        <v>0</v>
      </c>
      <c r="GA32" s="102">
        <v>0</v>
      </c>
      <c r="GB32" s="102">
        <v>0</v>
      </c>
      <c r="GC32" s="102">
        <v>0</v>
      </c>
      <c r="GD32" s="102">
        <v>0</v>
      </c>
      <c r="GE32" s="102">
        <v>0</v>
      </c>
      <c r="GF32" s="103">
        <v>0</v>
      </c>
      <c r="GG32" s="104">
        <v>0</v>
      </c>
      <c r="GH32" s="101">
        <v>1</v>
      </c>
      <c r="GI32" s="102">
        <v>2</v>
      </c>
      <c r="GJ32" s="103">
        <v>3</v>
      </c>
      <c r="GK32" s="413">
        <v>0</v>
      </c>
      <c r="GL32" s="102">
        <v>4</v>
      </c>
      <c r="GM32" s="102">
        <v>3</v>
      </c>
      <c r="GN32" s="102">
        <v>0</v>
      </c>
      <c r="GO32" s="102">
        <v>2</v>
      </c>
      <c r="GP32" s="102">
        <v>0</v>
      </c>
      <c r="GQ32" s="103">
        <v>9</v>
      </c>
      <c r="GR32" s="104">
        <v>12</v>
      </c>
      <c r="GS32" s="105">
        <v>6</v>
      </c>
      <c r="GT32" s="97">
        <v>5</v>
      </c>
      <c r="GU32" s="98">
        <v>11</v>
      </c>
      <c r="GV32" s="413">
        <v>0</v>
      </c>
      <c r="GW32" s="97">
        <v>8</v>
      </c>
      <c r="GX32" s="97">
        <v>8</v>
      </c>
      <c r="GY32" s="97">
        <v>4</v>
      </c>
      <c r="GZ32" s="97">
        <v>6</v>
      </c>
      <c r="HA32" s="97">
        <v>2</v>
      </c>
      <c r="HB32" s="99">
        <v>28</v>
      </c>
      <c r="HC32" s="100">
        <v>39</v>
      </c>
      <c r="HD32" s="101">
        <v>0</v>
      </c>
      <c r="HE32" s="102">
        <v>0</v>
      </c>
      <c r="HF32" s="103">
        <v>0</v>
      </c>
      <c r="HG32" s="413">
        <v>0</v>
      </c>
      <c r="HH32" s="102">
        <v>0</v>
      </c>
      <c r="HI32" s="102">
        <v>1</v>
      </c>
      <c r="HJ32" s="102">
        <v>0</v>
      </c>
      <c r="HK32" s="102">
        <v>0</v>
      </c>
      <c r="HL32" s="102">
        <v>0</v>
      </c>
      <c r="HM32" s="103">
        <v>1</v>
      </c>
      <c r="HN32" s="104">
        <v>1</v>
      </c>
      <c r="HO32" s="101">
        <v>1</v>
      </c>
      <c r="HP32" s="102">
        <v>0</v>
      </c>
      <c r="HQ32" s="103">
        <v>1</v>
      </c>
      <c r="HR32" s="413">
        <v>0</v>
      </c>
      <c r="HS32" s="102">
        <v>0</v>
      </c>
      <c r="HT32" s="102">
        <v>0</v>
      </c>
      <c r="HU32" s="102">
        <v>2</v>
      </c>
      <c r="HV32" s="102">
        <v>0</v>
      </c>
      <c r="HW32" s="102">
        <v>0</v>
      </c>
      <c r="HX32" s="103">
        <v>2</v>
      </c>
      <c r="HY32" s="104">
        <v>3</v>
      </c>
      <c r="HZ32" s="101">
        <v>0</v>
      </c>
      <c r="IA32" s="102">
        <v>0</v>
      </c>
      <c r="IB32" s="103">
        <v>0</v>
      </c>
      <c r="IC32" s="413">
        <v>0</v>
      </c>
      <c r="ID32" s="102">
        <v>0</v>
      </c>
      <c r="IE32" s="102">
        <v>3</v>
      </c>
      <c r="IF32" s="102">
        <v>0</v>
      </c>
      <c r="IG32" s="102">
        <v>2</v>
      </c>
      <c r="IH32" s="102">
        <v>0</v>
      </c>
      <c r="II32" s="103">
        <v>5</v>
      </c>
      <c r="IJ32" s="104">
        <v>5</v>
      </c>
      <c r="IK32" s="101">
        <v>2</v>
      </c>
      <c r="IL32" s="102">
        <v>1</v>
      </c>
      <c r="IM32" s="103">
        <v>3</v>
      </c>
      <c r="IN32" s="413">
        <v>0</v>
      </c>
      <c r="IO32" s="102">
        <v>5</v>
      </c>
      <c r="IP32" s="102">
        <v>1</v>
      </c>
      <c r="IQ32" s="102">
        <v>0</v>
      </c>
      <c r="IR32" s="102">
        <v>1</v>
      </c>
      <c r="IS32" s="102">
        <v>0</v>
      </c>
      <c r="IT32" s="103">
        <v>7</v>
      </c>
      <c r="IU32" s="104">
        <v>10</v>
      </c>
      <c r="IV32" s="101">
        <v>3</v>
      </c>
      <c r="IW32" s="102">
        <v>2</v>
      </c>
      <c r="IX32" s="103">
        <v>5</v>
      </c>
      <c r="IY32" s="413">
        <v>0</v>
      </c>
      <c r="IZ32" s="102">
        <v>2</v>
      </c>
      <c r="JA32" s="102">
        <v>0</v>
      </c>
      <c r="JB32" s="102">
        <v>1</v>
      </c>
      <c r="JC32" s="102">
        <v>0</v>
      </c>
      <c r="JD32" s="102">
        <v>0</v>
      </c>
      <c r="JE32" s="103">
        <v>3</v>
      </c>
      <c r="JF32" s="104">
        <v>8</v>
      </c>
      <c r="JG32" s="101">
        <v>0</v>
      </c>
      <c r="JH32" s="102">
        <v>2</v>
      </c>
      <c r="JI32" s="103">
        <v>2</v>
      </c>
      <c r="JJ32" s="413">
        <v>0</v>
      </c>
      <c r="JK32" s="102">
        <v>1</v>
      </c>
      <c r="JL32" s="102">
        <v>3</v>
      </c>
      <c r="JM32" s="102">
        <v>1</v>
      </c>
      <c r="JN32" s="102">
        <v>3</v>
      </c>
      <c r="JO32" s="102">
        <v>2</v>
      </c>
      <c r="JP32" s="103">
        <v>10</v>
      </c>
      <c r="JQ32" s="104">
        <v>12</v>
      </c>
      <c r="JR32" s="101">
        <v>0</v>
      </c>
      <c r="JS32" s="102">
        <v>0</v>
      </c>
      <c r="JT32" s="103">
        <v>0</v>
      </c>
      <c r="JU32" s="413">
        <v>0</v>
      </c>
      <c r="JV32" s="102">
        <v>0</v>
      </c>
      <c r="JW32" s="102">
        <v>0</v>
      </c>
      <c r="JX32" s="102">
        <v>0</v>
      </c>
      <c r="JY32" s="102">
        <v>0</v>
      </c>
      <c r="JZ32" s="102">
        <v>0</v>
      </c>
      <c r="KA32" s="103">
        <v>0</v>
      </c>
      <c r="KB32" s="104">
        <v>0</v>
      </c>
      <c r="KC32" s="101">
        <v>6</v>
      </c>
      <c r="KD32" s="102">
        <v>5</v>
      </c>
      <c r="KE32" s="103">
        <v>11</v>
      </c>
      <c r="KF32" s="413">
        <v>0</v>
      </c>
      <c r="KG32" s="102">
        <v>8</v>
      </c>
      <c r="KH32" s="102">
        <v>8</v>
      </c>
      <c r="KI32" s="102">
        <v>4</v>
      </c>
      <c r="KJ32" s="102">
        <v>6</v>
      </c>
      <c r="KK32" s="102">
        <v>2</v>
      </c>
      <c r="KL32" s="103">
        <v>28</v>
      </c>
      <c r="KM32" s="104">
        <v>39</v>
      </c>
    </row>
    <row r="33" spans="2:299" s="70" customFormat="1" ht="21" customHeight="1" x14ac:dyDescent="0.2">
      <c r="B33" s="106" t="s">
        <v>30</v>
      </c>
      <c r="C33" s="96">
        <v>5</v>
      </c>
      <c r="D33" s="97">
        <v>1</v>
      </c>
      <c r="E33" s="98">
        <v>6</v>
      </c>
      <c r="F33" s="413">
        <v>0</v>
      </c>
      <c r="G33" s="97">
        <v>3</v>
      </c>
      <c r="H33" s="97">
        <v>3</v>
      </c>
      <c r="I33" s="97">
        <v>2</v>
      </c>
      <c r="J33" s="97">
        <v>3</v>
      </c>
      <c r="K33" s="97">
        <v>2</v>
      </c>
      <c r="L33" s="99">
        <v>13</v>
      </c>
      <c r="M33" s="100">
        <v>19</v>
      </c>
      <c r="N33" s="101">
        <v>0</v>
      </c>
      <c r="O33" s="102">
        <v>0</v>
      </c>
      <c r="P33" s="103">
        <v>0</v>
      </c>
      <c r="Q33" s="413">
        <v>0</v>
      </c>
      <c r="R33" s="102">
        <v>0</v>
      </c>
      <c r="S33" s="102">
        <v>0</v>
      </c>
      <c r="T33" s="102">
        <v>0</v>
      </c>
      <c r="U33" s="102">
        <v>1</v>
      </c>
      <c r="V33" s="102">
        <v>0</v>
      </c>
      <c r="W33" s="103">
        <v>1</v>
      </c>
      <c r="X33" s="104">
        <v>1</v>
      </c>
      <c r="Y33" s="101">
        <v>1</v>
      </c>
      <c r="Z33" s="102">
        <v>0</v>
      </c>
      <c r="AA33" s="103">
        <v>1</v>
      </c>
      <c r="AB33" s="413">
        <v>0</v>
      </c>
      <c r="AC33" s="102">
        <v>0</v>
      </c>
      <c r="AD33" s="102">
        <v>0</v>
      </c>
      <c r="AE33" s="102">
        <v>1</v>
      </c>
      <c r="AF33" s="102">
        <v>0</v>
      </c>
      <c r="AG33" s="102">
        <v>0</v>
      </c>
      <c r="AH33" s="103">
        <v>1</v>
      </c>
      <c r="AI33" s="104">
        <v>2</v>
      </c>
      <c r="AJ33" s="101">
        <v>0</v>
      </c>
      <c r="AK33" s="102">
        <v>0</v>
      </c>
      <c r="AL33" s="103">
        <v>0</v>
      </c>
      <c r="AM33" s="413">
        <v>0</v>
      </c>
      <c r="AN33" s="102">
        <v>0</v>
      </c>
      <c r="AO33" s="102">
        <v>0</v>
      </c>
      <c r="AP33" s="102">
        <v>0</v>
      </c>
      <c r="AQ33" s="102">
        <v>0</v>
      </c>
      <c r="AR33" s="102">
        <v>0</v>
      </c>
      <c r="AS33" s="103">
        <v>0</v>
      </c>
      <c r="AT33" s="104">
        <v>0</v>
      </c>
      <c r="AU33" s="101">
        <v>1</v>
      </c>
      <c r="AV33" s="102">
        <v>0</v>
      </c>
      <c r="AW33" s="103">
        <v>1</v>
      </c>
      <c r="AX33" s="413">
        <v>0</v>
      </c>
      <c r="AY33" s="102">
        <v>2</v>
      </c>
      <c r="AZ33" s="102">
        <v>2</v>
      </c>
      <c r="BA33" s="102">
        <v>0</v>
      </c>
      <c r="BB33" s="102">
        <v>0</v>
      </c>
      <c r="BC33" s="102">
        <v>0</v>
      </c>
      <c r="BD33" s="103">
        <v>4</v>
      </c>
      <c r="BE33" s="104">
        <v>5</v>
      </c>
      <c r="BF33" s="101">
        <v>0</v>
      </c>
      <c r="BG33" s="102">
        <v>0</v>
      </c>
      <c r="BH33" s="103">
        <v>0</v>
      </c>
      <c r="BI33" s="413">
        <v>0</v>
      </c>
      <c r="BJ33" s="102">
        <v>0</v>
      </c>
      <c r="BK33" s="102">
        <v>0</v>
      </c>
      <c r="BL33" s="102">
        <v>1</v>
      </c>
      <c r="BM33" s="102">
        <v>1</v>
      </c>
      <c r="BN33" s="102">
        <v>1</v>
      </c>
      <c r="BO33" s="103">
        <v>3</v>
      </c>
      <c r="BP33" s="104">
        <v>3</v>
      </c>
      <c r="BQ33" s="101">
        <v>3</v>
      </c>
      <c r="BR33" s="102">
        <v>1</v>
      </c>
      <c r="BS33" s="103">
        <v>4</v>
      </c>
      <c r="BT33" s="413">
        <v>0</v>
      </c>
      <c r="BU33" s="102">
        <v>1</v>
      </c>
      <c r="BV33" s="102">
        <v>1</v>
      </c>
      <c r="BW33" s="102">
        <v>0</v>
      </c>
      <c r="BX33" s="102">
        <v>1</v>
      </c>
      <c r="BY33" s="102">
        <v>1</v>
      </c>
      <c r="BZ33" s="103">
        <v>4</v>
      </c>
      <c r="CA33" s="104">
        <v>8</v>
      </c>
      <c r="CB33" s="101">
        <v>0</v>
      </c>
      <c r="CC33" s="102">
        <v>0</v>
      </c>
      <c r="CD33" s="103">
        <v>0</v>
      </c>
      <c r="CE33" s="413">
        <v>0</v>
      </c>
      <c r="CF33" s="102">
        <v>0</v>
      </c>
      <c r="CG33" s="102">
        <v>0</v>
      </c>
      <c r="CH33" s="102">
        <v>0</v>
      </c>
      <c r="CI33" s="102">
        <v>0</v>
      </c>
      <c r="CJ33" s="102">
        <v>0</v>
      </c>
      <c r="CK33" s="103">
        <v>0</v>
      </c>
      <c r="CL33" s="104">
        <v>0</v>
      </c>
      <c r="CM33" s="101">
        <v>5</v>
      </c>
      <c r="CN33" s="102">
        <v>1</v>
      </c>
      <c r="CO33" s="103">
        <v>6</v>
      </c>
      <c r="CP33" s="413">
        <v>0</v>
      </c>
      <c r="CQ33" s="102">
        <v>3</v>
      </c>
      <c r="CR33" s="102">
        <v>3</v>
      </c>
      <c r="CS33" s="102">
        <v>2</v>
      </c>
      <c r="CT33" s="102">
        <v>3</v>
      </c>
      <c r="CU33" s="102">
        <v>2</v>
      </c>
      <c r="CV33" s="103">
        <v>13</v>
      </c>
      <c r="CW33" s="104">
        <v>19</v>
      </c>
      <c r="CX33" s="105">
        <v>1</v>
      </c>
      <c r="CY33" s="97">
        <v>1</v>
      </c>
      <c r="CZ33" s="98">
        <v>2</v>
      </c>
      <c r="DA33" s="413">
        <v>0</v>
      </c>
      <c r="DB33" s="97">
        <v>6</v>
      </c>
      <c r="DC33" s="97">
        <v>1</v>
      </c>
      <c r="DD33" s="97">
        <v>2</v>
      </c>
      <c r="DE33" s="97">
        <v>1</v>
      </c>
      <c r="DF33" s="97">
        <v>0</v>
      </c>
      <c r="DG33" s="99">
        <v>10</v>
      </c>
      <c r="DH33" s="100">
        <v>12</v>
      </c>
      <c r="DI33" s="101">
        <v>0</v>
      </c>
      <c r="DJ33" s="102">
        <v>0</v>
      </c>
      <c r="DK33" s="103">
        <v>0</v>
      </c>
      <c r="DL33" s="413">
        <v>0</v>
      </c>
      <c r="DM33" s="102">
        <v>0</v>
      </c>
      <c r="DN33" s="102">
        <v>0</v>
      </c>
      <c r="DO33" s="102">
        <v>0</v>
      </c>
      <c r="DP33" s="102">
        <v>0</v>
      </c>
      <c r="DQ33" s="102">
        <v>0</v>
      </c>
      <c r="DR33" s="103">
        <v>0</v>
      </c>
      <c r="DS33" s="104">
        <v>0</v>
      </c>
      <c r="DT33" s="101">
        <v>0</v>
      </c>
      <c r="DU33" s="102">
        <v>0</v>
      </c>
      <c r="DV33" s="103">
        <v>0</v>
      </c>
      <c r="DW33" s="413">
        <v>0</v>
      </c>
      <c r="DX33" s="102">
        <v>1</v>
      </c>
      <c r="DY33" s="102">
        <v>0</v>
      </c>
      <c r="DZ33" s="102">
        <v>0</v>
      </c>
      <c r="EA33" s="102">
        <v>0</v>
      </c>
      <c r="EB33" s="102">
        <v>0</v>
      </c>
      <c r="EC33" s="103">
        <v>1</v>
      </c>
      <c r="ED33" s="104">
        <v>1</v>
      </c>
      <c r="EE33" s="101">
        <v>1</v>
      </c>
      <c r="EF33" s="102">
        <v>0</v>
      </c>
      <c r="EG33" s="103">
        <v>1</v>
      </c>
      <c r="EH33" s="413">
        <v>0</v>
      </c>
      <c r="EI33" s="102">
        <v>0</v>
      </c>
      <c r="EJ33" s="102">
        <v>0</v>
      </c>
      <c r="EK33" s="102">
        <v>0</v>
      </c>
      <c r="EL33" s="102">
        <v>0</v>
      </c>
      <c r="EM33" s="102">
        <v>0</v>
      </c>
      <c r="EN33" s="103">
        <v>0</v>
      </c>
      <c r="EO33" s="104">
        <v>1</v>
      </c>
      <c r="EP33" s="101">
        <v>0</v>
      </c>
      <c r="EQ33" s="102">
        <v>0</v>
      </c>
      <c r="ER33" s="103">
        <v>0</v>
      </c>
      <c r="ES33" s="413">
        <v>0</v>
      </c>
      <c r="ET33" s="102">
        <v>0</v>
      </c>
      <c r="EU33" s="102">
        <v>0</v>
      </c>
      <c r="EV33" s="102">
        <v>0</v>
      </c>
      <c r="EW33" s="102">
        <v>0</v>
      </c>
      <c r="EX33" s="102">
        <v>0</v>
      </c>
      <c r="EY33" s="103">
        <v>0</v>
      </c>
      <c r="EZ33" s="104">
        <v>0</v>
      </c>
      <c r="FA33" s="101">
        <v>0</v>
      </c>
      <c r="FB33" s="102">
        <v>0</v>
      </c>
      <c r="FC33" s="103">
        <v>0</v>
      </c>
      <c r="FD33" s="413">
        <v>0</v>
      </c>
      <c r="FE33" s="102">
        <v>3</v>
      </c>
      <c r="FF33" s="102">
        <v>0</v>
      </c>
      <c r="FG33" s="102">
        <v>0</v>
      </c>
      <c r="FH33" s="102">
        <v>0</v>
      </c>
      <c r="FI33" s="102">
        <v>0</v>
      </c>
      <c r="FJ33" s="103">
        <v>3</v>
      </c>
      <c r="FK33" s="104">
        <v>3</v>
      </c>
      <c r="FL33" s="101">
        <v>0</v>
      </c>
      <c r="FM33" s="102">
        <v>1</v>
      </c>
      <c r="FN33" s="103">
        <v>1</v>
      </c>
      <c r="FO33" s="413">
        <v>0</v>
      </c>
      <c r="FP33" s="102">
        <v>2</v>
      </c>
      <c r="FQ33" s="102">
        <v>1</v>
      </c>
      <c r="FR33" s="102">
        <v>2</v>
      </c>
      <c r="FS33" s="102">
        <v>1</v>
      </c>
      <c r="FT33" s="102">
        <v>0</v>
      </c>
      <c r="FU33" s="103">
        <v>6</v>
      </c>
      <c r="FV33" s="104">
        <v>7</v>
      </c>
      <c r="FW33" s="101">
        <v>0</v>
      </c>
      <c r="FX33" s="102">
        <v>0</v>
      </c>
      <c r="FY33" s="103">
        <v>0</v>
      </c>
      <c r="FZ33" s="413">
        <v>0</v>
      </c>
      <c r="GA33" s="102">
        <v>0</v>
      </c>
      <c r="GB33" s="102">
        <v>0</v>
      </c>
      <c r="GC33" s="102">
        <v>0</v>
      </c>
      <c r="GD33" s="102">
        <v>0</v>
      </c>
      <c r="GE33" s="102">
        <v>0</v>
      </c>
      <c r="GF33" s="103">
        <v>0</v>
      </c>
      <c r="GG33" s="104">
        <v>0</v>
      </c>
      <c r="GH33" s="101">
        <v>1</v>
      </c>
      <c r="GI33" s="102">
        <v>1</v>
      </c>
      <c r="GJ33" s="103">
        <v>2</v>
      </c>
      <c r="GK33" s="413">
        <v>0</v>
      </c>
      <c r="GL33" s="102">
        <v>6</v>
      </c>
      <c r="GM33" s="102">
        <v>1</v>
      </c>
      <c r="GN33" s="102">
        <v>2</v>
      </c>
      <c r="GO33" s="102">
        <v>1</v>
      </c>
      <c r="GP33" s="102">
        <v>0</v>
      </c>
      <c r="GQ33" s="103">
        <v>10</v>
      </c>
      <c r="GR33" s="104">
        <v>12</v>
      </c>
      <c r="GS33" s="105">
        <v>6</v>
      </c>
      <c r="GT33" s="97">
        <v>2</v>
      </c>
      <c r="GU33" s="98">
        <v>8</v>
      </c>
      <c r="GV33" s="413">
        <v>0</v>
      </c>
      <c r="GW33" s="97">
        <v>9</v>
      </c>
      <c r="GX33" s="97">
        <v>4</v>
      </c>
      <c r="GY33" s="97">
        <v>4</v>
      </c>
      <c r="GZ33" s="97">
        <v>4</v>
      </c>
      <c r="HA33" s="97">
        <v>2</v>
      </c>
      <c r="HB33" s="99">
        <v>23</v>
      </c>
      <c r="HC33" s="100">
        <v>31</v>
      </c>
      <c r="HD33" s="101">
        <v>0</v>
      </c>
      <c r="HE33" s="102">
        <v>0</v>
      </c>
      <c r="HF33" s="103">
        <v>0</v>
      </c>
      <c r="HG33" s="413">
        <v>0</v>
      </c>
      <c r="HH33" s="102">
        <v>0</v>
      </c>
      <c r="HI33" s="102">
        <v>0</v>
      </c>
      <c r="HJ33" s="102">
        <v>0</v>
      </c>
      <c r="HK33" s="102">
        <v>1</v>
      </c>
      <c r="HL33" s="102">
        <v>0</v>
      </c>
      <c r="HM33" s="103">
        <v>1</v>
      </c>
      <c r="HN33" s="104">
        <v>1</v>
      </c>
      <c r="HO33" s="101">
        <v>1</v>
      </c>
      <c r="HP33" s="102">
        <v>0</v>
      </c>
      <c r="HQ33" s="103">
        <v>1</v>
      </c>
      <c r="HR33" s="413">
        <v>0</v>
      </c>
      <c r="HS33" s="102">
        <v>1</v>
      </c>
      <c r="HT33" s="102">
        <v>0</v>
      </c>
      <c r="HU33" s="102">
        <v>1</v>
      </c>
      <c r="HV33" s="102">
        <v>0</v>
      </c>
      <c r="HW33" s="102">
        <v>0</v>
      </c>
      <c r="HX33" s="103">
        <v>2</v>
      </c>
      <c r="HY33" s="104">
        <v>3</v>
      </c>
      <c r="HZ33" s="101">
        <v>1</v>
      </c>
      <c r="IA33" s="102">
        <v>0</v>
      </c>
      <c r="IB33" s="103">
        <v>1</v>
      </c>
      <c r="IC33" s="413">
        <v>0</v>
      </c>
      <c r="ID33" s="102">
        <v>0</v>
      </c>
      <c r="IE33" s="102">
        <v>0</v>
      </c>
      <c r="IF33" s="102">
        <v>0</v>
      </c>
      <c r="IG33" s="102">
        <v>0</v>
      </c>
      <c r="IH33" s="102">
        <v>0</v>
      </c>
      <c r="II33" s="103">
        <v>0</v>
      </c>
      <c r="IJ33" s="104">
        <v>1</v>
      </c>
      <c r="IK33" s="101">
        <v>1</v>
      </c>
      <c r="IL33" s="102">
        <v>0</v>
      </c>
      <c r="IM33" s="103">
        <v>1</v>
      </c>
      <c r="IN33" s="413">
        <v>0</v>
      </c>
      <c r="IO33" s="102">
        <v>2</v>
      </c>
      <c r="IP33" s="102">
        <v>2</v>
      </c>
      <c r="IQ33" s="102">
        <v>0</v>
      </c>
      <c r="IR33" s="102">
        <v>0</v>
      </c>
      <c r="IS33" s="102">
        <v>0</v>
      </c>
      <c r="IT33" s="103">
        <v>4</v>
      </c>
      <c r="IU33" s="104">
        <v>5</v>
      </c>
      <c r="IV33" s="101">
        <v>0</v>
      </c>
      <c r="IW33" s="102">
        <v>0</v>
      </c>
      <c r="IX33" s="103">
        <v>0</v>
      </c>
      <c r="IY33" s="413">
        <v>0</v>
      </c>
      <c r="IZ33" s="102">
        <v>3</v>
      </c>
      <c r="JA33" s="102">
        <v>0</v>
      </c>
      <c r="JB33" s="102">
        <v>1</v>
      </c>
      <c r="JC33" s="102">
        <v>1</v>
      </c>
      <c r="JD33" s="102">
        <v>1</v>
      </c>
      <c r="JE33" s="103">
        <v>6</v>
      </c>
      <c r="JF33" s="104">
        <v>6</v>
      </c>
      <c r="JG33" s="101">
        <v>3</v>
      </c>
      <c r="JH33" s="102">
        <v>2</v>
      </c>
      <c r="JI33" s="103">
        <v>5</v>
      </c>
      <c r="JJ33" s="413">
        <v>0</v>
      </c>
      <c r="JK33" s="102">
        <v>3</v>
      </c>
      <c r="JL33" s="102">
        <v>2</v>
      </c>
      <c r="JM33" s="102">
        <v>2</v>
      </c>
      <c r="JN33" s="102">
        <v>2</v>
      </c>
      <c r="JO33" s="102">
        <v>1</v>
      </c>
      <c r="JP33" s="103">
        <v>10</v>
      </c>
      <c r="JQ33" s="104">
        <v>15</v>
      </c>
      <c r="JR33" s="101">
        <v>0</v>
      </c>
      <c r="JS33" s="102">
        <v>0</v>
      </c>
      <c r="JT33" s="103">
        <v>0</v>
      </c>
      <c r="JU33" s="413">
        <v>0</v>
      </c>
      <c r="JV33" s="102">
        <v>0</v>
      </c>
      <c r="JW33" s="102">
        <v>0</v>
      </c>
      <c r="JX33" s="102">
        <v>0</v>
      </c>
      <c r="JY33" s="102">
        <v>0</v>
      </c>
      <c r="JZ33" s="102">
        <v>0</v>
      </c>
      <c r="KA33" s="103">
        <v>0</v>
      </c>
      <c r="KB33" s="104">
        <v>0</v>
      </c>
      <c r="KC33" s="101">
        <v>6</v>
      </c>
      <c r="KD33" s="102">
        <v>2</v>
      </c>
      <c r="KE33" s="103">
        <v>8</v>
      </c>
      <c r="KF33" s="413">
        <v>0</v>
      </c>
      <c r="KG33" s="102">
        <v>9</v>
      </c>
      <c r="KH33" s="102">
        <v>4</v>
      </c>
      <c r="KI33" s="102">
        <v>4</v>
      </c>
      <c r="KJ33" s="102">
        <v>4</v>
      </c>
      <c r="KK33" s="102">
        <v>2</v>
      </c>
      <c r="KL33" s="103">
        <v>23</v>
      </c>
      <c r="KM33" s="104">
        <v>31</v>
      </c>
    </row>
    <row r="34" spans="2:299" s="70" customFormat="1" ht="21" customHeight="1" x14ac:dyDescent="0.2">
      <c r="B34" s="106" t="s">
        <v>31</v>
      </c>
      <c r="C34" s="96">
        <v>4</v>
      </c>
      <c r="D34" s="97">
        <v>4</v>
      </c>
      <c r="E34" s="98">
        <v>8</v>
      </c>
      <c r="F34" s="413">
        <v>0</v>
      </c>
      <c r="G34" s="97">
        <v>6</v>
      </c>
      <c r="H34" s="97">
        <v>3</v>
      </c>
      <c r="I34" s="97">
        <v>7</v>
      </c>
      <c r="J34" s="97">
        <v>2</v>
      </c>
      <c r="K34" s="97">
        <v>2</v>
      </c>
      <c r="L34" s="99">
        <v>20</v>
      </c>
      <c r="M34" s="100">
        <v>28</v>
      </c>
      <c r="N34" s="101">
        <v>0</v>
      </c>
      <c r="O34" s="102">
        <v>0</v>
      </c>
      <c r="P34" s="103">
        <v>0</v>
      </c>
      <c r="Q34" s="413">
        <v>0</v>
      </c>
      <c r="R34" s="102">
        <v>0</v>
      </c>
      <c r="S34" s="102">
        <v>1</v>
      </c>
      <c r="T34" s="102">
        <v>0</v>
      </c>
      <c r="U34" s="102">
        <v>0</v>
      </c>
      <c r="V34" s="102">
        <v>0</v>
      </c>
      <c r="W34" s="103">
        <v>1</v>
      </c>
      <c r="X34" s="104">
        <v>1</v>
      </c>
      <c r="Y34" s="101">
        <v>2</v>
      </c>
      <c r="Z34" s="102">
        <v>1</v>
      </c>
      <c r="AA34" s="103">
        <v>3</v>
      </c>
      <c r="AB34" s="413">
        <v>0</v>
      </c>
      <c r="AC34" s="102">
        <v>0</v>
      </c>
      <c r="AD34" s="102">
        <v>0</v>
      </c>
      <c r="AE34" s="102">
        <v>1</v>
      </c>
      <c r="AF34" s="102">
        <v>0</v>
      </c>
      <c r="AG34" s="102">
        <v>1</v>
      </c>
      <c r="AH34" s="103">
        <v>2</v>
      </c>
      <c r="AI34" s="104">
        <v>5</v>
      </c>
      <c r="AJ34" s="101">
        <v>0</v>
      </c>
      <c r="AK34" s="102">
        <v>1</v>
      </c>
      <c r="AL34" s="103">
        <v>1</v>
      </c>
      <c r="AM34" s="413">
        <v>0</v>
      </c>
      <c r="AN34" s="102">
        <v>3</v>
      </c>
      <c r="AO34" s="102">
        <v>0</v>
      </c>
      <c r="AP34" s="102">
        <v>1</v>
      </c>
      <c r="AQ34" s="102">
        <v>0</v>
      </c>
      <c r="AR34" s="102">
        <v>0</v>
      </c>
      <c r="AS34" s="103">
        <v>4</v>
      </c>
      <c r="AT34" s="104">
        <v>5</v>
      </c>
      <c r="AU34" s="101">
        <v>1</v>
      </c>
      <c r="AV34" s="102">
        <v>1</v>
      </c>
      <c r="AW34" s="103">
        <v>2</v>
      </c>
      <c r="AX34" s="413">
        <v>0</v>
      </c>
      <c r="AY34" s="102">
        <v>0</v>
      </c>
      <c r="AZ34" s="102">
        <v>0</v>
      </c>
      <c r="BA34" s="102">
        <v>0</v>
      </c>
      <c r="BB34" s="102">
        <v>0</v>
      </c>
      <c r="BC34" s="102">
        <v>0</v>
      </c>
      <c r="BD34" s="103">
        <v>0</v>
      </c>
      <c r="BE34" s="104">
        <v>2</v>
      </c>
      <c r="BF34" s="101">
        <v>0</v>
      </c>
      <c r="BG34" s="102">
        <v>1</v>
      </c>
      <c r="BH34" s="103">
        <v>1</v>
      </c>
      <c r="BI34" s="413">
        <v>0</v>
      </c>
      <c r="BJ34" s="102">
        <v>1</v>
      </c>
      <c r="BK34" s="102">
        <v>1</v>
      </c>
      <c r="BL34" s="102">
        <v>2</v>
      </c>
      <c r="BM34" s="102">
        <v>1</v>
      </c>
      <c r="BN34" s="102">
        <v>0</v>
      </c>
      <c r="BO34" s="103">
        <v>5</v>
      </c>
      <c r="BP34" s="104">
        <v>6</v>
      </c>
      <c r="BQ34" s="101">
        <v>1</v>
      </c>
      <c r="BR34" s="102">
        <v>0</v>
      </c>
      <c r="BS34" s="103">
        <v>1</v>
      </c>
      <c r="BT34" s="413">
        <v>0</v>
      </c>
      <c r="BU34" s="102">
        <v>2</v>
      </c>
      <c r="BV34" s="102">
        <v>1</v>
      </c>
      <c r="BW34" s="102">
        <v>3</v>
      </c>
      <c r="BX34" s="102">
        <v>1</v>
      </c>
      <c r="BY34" s="102">
        <v>1</v>
      </c>
      <c r="BZ34" s="103">
        <v>8</v>
      </c>
      <c r="CA34" s="104">
        <v>9</v>
      </c>
      <c r="CB34" s="101">
        <v>0</v>
      </c>
      <c r="CC34" s="102">
        <v>0</v>
      </c>
      <c r="CD34" s="103">
        <v>0</v>
      </c>
      <c r="CE34" s="413">
        <v>0</v>
      </c>
      <c r="CF34" s="102">
        <v>0</v>
      </c>
      <c r="CG34" s="102">
        <v>0</v>
      </c>
      <c r="CH34" s="102">
        <v>0</v>
      </c>
      <c r="CI34" s="102">
        <v>0</v>
      </c>
      <c r="CJ34" s="102">
        <v>0</v>
      </c>
      <c r="CK34" s="103">
        <v>0</v>
      </c>
      <c r="CL34" s="104">
        <v>0</v>
      </c>
      <c r="CM34" s="101">
        <v>4</v>
      </c>
      <c r="CN34" s="102">
        <v>4</v>
      </c>
      <c r="CO34" s="103">
        <v>8</v>
      </c>
      <c r="CP34" s="413">
        <v>0</v>
      </c>
      <c r="CQ34" s="102">
        <v>6</v>
      </c>
      <c r="CR34" s="102">
        <v>3</v>
      </c>
      <c r="CS34" s="102">
        <v>7</v>
      </c>
      <c r="CT34" s="102">
        <v>2</v>
      </c>
      <c r="CU34" s="102">
        <v>2</v>
      </c>
      <c r="CV34" s="103">
        <v>20</v>
      </c>
      <c r="CW34" s="104">
        <v>28</v>
      </c>
      <c r="CX34" s="105">
        <v>1</v>
      </c>
      <c r="CY34" s="97">
        <v>0</v>
      </c>
      <c r="CZ34" s="98">
        <v>1</v>
      </c>
      <c r="DA34" s="413">
        <v>0</v>
      </c>
      <c r="DB34" s="97">
        <v>1</v>
      </c>
      <c r="DC34" s="97">
        <v>0</v>
      </c>
      <c r="DD34" s="97">
        <v>4</v>
      </c>
      <c r="DE34" s="97">
        <v>1</v>
      </c>
      <c r="DF34" s="97">
        <v>0</v>
      </c>
      <c r="DG34" s="99">
        <v>6</v>
      </c>
      <c r="DH34" s="100">
        <v>7</v>
      </c>
      <c r="DI34" s="101">
        <v>0</v>
      </c>
      <c r="DJ34" s="102">
        <v>0</v>
      </c>
      <c r="DK34" s="103">
        <v>0</v>
      </c>
      <c r="DL34" s="413">
        <v>0</v>
      </c>
      <c r="DM34" s="102">
        <v>0</v>
      </c>
      <c r="DN34" s="102">
        <v>0</v>
      </c>
      <c r="DO34" s="102">
        <v>0</v>
      </c>
      <c r="DP34" s="102">
        <v>0</v>
      </c>
      <c r="DQ34" s="102">
        <v>0</v>
      </c>
      <c r="DR34" s="103">
        <v>0</v>
      </c>
      <c r="DS34" s="104">
        <v>0</v>
      </c>
      <c r="DT34" s="101">
        <v>0</v>
      </c>
      <c r="DU34" s="102">
        <v>0</v>
      </c>
      <c r="DV34" s="103">
        <v>0</v>
      </c>
      <c r="DW34" s="413">
        <v>0</v>
      </c>
      <c r="DX34" s="102">
        <v>0</v>
      </c>
      <c r="DY34" s="102">
        <v>0</v>
      </c>
      <c r="DZ34" s="102">
        <v>1</v>
      </c>
      <c r="EA34" s="102">
        <v>0</v>
      </c>
      <c r="EB34" s="102">
        <v>0</v>
      </c>
      <c r="EC34" s="103">
        <v>1</v>
      </c>
      <c r="ED34" s="104">
        <v>1</v>
      </c>
      <c r="EE34" s="101">
        <v>0</v>
      </c>
      <c r="EF34" s="102">
        <v>0</v>
      </c>
      <c r="EG34" s="103">
        <v>0</v>
      </c>
      <c r="EH34" s="413">
        <v>0</v>
      </c>
      <c r="EI34" s="102">
        <v>0</v>
      </c>
      <c r="EJ34" s="102">
        <v>0</v>
      </c>
      <c r="EK34" s="102">
        <v>0</v>
      </c>
      <c r="EL34" s="102">
        <v>1</v>
      </c>
      <c r="EM34" s="102">
        <v>0</v>
      </c>
      <c r="EN34" s="103">
        <v>1</v>
      </c>
      <c r="EO34" s="104">
        <v>1</v>
      </c>
      <c r="EP34" s="101">
        <v>0</v>
      </c>
      <c r="EQ34" s="102">
        <v>0</v>
      </c>
      <c r="ER34" s="103">
        <v>0</v>
      </c>
      <c r="ES34" s="413">
        <v>0</v>
      </c>
      <c r="ET34" s="102">
        <v>1</v>
      </c>
      <c r="EU34" s="102">
        <v>0</v>
      </c>
      <c r="EV34" s="102">
        <v>2</v>
      </c>
      <c r="EW34" s="102">
        <v>0</v>
      </c>
      <c r="EX34" s="102">
        <v>0</v>
      </c>
      <c r="EY34" s="103">
        <v>3</v>
      </c>
      <c r="EZ34" s="104">
        <v>3</v>
      </c>
      <c r="FA34" s="101">
        <v>1</v>
      </c>
      <c r="FB34" s="102">
        <v>0</v>
      </c>
      <c r="FC34" s="103">
        <v>1</v>
      </c>
      <c r="FD34" s="413">
        <v>0</v>
      </c>
      <c r="FE34" s="102">
        <v>0</v>
      </c>
      <c r="FF34" s="102">
        <v>0</v>
      </c>
      <c r="FG34" s="102">
        <v>0</v>
      </c>
      <c r="FH34" s="102">
        <v>0</v>
      </c>
      <c r="FI34" s="102">
        <v>0</v>
      </c>
      <c r="FJ34" s="103">
        <v>0</v>
      </c>
      <c r="FK34" s="104">
        <v>1</v>
      </c>
      <c r="FL34" s="101">
        <v>0</v>
      </c>
      <c r="FM34" s="102">
        <v>0</v>
      </c>
      <c r="FN34" s="103">
        <v>0</v>
      </c>
      <c r="FO34" s="413">
        <v>0</v>
      </c>
      <c r="FP34" s="102">
        <v>0</v>
      </c>
      <c r="FQ34" s="102">
        <v>0</v>
      </c>
      <c r="FR34" s="102">
        <v>1</v>
      </c>
      <c r="FS34" s="102">
        <v>0</v>
      </c>
      <c r="FT34" s="102">
        <v>0</v>
      </c>
      <c r="FU34" s="103">
        <v>1</v>
      </c>
      <c r="FV34" s="104">
        <v>1</v>
      </c>
      <c r="FW34" s="101">
        <v>0</v>
      </c>
      <c r="FX34" s="102">
        <v>0</v>
      </c>
      <c r="FY34" s="103">
        <v>0</v>
      </c>
      <c r="FZ34" s="413">
        <v>0</v>
      </c>
      <c r="GA34" s="102">
        <v>0</v>
      </c>
      <c r="GB34" s="102">
        <v>0</v>
      </c>
      <c r="GC34" s="102">
        <v>0</v>
      </c>
      <c r="GD34" s="102">
        <v>0</v>
      </c>
      <c r="GE34" s="102">
        <v>0</v>
      </c>
      <c r="GF34" s="103">
        <v>0</v>
      </c>
      <c r="GG34" s="104">
        <v>0</v>
      </c>
      <c r="GH34" s="101">
        <v>1</v>
      </c>
      <c r="GI34" s="102">
        <v>0</v>
      </c>
      <c r="GJ34" s="103">
        <v>1</v>
      </c>
      <c r="GK34" s="413">
        <v>0</v>
      </c>
      <c r="GL34" s="102">
        <v>1</v>
      </c>
      <c r="GM34" s="102">
        <v>0</v>
      </c>
      <c r="GN34" s="102">
        <v>4</v>
      </c>
      <c r="GO34" s="102">
        <v>1</v>
      </c>
      <c r="GP34" s="102">
        <v>0</v>
      </c>
      <c r="GQ34" s="103">
        <v>6</v>
      </c>
      <c r="GR34" s="104">
        <v>7</v>
      </c>
      <c r="GS34" s="105">
        <v>5</v>
      </c>
      <c r="GT34" s="97">
        <v>4</v>
      </c>
      <c r="GU34" s="98">
        <v>9</v>
      </c>
      <c r="GV34" s="413">
        <v>0</v>
      </c>
      <c r="GW34" s="97">
        <v>7</v>
      </c>
      <c r="GX34" s="97">
        <v>3</v>
      </c>
      <c r="GY34" s="97">
        <v>11</v>
      </c>
      <c r="GZ34" s="97">
        <v>3</v>
      </c>
      <c r="HA34" s="97">
        <v>2</v>
      </c>
      <c r="HB34" s="99">
        <v>26</v>
      </c>
      <c r="HC34" s="100">
        <v>35</v>
      </c>
      <c r="HD34" s="101">
        <v>0</v>
      </c>
      <c r="HE34" s="102">
        <v>0</v>
      </c>
      <c r="HF34" s="103">
        <v>0</v>
      </c>
      <c r="HG34" s="413">
        <v>0</v>
      </c>
      <c r="HH34" s="102">
        <v>0</v>
      </c>
      <c r="HI34" s="102">
        <v>1</v>
      </c>
      <c r="HJ34" s="102">
        <v>0</v>
      </c>
      <c r="HK34" s="102">
        <v>0</v>
      </c>
      <c r="HL34" s="102">
        <v>0</v>
      </c>
      <c r="HM34" s="103">
        <v>1</v>
      </c>
      <c r="HN34" s="104">
        <v>1</v>
      </c>
      <c r="HO34" s="101">
        <v>2</v>
      </c>
      <c r="HP34" s="102">
        <v>1</v>
      </c>
      <c r="HQ34" s="103">
        <v>3</v>
      </c>
      <c r="HR34" s="413">
        <v>0</v>
      </c>
      <c r="HS34" s="102">
        <v>0</v>
      </c>
      <c r="HT34" s="102">
        <v>0</v>
      </c>
      <c r="HU34" s="102">
        <v>2</v>
      </c>
      <c r="HV34" s="102">
        <v>0</v>
      </c>
      <c r="HW34" s="102">
        <v>1</v>
      </c>
      <c r="HX34" s="103">
        <v>3</v>
      </c>
      <c r="HY34" s="104">
        <v>6</v>
      </c>
      <c r="HZ34" s="101">
        <v>0</v>
      </c>
      <c r="IA34" s="102">
        <v>1</v>
      </c>
      <c r="IB34" s="103">
        <v>1</v>
      </c>
      <c r="IC34" s="413">
        <v>0</v>
      </c>
      <c r="ID34" s="102">
        <v>3</v>
      </c>
      <c r="IE34" s="102">
        <v>0</v>
      </c>
      <c r="IF34" s="102">
        <v>1</v>
      </c>
      <c r="IG34" s="102">
        <v>1</v>
      </c>
      <c r="IH34" s="102">
        <v>0</v>
      </c>
      <c r="II34" s="103">
        <v>5</v>
      </c>
      <c r="IJ34" s="104">
        <v>6</v>
      </c>
      <c r="IK34" s="101">
        <v>1</v>
      </c>
      <c r="IL34" s="102">
        <v>1</v>
      </c>
      <c r="IM34" s="103">
        <v>2</v>
      </c>
      <c r="IN34" s="413">
        <v>0</v>
      </c>
      <c r="IO34" s="102">
        <v>1</v>
      </c>
      <c r="IP34" s="102">
        <v>0</v>
      </c>
      <c r="IQ34" s="102">
        <v>2</v>
      </c>
      <c r="IR34" s="102">
        <v>0</v>
      </c>
      <c r="IS34" s="102">
        <v>0</v>
      </c>
      <c r="IT34" s="103">
        <v>3</v>
      </c>
      <c r="IU34" s="104">
        <v>5</v>
      </c>
      <c r="IV34" s="101">
        <v>1</v>
      </c>
      <c r="IW34" s="102">
        <v>1</v>
      </c>
      <c r="IX34" s="103">
        <v>2</v>
      </c>
      <c r="IY34" s="413">
        <v>0</v>
      </c>
      <c r="IZ34" s="102">
        <v>1</v>
      </c>
      <c r="JA34" s="102">
        <v>1</v>
      </c>
      <c r="JB34" s="102">
        <v>2</v>
      </c>
      <c r="JC34" s="102">
        <v>1</v>
      </c>
      <c r="JD34" s="102">
        <v>0</v>
      </c>
      <c r="JE34" s="103">
        <v>5</v>
      </c>
      <c r="JF34" s="104">
        <v>7</v>
      </c>
      <c r="JG34" s="101">
        <v>1</v>
      </c>
      <c r="JH34" s="102">
        <v>0</v>
      </c>
      <c r="JI34" s="103">
        <v>1</v>
      </c>
      <c r="JJ34" s="413">
        <v>0</v>
      </c>
      <c r="JK34" s="102">
        <v>2</v>
      </c>
      <c r="JL34" s="102">
        <v>1</v>
      </c>
      <c r="JM34" s="102">
        <v>4</v>
      </c>
      <c r="JN34" s="102">
        <v>1</v>
      </c>
      <c r="JO34" s="102">
        <v>1</v>
      </c>
      <c r="JP34" s="103">
        <v>9</v>
      </c>
      <c r="JQ34" s="104">
        <v>10</v>
      </c>
      <c r="JR34" s="101">
        <v>0</v>
      </c>
      <c r="JS34" s="102">
        <v>0</v>
      </c>
      <c r="JT34" s="103">
        <v>0</v>
      </c>
      <c r="JU34" s="413">
        <v>0</v>
      </c>
      <c r="JV34" s="102">
        <v>0</v>
      </c>
      <c r="JW34" s="102">
        <v>0</v>
      </c>
      <c r="JX34" s="102">
        <v>0</v>
      </c>
      <c r="JY34" s="102">
        <v>0</v>
      </c>
      <c r="JZ34" s="102">
        <v>0</v>
      </c>
      <c r="KA34" s="103">
        <v>0</v>
      </c>
      <c r="KB34" s="104">
        <v>0</v>
      </c>
      <c r="KC34" s="101">
        <v>5</v>
      </c>
      <c r="KD34" s="102">
        <v>4</v>
      </c>
      <c r="KE34" s="103">
        <v>9</v>
      </c>
      <c r="KF34" s="413">
        <v>0</v>
      </c>
      <c r="KG34" s="102">
        <v>7</v>
      </c>
      <c r="KH34" s="102">
        <v>3</v>
      </c>
      <c r="KI34" s="102">
        <v>11</v>
      </c>
      <c r="KJ34" s="102">
        <v>3</v>
      </c>
      <c r="KK34" s="102">
        <v>2</v>
      </c>
      <c r="KL34" s="103">
        <v>26</v>
      </c>
      <c r="KM34" s="104">
        <v>35</v>
      </c>
    </row>
    <row r="35" spans="2:299" s="70" customFormat="1" ht="21" customHeight="1" x14ac:dyDescent="0.2">
      <c r="B35" s="106" t="s">
        <v>32</v>
      </c>
      <c r="C35" s="96">
        <v>5</v>
      </c>
      <c r="D35" s="97">
        <v>4</v>
      </c>
      <c r="E35" s="98">
        <v>9</v>
      </c>
      <c r="F35" s="413">
        <v>0</v>
      </c>
      <c r="G35" s="97">
        <v>12</v>
      </c>
      <c r="H35" s="97">
        <v>5</v>
      </c>
      <c r="I35" s="97">
        <v>2</v>
      </c>
      <c r="J35" s="97">
        <v>5</v>
      </c>
      <c r="K35" s="97">
        <v>4</v>
      </c>
      <c r="L35" s="99">
        <v>28</v>
      </c>
      <c r="M35" s="100">
        <v>37</v>
      </c>
      <c r="N35" s="101">
        <v>0</v>
      </c>
      <c r="O35" s="102">
        <v>0</v>
      </c>
      <c r="P35" s="103">
        <v>0</v>
      </c>
      <c r="Q35" s="413">
        <v>0</v>
      </c>
      <c r="R35" s="102">
        <v>0</v>
      </c>
      <c r="S35" s="102">
        <v>0</v>
      </c>
      <c r="T35" s="102">
        <v>0</v>
      </c>
      <c r="U35" s="102">
        <v>0</v>
      </c>
      <c r="V35" s="102">
        <v>0</v>
      </c>
      <c r="W35" s="103">
        <v>0</v>
      </c>
      <c r="X35" s="104">
        <v>0</v>
      </c>
      <c r="Y35" s="101">
        <v>0</v>
      </c>
      <c r="Z35" s="102">
        <v>0</v>
      </c>
      <c r="AA35" s="103">
        <v>0</v>
      </c>
      <c r="AB35" s="413">
        <v>0</v>
      </c>
      <c r="AC35" s="102">
        <v>0</v>
      </c>
      <c r="AD35" s="102">
        <v>0</v>
      </c>
      <c r="AE35" s="102">
        <v>1</v>
      </c>
      <c r="AF35" s="102">
        <v>2</v>
      </c>
      <c r="AG35" s="102">
        <v>0</v>
      </c>
      <c r="AH35" s="103">
        <v>3</v>
      </c>
      <c r="AI35" s="104">
        <v>3</v>
      </c>
      <c r="AJ35" s="101">
        <v>1</v>
      </c>
      <c r="AK35" s="102">
        <v>0</v>
      </c>
      <c r="AL35" s="103">
        <v>1</v>
      </c>
      <c r="AM35" s="413">
        <v>0</v>
      </c>
      <c r="AN35" s="102">
        <v>3</v>
      </c>
      <c r="AO35" s="102">
        <v>0</v>
      </c>
      <c r="AP35" s="102">
        <v>0</v>
      </c>
      <c r="AQ35" s="102">
        <v>1</v>
      </c>
      <c r="AR35" s="102">
        <v>2</v>
      </c>
      <c r="AS35" s="103">
        <v>6</v>
      </c>
      <c r="AT35" s="104">
        <v>7</v>
      </c>
      <c r="AU35" s="101">
        <v>1</v>
      </c>
      <c r="AV35" s="102">
        <v>2</v>
      </c>
      <c r="AW35" s="103">
        <v>3</v>
      </c>
      <c r="AX35" s="413">
        <v>0</v>
      </c>
      <c r="AY35" s="102">
        <v>4</v>
      </c>
      <c r="AZ35" s="102">
        <v>1</v>
      </c>
      <c r="BA35" s="102">
        <v>0</v>
      </c>
      <c r="BB35" s="102">
        <v>0</v>
      </c>
      <c r="BC35" s="102">
        <v>1</v>
      </c>
      <c r="BD35" s="103">
        <v>6</v>
      </c>
      <c r="BE35" s="104">
        <v>9</v>
      </c>
      <c r="BF35" s="101">
        <v>0</v>
      </c>
      <c r="BG35" s="102">
        <v>2</v>
      </c>
      <c r="BH35" s="103">
        <v>2</v>
      </c>
      <c r="BI35" s="413">
        <v>0</v>
      </c>
      <c r="BJ35" s="102">
        <v>2</v>
      </c>
      <c r="BK35" s="102">
        <v>2</v>
      </c>
      <c r="BL35" s="102">
        <v>1</v>
      </c>
      <c r="BM35" s="102">
        <v>0</v>
      </c>
      <c r="BN35" s="102">
        <v>0</v>
      </c>
      <c r="BO35" s="103">
        <v>5</v>
      </c>
      <c r="BP35" s="104">
        <v>7</v>
      </c>
      <c r="BQ35" s="101">
        <v>3</v>
      </c>
      <c r="BR35" s="102">
        <v>0</v>
      </c>
      <c r="BS35" s="103">
        <v>3</v>
      </c>
      <c r="BT35" s="413">
        <v>0</v>
      </c>
      <c r="BU35" s="102">
        <v>3</v>
      </c>
      <c r="BV35" s="102">
        <v>2</v>
      </c>
      <c r="BW35" s="102">
        <v>0</v>
      </c>
      <c r="BX35" s="102">
        <v>2</v>
      </c>
      <c r="BY35" s="102">
        <v>1</v>
      </c>
      <c r="BZ35" s="103">
        <v>8</v>
      </c>
      <c r="CA35" s="104">
        <v>11</v>
      </c>
      <c r="CB35" s="101">
        <v>0</v>
      </c>
      <c r="CC35" s="102">
        <v>0</v>
      </c>
      <c r="CD35" s="103">
        <v>0</v>
      </c>
      <c r="CE35" s="413">
        <v>0</v>
      </c>
      <c r="CF35" s="102">
        <v>0</v>
      </c>
      <c r="CG35" s="102">
        <v>0</v>
      </c>
      <c r="CH35" s="102">
        <v>0</v>
      </c>
      <c r="CI35" s="102">
        <v>0</v>
      </c>
      <c r="CJ35" s="102">
        <v>0</v>
      </c>
      <c r="CK35" s="103">
        <v>0</v>
      </c>
      <c r="CL35" s="104">
        <v>0</v>
      </c>
      <c r="CM35" s="101">
        <v>5</v>
      </c>
      <c r="CN35" s="102">
        <v>4</v>
      </c>
      <c r="CO35" s="103">
        <v>9</v>
      </c>
      <c r="CP35" s="413">
        <v>0</v>
      </c>
      <c r="CQ35" s="102">
        <v>12</v>
      </c>
      <c r="CR35" s="102">
        <v>5</v>
      </c>
      <c r="CS35" s="102">
        <v>2</v>
      </c>
      <c r="CT35" s="102">
        <v>5</v>
      </c>
      <c r="CU35" s="102">
        <v>4</v>
      </c>
      <c r="CV35" s="103">
        <v>28</v>
      </c>
      <c r="CW35" s="104">
        <v>37</v>
      </c>
      <c r="CX35" s="105">
        <v>2</v>
      </c>
      <c r="CY35" s="97">
        <v>1</v>
      </c>
      <c r="CZ35" s="98">
        <v>3</v>
      </c>
      <c r="DA35" s="413">
        <v>0</v>
      </c>
      <c r="DB35" s="97">
        <v>5</v>
      </c>
      <c r="DC35" s="97">
        <v>3</v>
      </c>
      <c r="DD35" s="97">
        <v>2</v>
      </c>
      <c r="DE35" s="97">
        <v>3</v>
      </c>
      <c r="DF35" s="97">
        <v>1</v>
      </c>
      <c r="DG35" s="99">
        <v>14</v>
      </c>
      <c r="DH35" s="100">
        <v>17</v>
      </c>
      <c r="DI35" s="101">
        <v>0</v>
      </c>
      <c r="DJ35" s="102">
        <v>0</v>
      </c>
      <c r="DK35" s="103">
        <v>0</v>
      </c>
      <c r="DL35" s="413">
        <v>0</v>
      </c>
      <c r="DM35" s="102">
        <v>0</v>
      </c>
      <c r="DN35" s="102">
        <v>0</v>
      </c>
      <c r="DO35" s="102">
        <v>0</v>
      </c>
      <c r="DP35" s="102">
        <v>0</v>
      </c>
      <c r="DQ35" s="102">
        <v>0</v>
      </c>
      <c r="DR35" s="103">
        <v>0</v>
      </c>
      <c r="DS35" s="104">
        <v>0</v>
      </c>
      <c r="DT35" s="101">
        <v>1</v>
      </c>
      <c r="DU35" s="102">
        <v>0</v>
      </c>
      <c r="DV35" s="103">
        <v>1</v>
      </c>
      <c r="DW35" s="413">
        <v>0</v>
      </c>
      <c r="DX35" s="102">
        <v>0</v>
      </c>
      <c r="DY35" s="102">
        <v>0</v>
      </c>
      <c r="DZ35" s="102">
        <v>0</v>
      </c>
      <c r="EA35" s="102">
        <v>0</v>
      </c>
      <c r="EB35" s="102">
        <v>0</v>
      </c>
      <c r="EC35" s="103">
        <v>0</v>
      </c>
      <c r="ED35" s="104">
        <v>1</v>
      </c>
      <c r="EE35" s="101">
        <v>0</v>
      </c>
      <c r="EF35" s="102">
        <v>0</v>
      </c>
      <c r="EG35" s="103">
        <v>0</v>
      </c>
      <c r="EH35" s="413">
        <v>0</v>
      </c>
      <c r="EI35" s="102">
        <v>1</v>
      </c>
      <c r="EJ35" s="102">
        <v>0</v>
      </c>
      <c r="EK35" s="102">
        <v>1</v>
      </c>
      <c r="EL35" s="102">
        <v>0</v>
      </c>
      <c r="EM35" s="102">
        <v>0</v>
      </c>
      <c r="EN35" s="103">
        <v>2</v>
      </c>
      <c r="EO35" s="104">
        <v>2</v>
      </c>
      <c r="EP35" s="101">
        <v>1</v>
      </c>
      <c r="EQ35" s="102">
        <v>0</v>
      </c>
      <c r="ER35" s="103">
        <v>1</v>
      </c>
      <c r="ES35" s="413">
        <v>0</v>
      </c>
      <c r="ET35" s="102">
        <v>1</v>
      </c>
      <c r="EU35" s="102">
        <v>0</v>
      </c>
      <c r="EV35" s="102">
        <v>0</v>
      </c>
      <c r="EW35" s="102">
        <v>1</v>
      </c>
      <c r="EX35" s="102">
        <v>0</v>
      </c>
      <c r="EY35" s="103">
        <v>2</v>
      </c>
      <c r="EZ35" s="104">
        <v>3</v>
      </c>
      <c r="FA35" s="101">
        <v>0</v>
      </c>
      <c r="FB35" s="102">
        <v>0</v>
      </c>
      <c r="FC35" s="103">
        <v>0</v>
      </c>
      <c r="FD35" s="413">
        <v>0</v>
      </c>
      <c r="FE35" s="102">
        <v>1</v>
      </c>
      <c r="FF35" s="102">
        <v>1</v>
      </c>
      <c r="FG35" s="102">
        <v>1</v>
      </c>
      <c r="FH35" s="102">
        <v>0</v>
      </c>
      <c r="FI35" s="102">
        <v>1</v>
      </c>
      <c r="FJ35" s="103">
        <v>4</v>
      </c>
      <c r="FK35" s="104">
        <v>4</v>
      </c>
      <c r="FL35" s="101">
        <v>0</v>
      </c>
      <c r="FM35" s="102">
        <v>1</v>
      </c>
      <c r="FN35" s="103">
        <v>1</v>
      </c>
      <c r="FO35" s="413">
        <v>0</v>
      </c>
      <c r="FP35" s="102">
        <v>2</v>
      </c>
      <c r="FQ35" s="102">
        <v>2</v>
      </c>
      <c r="FR35" s="102">
        <v>0</v>
      </c>
      <c r="FS35" s="102">
        <v>2</v>
      </c>
      <c r="FT35" s="102">
        <v>0</v>
      </c>
      <c r="FU35" s="103">
        <v>6</v>
      </c>
      <c r="FV35" s="104">
        <v>7</v>
      </c>
      <c r="FW35" s="101">
        <v>0</v>
      </c>
      <c r="FX35" s="102">
        <v>0</v>
      </c>
      <c r="FY35" s="103">
        <v>0</v>
      </c>
      <c r="FZ35" s="413">
        <v>0</v>
      </c>
      <c r="GA35" s="102">
        <v>0</v>
      </c>
      <c r="GB35" s="102">
        <v>0</v>
      </c>
      <c r="GC35" s="102">
        <v>0</v>
      </c>
      <c r="GD35" s="102">
        <v>0</v>
      </c>
      <c r="GE35" s="102">
        <v>0</v>
      </c>
      <c r="GF35" s="103">
        <v>0</v>
      </c>
      <c r="GG35" s="104">
        <v>0</v>
      </c>
      <c r="GH35" s="101">
        <v>2</v>
      </c>
      <c r="GI35" s="102">
        <v>1</v>
      </c>
      <c r="GJ35" s="103">
        <v>3</v>
      </c>
      <c r="GK35" s="413">
        <v>0</v>
      </c>
      <c r="GL35" s="102">
        <v>5</v>
      </c>
      <c r="GM35" s="102">
        <v>3</v>
      </c>
      <c r="GN35" s="102">
        <v>2</v>
      </c>
      <c r="GO35" s="102">
        <v>3</v>
      </c>
      <c r="GP35" s="102">
        <v>1</v>
      </c>
      <c r="GQ35" s="103">
        <v>14</v>
      </c>
      <c r="GR35" s="104">
        <v>17</v>
      </c>
      <c r="GS35" s="105">
        <v>7</v>
      </c>
      <c r="GT35" s="97">
        <v>5</v>
      </c>
      <c r="GU35" s="98">
        <v>12</v>
      </c>
      <c r="GV35" s="413">
        <v>0</v>
      </c>
      <c r="GW35" s="97">
        <v>17</v>
      </c>
      <c r="GX35" s="97">
        <v>8</v>
      </c>
      <c r="GY35" s="97">
        <v>4</v>
      </c>
      <c r="GZ35" s="97">
        <v>8</v>
      </c>
      <c r="HA35" s="97">
        <v>5</v>
      </c>
      <c r="HB35" s="99">
        <v>42</v>
      </c>
      <c r="HC35" s="100">
        <v>54</v>
      </c>
      <c r="HD35" s="101">
        <v>0</v>
      </c>
      <c r="HE35" s="102">
        <v>0</v>
      </c>
      <c r="HF35" s="103">
        <v>0</v>
      </c>
      <c r="HG35" s="413">
        <v>0</v>
      </c>
      <c r="HH35" s="102">
        <v>0</v>
      </c>
      <c r="HI35" s="102">
        <v>0</v>
      </c>
      <c r="HJ35" s="102">
        <v>0</v>
      </c>
      <c r="HK35" s="102">
        <v>0</v>
      </c>
      <c r="HL35" s="102">
        <v>0</v>
      </c>
      <c r="HM35" s="103">
        <v>0</v>
      </c>
      <c r="HN35" s="104">
        <v>0</v>
      </c>
      <c r="HO35" s="101">
        <v>1</v>
      </c>
      <c r="HP35" s="102">
        <v>0</v>
      </c>
      <c r="HQ35" s="103">
        <v>1</v>
      </c>
      <c r="HR35" s="413">
        <v>0</v>
      </c>
      <c r="HS35" s="102">
        <v>0</v>
      </c>
      <c r="HT35" s="102">
        <v>0</v>
      </c>
      <c r="HU35" s="102">
        <v>1</v>
      </c>
      <c r="HV35" s="102">
        <v>2</v>
      </c>
      <c r="HW35" s="102">
        <v>0</v>
      </c>
      <c r="HX35" s="103">
        <v>3</v>
      </c>
      <c r="HY35" s="104">
        <v>4</v>
      </c>
      <c r="HZ35" s="101">
        <v>1</v>
      </c>
      <c r="IA35" s="102">
        <v>0</v>
      </c>
      <c r="IB35" s="103">
        <v>1</v>
      </c>
      <c r="IC35" s="413">
        <v>0</v>
      </c>
      <c r="ID35" s="102">
        <v>4</v>
      </c>
      <c r="IE35" s="102">
        <v>0</v>
      </c>
      <c r="IF35" s="102">
        <v>1</v>
      </c>
      <c r="IG35" s="102">
        <v>1</v>
      </c>
      <c r="IH35" s="102">
        <v>2</v>
      </c>
      <c r="II35" s="103">
        <v>8</v>
      </c>
      <c r="IJ35" s="104">
        <v>9</v>
      </c>
      <c r="IK35" s="101">
        <v>2</v>
      </c>
      <c r="IL35" s="102">
        <v>2</v>
      </c>
      <c r="IM35" s="103">
        <v>4</v>
      </c>
      <c r="IN35" s="413">
        <v>0</v>
      </c>
      <c r="IO35" s="102">
        <v>5</v>
      </c>
      <c r="IP35" s="102">
        <v>1</v>
      </c>
      <c r="IQ35" s="102">
        <v>0</v>
      </c>
      <c r="IR35" s="102">
        <v>1</v>
      </c>
      <c r="IS35" s="102">
        <v>1</v>
      </c>
      <c r="IT35" s="103">
        <v>8</v>
      </c>
      <c r="IU35" s="104">
        <v>12</v>
      </c>
      <c r="IV35" s="101">
        <v>0</v>
      </c>
      <c r="IW35" s="102">
        <v>2</v>
      </c>
      <c r="IX35" s="103">
        <v>2</v>
      </c>
      <c r="IY35" s="413">
        <v>0</v>
      </c>
      <c r="IZ35" s="102">
        <v>3</v>
      </c>
      <c r="JA35" s="102">
        <v>3</v>
      </c>
      <c r="JB35" s="102">
        <v>2</v>
      </c>
      <c r="JC35" s="102">
        <v>0</v>
      </c>
      <c r="JD35" s="102">
        <v>1</v>
      </c>
      <c r="JE35" s="103">
        <v>9</v>
      </c>
      <c r="JF35" s="104">
        <v>11</v>
      </c>
      <c r="JG35" s="101">
        <v>3</v>
      </c>
      <c r="JH35" s="102">
        <v>1</v>
      </c>
      <c r="JI35" s="103">
        <v>4</v>
      </c>
      <c r="JJ35" s="413">
        <v>0</v>
      </c>
      <c r="JK35" s="102">
        <v>5</v>
      </c>
      <c r="JL35" s="102">
        <v>4</v>
      </c>
      <c r="JM35" s="102">
        <v>0</v>
      </c>
      <c r="JN35" s="102">
        <v>4</v>
      </c>
      <c r="JO35" s="102">
        <v>1</v>
      </c>
      <c r="JP35" s="103">
        <v>14</v>
      </c>
      <c r="JQ35" s="104">
        <v>18</v>
      </c>
      <c r="JR35" s="101">
        <v>0</v>
      </c>
      <c r="JS35" s="102">
        <v>0</v>
      </c>
      <c r="JT35" s="103">
        <v>0</v>
      </c>
      <c r="JU35" s="413">
        <v>0</v>
      </c>
      <c r="JV35" s="102">
        <v>0</v>
      </c>
      <c r="JW35" s="102">
        <v>0</v>
      </c>
      <c r="JX35" s="102">
        <v>0</v>
      </c>
      <c r="JY35" s="102">
        <v>0</v>
      </c>
      <c r="JZ35" s="102">
        <v>0</v>
      </c>
      <c r="KA35" s="103">
        <v>0</v>
      </c>
      <c r="KB35" s="104">
        <v>0</v>
      </c>
      <c r="KC35" s="101">
        <v>7</v>
      </c>
      <c r="KD35" s="102">
        <v>5</v>
      </c>
      <c r="KE35" s="103">
        <v>12</v>
      </c>
      <c r="KF35" s="413">
        <v>0</v>
      </c>
      <c r="KG35" s="102">
        <v>17</v>
      </c>
      <c r="KH35" s="102">
        <v>8</v>
      </c>
      <c r="KI35" s="102">
        <v>4</v>
      </c>
      <c r="KJ35" s="102">
        <v>8</v>
      </c>
      <c r="KK35" s="102">
        <v>5</v>
      </c>
      <c r="KL35" s="103">
        <v>42</v>
      </c>
      <c r="KM35" s="104">
        <v>54</v>
      </c>
    </row>
    <row r="36" spans="2:299" s="70" customFormat="1" ht="21" customHeight="1" x14ac:dyDescent="0.2">
      <c r="B36" s="106" t="s">
        <v>33</v>
      </c>
      <c r="C36" s="96">
        <v>2</v>
      </c>
      <c r="D36" s="97">
        <v>2</v>
      </c>
      <c r="E36" s="98">
        <v>4</v>
      </c>
      <c r="F36" s="413">
        <v>0</v>
      </c>
      <c r="G36" s="97">
        <v>12</v>
      </c>
      <c r="H36" s="97">
        <v>3</v>
      </c>
      <c r="I36" s="97">
        <v>3</v>
      </c>
      <c r="J36" s="97">
        <v>2</v>
      </c>
      <c r="K36" s="97">
        <v>3</v>
      </c>
      <c r="L36" s="99">
        <v>23</v>
      </c>
      <c r="M36" s="100">
        <v>27</v>
      </c>
      <c r="N36" s="101">
        <v>0</v>
      </c>
      <c r="O36" s="102">
        <v>0</v>
      </c>
      <c r="P36" s="103">
        <v>0</v>
      </c>
      <c r="Q36" s="413">
        <v>0</v>
      </c>
      <c r="R36" s="102">
        <v>3</v>
      </c>
      <c r="S36" s="102">
        <v>0</v>
      </c>
      <c r="T36" s="102">
        <v>0</v>
      </c>
      <c r="U36" s="102">
        <v>1</v>
      </c>
      <c r="V36" s="102">
        <v>0</v>
      </c>
      <c r="W36" s="103">
        <v>4</v>
      </c>
      <c r="X36" s="104">
        <v>4</v>
      </c>
      <c r="Y36" s="101">
        <v>0</v>
      </c>
      <c r="Z36" s="102">
        <v>0</v>
      </c>
      <c r="AA36" s="103">
        <v>0</v>
      </c>
      <c r="AB36" s="413">
        <v>0</v>
      </c>
      <c r="AC36" s="102">
        <v>0</v>
      </c>
      <c r="AD36" s="102">
        <v>0</v>
      </c>
      <c r="AE36" s="102">
        <v>0</v>
      </c>
      <c r="AF36" s="102">
        <v>0</v>
      </c>
      <c r="AG36" s="102">
        <v>1</v>
      </c>
      <c r="AH36" s="103">
        <v>1</v>
      </c>
      <c r="AI36" s="104">
        <v>1</v>
      </c>
      <c r="AJ36" s="101">
        <v>0</v>
      </c>
      <c r="AK36" s="102">
        <v>1</v>
      </c>
      <c r="AL36" s="103">
        <v>1</v>
      </c>
      <c r="AM36" s="413">
        <v>0</v>
      </c>
      <c r="AN36" s="102">
        <v>2</v>
      </c>
      <c r="AO36" s="102">
        <v>1</v>
      </c>
      <c r="AP36" s="102">
        <v>1</v>
      </c>
      <c r="AQ36" s="102">
        <v>0</v>
      </c>
      <c r="AR36" s="102">
        <v>1</v>
      </c>
      <c r="AS36" s="103">
        <v>5</v>
      </c>
      <c r="AT36" s="104">
        <v>6</v>
      </c>
      <c r="AU36" s="101">
        <v>2</v>
      </c>
      <c r="AV36" s="102">
        <v>1</v>
      </c>
      <c r="AW36" s="103">
        <v>3</v>
      </c>
      <c r="AX36" s="413">
        <v>0</v>
      </c>
      <c r="AY36" s="102">
        <v>0</v>
      </c>
      <c r="AZ36" s="102">
        <v>1</v>
      </c>
      <c r="BA36" s="102">
        <v>1</v>
      </c>
      <c r="BB36" s="102">
        <v>0</v>
      </c>
      <c r="BC36" s="102">
        <v>0</v>
      </c>
      <c r="BD36" s="103">
        <v>2</v>
      </c>
      <c r="BE36" s="104">
        <v>5</v>
      </c>
      <c r="BF36" s="101">
        <v>0</v>
      </c>
      <c r="BG36" s="102">
        <v>0</v>
      </c>
      <c r="BH36" s="103">
        <v>0</v>
      </c>
      <c r="BI36" s="413">
        <v>0</v>
      </c>
      <c r="BJ36" s="102">
        <v>3</v>
      </c>
      <c r="BK36" s="102">
        <v>1</v>
      </c>
      <c r="BL36" s="102">
        <v>0</v>
      </c>
      <c r="BM36" s="102">
        <v>0</v>
      </c>
      <c r="BN36" s="102">
        <v>1</v>
      </c>
      <c r="BO36" s="103">
        <v>5</v>
      </c>
      <c r="BP36" s="104">
        <v>5</v>
      </c>
      <c r="BQ36" s="101">
        <v>0</v>
      </c>
      <c r="BR36" s="102">
        <v>0</v>
      </c>
      <c r="BS36" s="103">
        <v>0</v>
      </c>
      <c r="BT36" s="413">
        <v>0</v>
      </c>
      <c r="BU36" s="102">
        <v>4</v>
      </c>
      <c r="BV36" s="102">
        <v>0</v>
      </c>
      <c r="BW36" s="102">
        <v>1</v>
      </c>
      <c r="BX36" s="102">
        <v>1</v>
      </c>
      <c r="BY36" s="102">
        <v>0</v>
      </c>
      <c r="BZ36" s="103">
        <v>6</v>
      </c>
      <c r="CA36" s="104">
        <v>6</v>
      </c>
      <c r="CB36" s="101">
        <v>0</v>
      </c>
      <c r="CC36" s="102">
        <v>0</v>
      </c>
      <c r="CD36" s="103">
        <v>0</v>
      </c>
      <c r="CE36" s="413">
        <v>0</v>
      </c>
      <c r="CF36" s="102">
        <v>0</v>
      </c>
      <c r="CG36" s="102">
        <v>0</v>
      </c>
      <c r="CH36" s="102">
        <v>0</v>
      </c>
      <c r="CI36" s="102">
        <v>0</v>
      </c>
      <c r="CJ36" s="102">
        <v>0</v>
      </c>
      <c r="CK36" s="103">
        <v>0</v>
      </c>
      <c r="CL36" s="104">
        <v>0</v>
      </c>
      <c r="CM36" s="101">
        <v>2</v>
      </c>
      <c r="CN36" s="102">
        <v>2</v>
      </c>
      <c r="CO36" s="103">
        <v>4</v>
      </c>
      <c r="CP36" s="413">
        <v>0</v>
      </c>
      <c r="CQ36" s="102">
        <v>12</v>
      </c>
      <c r="CR36" s="102">
        <v>3</v>
      </c>
      <c r="CS36" s="102">
        <v>3</v>
      </c>
      <c r="CT36" s="102">
        <v>2</v>
      </c>
      <c r="CU36" s="102">
        <v>3</v>
      </c>
      <c r="CV36" s="103">
        <v>23</v>
      </c>
      <c r="CW36" s="104">
        <v>27</v>
      </c>
      <c r="CX36" s="105">
        <v>0</v>
      </c>
      <c r="CY36" s="97">
        <v>2</v>
      </c>
      <c r="CZ36" s="98">
        <v>2</v>
      </c>
      <c r="DA36" s="413">
        <v>0</v>
      </c>
      <c r="DB36" s="97">
        <v>4</v>
      </c>
      <c r="DC36" s="97">
        <v>3</v>
      </c>
      <c r="DD36" s="97">
        <v>2</v>
      </c>
      <c r="DE36" s="97">
        <v>2</v>
      </c>
      <c r="DF36" s="97">
        <v>2</v>
      </c>
      <c r="DG36" s="99">
        <v>13</v>
      </c>
      <c r="DH36" s="100">
        <v>15</v>
      </c>
      <c r="DI36" s="101">
        <v>0</v>
      </c>
      <c r="DJ36" s="102">
        <v>0</v>
      </c>
      <c r="DK36" s="103">
        <v>0</v>
      </c>
      <c r="DL36" s="413">
        <v>0</v>
      </c>
      <c r="DM36" s="102">
        <v>0</v>
      </c>
      <c r="DN36" s="102">
        <v>0</v>
      </c>
      <c r="DO36" s="102">
        <v>0</v>
      </c>
      <c r="DP36" s="102">
        <v>0</v>
      </c>
      <c r="DQ36" s="102">
        <v>0</v>
      </c>
      <c r="DR36" s="103">
        <v>0</v>
      </c>
      <c r="DS36" s="104">
        <v>0</v>
      </c>
      <c r="DT36" s="101">
        <v>0</v>
      </c>
      <c r="DU36" s="102">
        <v>0</v>
      </c>
      <c r="DV36" s="103">
        <v>0</v>
      </c>
      <c r="DW36" s="413">
        <v>0</v>
      </c>
      <c r="DX36" s="102">
        <v>0</v>
      </c>
      <c r="DY36" s="102">
        <v>0</v>
      </c>
      <c r="DZ36" s="102">
        <v>0</v>
      </c>
      <c r="EA36" s="102">
        <v>0</v>
      </c>
      <c r="EB36" s="102">
        <v>0</v>
      </c>
      <c r="EC36" s="103">
        <v>0</v>
      </c>
      <c r="ED36" s="104">
        <v>0</v>
      </c>
      <c r="EE36" s="101">
        <v>0</v>
      </c>
      <c r="EF36" s="102">
        <v>0</v>
      </c>
      <c r="EG36" s="103">
        <v>0</v>
      </c>
      <c r="EH36" s="413">
        <v>0</v>
      </c>
      <c r="EI36" s="102">
        <v>0</v>
      </c>
      <c r="EJ36" s="102">
        <v>0</v>
      </c>
      <c r="EK36" s="102">
        <v>0</v>
      </c>
      <c r="EL36" s="102">
        <v>0</v>
      </c>
      <c r="EM36" s="102">
        <v>0</v>
      </c>
      <c r="EN36" s="103">
        <v>0</v>
      </c>
      <c r="EO36" s="104">
        <v>0</v>
      </c>
      <c r="EP36" s="101">
        <v>0</v>
      </c>
      <c r="EQ36" s="102">
        <v>1</v>
      </c>
      <c r="ER36" s="103">
        <v>1</v>
      </c>
      <c r="ES36" s="413">
        <v>0</v>
      </c>
      <c r="ET36" s="102">
        <v>0</v>
      </c>
      <c r="EU36" s="102">
        <v>0</v>
      </c>
      <c r="EV36" s="102">
        <v>0</v>
      </c>
      <c r="EW36" s="102">
        <v>0</v>
      </c>
      <c r="EX36" s="102">
        <v>0</v>
      </c>
      <c r="EY36" s="103">
        <v>0</v>
      </c>
      <c r="EZ36" s="104">
        <v>1</v>
      </c>
      <c r="FA36" s="101">
        <v>0</v>
      </c>
      <c r="FB36" s="102">
        <v>1</v>
      </c>
      <c r="FC36" s="103">
        <v>1</v>
      </c>
      <c r="FD36" s="413">
        <v>0</v>
      </c>
      <c r="FE36" s="102">
        <v>1</v>
      </c>
      <c r="FF36" s="102">
        <v>0</v>
      </c>
      <c r="FG36" s="102">
        <v>0</v>
      </c>
      <c r="FH36" s="102">
        <v>1</v>
      </c>
      <c r="FI36" s="102">
        <v>0</v>
      </c>
      <c r="FJ36" s="103">
        <v>2</v>
      </c>
      <c r="FK36" s="104">
        <v>3</v>
      </c>
      <c r="FL36" s="101">
        <v>0</v>
      </c>
      <c r="FM36" s="102">
        <v>0</v>
      </c>
      <c r="FN36" s="103">
        <v>0</v>
      </c>
      <c r="FO36" s="413">
        <v>0</v>
      </c>
      <c r="FP36" s="102">
        <v>3</v>
      </c>
      <c r="FQ36" s="102">
        <v>3</v>
      </c>
      <c r="FR36" s="102">
        <v>2</v>
      </c>
      <c r="FS36" s="102">
        <v>1</v>
      </c>
      <c r="FT36" s="102">
        <v>2</v>
      </c>
      <c r="FU36" s="103">
        <v>11</v>
      </c>
      <c r="FV36" s="104">
        <v>11</v>
      </c>
      <c r="FW36" s="101">
        <v>0</v>
      </c>
      <c r="FX36" s="102">
        <v>0</v>
      </c>
      <c r="FY36" s="103">
        <v>0</v>
      </c>
      <c r="FZ36" s="413">
        <v>0</v>
      </c>
      <c r="GA36" s="102">
        <v>0</v>
      </c>
      <c r="GB36" s="102">
        <v>0</v>
      </c>
      <c r="GC36" s="102">
        <v>0</v>
      </c>
      <c r="GD36" s="102">
        <v>0</v>
      </c>
      <c r="GE36" s="102">
        <v>0</v>
      </c>
      <c r="GF36" s="103">
        <v>0</v>
      </c>
      <c r="GG36" s="104">
        <v>0</v>
      </c>
      <c r="GH36" s="101">
        <v>0</v>
      </c>
      <c r="GI36" s="102">
        <v>2</v>
      </c>
      <c r="GJ36" s="103">
        <v>2</v>
      </c>
      <c r="GK36" s="413">
        <v>0</v>
      </c>
      <c r="GL36" s="102">
        <v>4</v>
      </c>
      <c r="GM36" s="102">
        <v>3</v>
      </c>
      <c r="GN36" s="102">
        <v>2</v>
      </c>
      <c r="GO36" s="102">
        <v>2</v>
      </c>
      <c r="GP36" s="102">
        <v>2</v>
      </c>
      <c r="GQ36" s="103">
        <v>13</v>
      </c>
      <c r="GR36" s="104">
        <v>15</v>
      </c>
      <c r="GS36" s="105">
        <v>2</v>
      </c>
      <c r="GT36" s="97">
        <v>4</v>
      </c>
      <c r="GU36" s="98">
        <v>6</v>
      </c>
      <c r="GV36" s="413">
        <v>0</v>
      </c>
      <c r="GW36" s="97">
        <v>16</v>
      </c>
      <c r="GX36" s="97">
        <v>6</v>
      </c>
      <c r="GY36" s="97">
        <v>5</v>
      </c>
      <c r="GZ36" s="97">
        <v>4</v>
      </c>
      <c r="HA36" s="97">
        <v>5</v>
      </c>
      <c r="HB36" s="99">
        <v>36</v>
      </c>
      <c r="HC36" s="100">
        <v>42</v>
      </c>
      <c r="HD36" s="101">
        <v>0</v>
      </c>
      <c r="HE36" s="102">
        <v>0</v>
      </c>
      <c r="HF36" s="103">
        <v>0</v>
      </c>
      <c r="HG36" s="413">
        <v>0</v>
      </c>
      <c r="HH36" s="102">
        <v>3</v>
      </c>
      <c r="HI36" s="102">
        <v>0</v>
      </c>
      <c r="HJ36" s="102">
        <v>0</v>
      </c>
      <c r="HK36" s="102">
        <v>1</v>
      </c>
      <c r="HL36" s="102">
        <v>0</v>
      </c>
      <c r="HM36" s="103">
        <v>4</v>
      </c>
      <c r="HN36" s="104">
        <v>4</v>
      </c>
      <c r="HO36" s="101">
        <v>0</v>
      </c>
      <c r="HP36" s="102">
        <v>0</v>
      </c>
      <c r="HQ36" s="103">
        <v>0</v>
      </c>
      <c r="HR36" s="413">
        <v>0</v>
      </c>
      <c r="HS36" s="102">
        <v>0</v>
      </c>
      <c r="HT36" s="102">
        <v>0</v>
      </c>
      <c r="HU36" s="102">
        <v>0</v>
      </c>
      <c r="HV36" s="102">
        <v>0</v>
      </c>
      <c r="HW36" s="102">
        <v>1</v>
      </c>
      <c r="HX36" s="103">
        <v>1</v>
      </c>
      <c r="HY36" s="104">
        <v>1</v>
      </c>
      <c r="HZ36" s="101">
        <v>0</v>
      </c>
      <c r="IA36" s="102">
        <v>1</v>
      </c>
      <c r="IB36" s="103">
        <v>1</v>
      </c>
      <c r="IC36" s="413">
        <v>0</v>
      </c>
      <c r="ID36" s="102">
        <v>2</v>
      </c>
      <c r="IE36" s="102">
        <v>1</v>
      </c>
      <c r="IF36" s="102">
        <v>1</v>
      </c>
      <c r="IG36" s="102">
        <v>0</v>
      </c>
      <c r="IH36" s="102">
        <v>1</v>
      </c>
      <c r="II36" s="103">
        <v>5</v>
      </c>
      <c r="IJ36" s="104">
        <v>6</v>
      </c>
      <c r="IK36" s="101">
        <v>2</v>
      </c>
      <c r="IL36" s="102">
        <v>2</v>
      </c>
      <c r="IM36" s="103">
        <v>4</v>
      </c>
      <c r="IN36" s="413">
        <v>0</v>
      </c>
      <c r="IO36" s="102">
        <v>0</v>
      </c>
      <c r="IP36" s="102">
        <v>1</v>
      </c>
      <c r="IQ36" s="102">
        <v>1</v>
      </c>
      <c r="IR36" s="102">
        <v>0</v>
      </c>
      <c r="IS36" s="102">
        <v>0</v>
      </c>
      <c r="IT36" s="103">
        <v>2</v>
      </c>
      <c r="IU36" s="104">
        <v>6</v>
      </c>
      <c r="IV36" s="101">
        <v>0</v>
      </c>
      <c r="IW36" s="102">
        <v>1</v>
      </c>
      <c r="IX36" s="103">
        <v>1</v>
      </c>
      <c r="IY36" s="413">
        <v>0</v>
      </c>
      <c r="IZ36" s="102">
        <v>4</v>
      </c>
      <c r="JA36" s="102">
        <v>1</v>
      </c>
      <c r="JB36" s="102">
        <v>0</v>
      </c>
      <c r="JC36" s="102">
        <v>1</v>
      </c>
      <c r="JD36" s="102">
        <v>1</v>
      </c>
      <c r="JE36" s="103">
        <v>7</v>
      </c>
      <c r="JF36" s="104">
        <v>8</v>
      </c>
      <c r="JG36" s="101">
        <v>0</v>
      </c>
      <c r="JH36" s="102">
        <v>0</v>
      </c>
      <c r="JI36" s="103">
        <v>0</v>
      </c>
      <c r="JJ36" s="413">
        <v>0</v>
      </c>
      <c r="JK36" s="102">
        <v>7</v>
      </c>
      <c r="JL36" s="102">
        <v>3</v>
      </c>
      <c r="JM36" s="102">
        <v>3</v>
      </c>
      <c r="JN36" s="102">
        <v>2</v>
      </c>
      <c r="JO36" s="102">
        <v>2</v>
      </c>
      <c r="JP36" s="103">
        <v>17</v>
      </c>
      <c r="JQ36" s="104">
        <v>17</v>
      </c>
      <c r="JR36" s="101">
        <v>0</v>
      </c>
      <c r="JS36" s="102">
        <v>0</v>
      </c>
      <c r="JT36" s="103">
        <v>0</v>
      </c>
      <c r="JU36" s="413">
        <v>0</v>
      </c>
      <c r="JV36" s="102">
        <v>0</v>
      </c>
      <c r="JW36" s="102">
        <v>0</v>
      </c>
      <c r="JX36" s="102">
        <v>0</v>
      </c>
      <c r="JY36" s="102">
        <v>0</v>
      </c>
      <c r="JZ36" s="102">
        <v>0</v>
      </c>
      <c r="KA36" s="103">
        <v>0</v>
      </c>
      <c r="KB36" s="104">
        <v>0</v>
      </c>
      <c r="KC36" s="101">
        <v>2</v>
      </c>
      <c r="KD36" s="102">
        <v>4</v>
      </c>
      <c r="KE36" s="103">
        <v>6</v>
      </c>
      <c r="KF36" s="413">
        <v>0</v>
      </c>
      <c r="KG36" s="102">
        <v>16</v>
      </c>
      <c r="KH36" s="102">
        <v>6</v>
      </c>
      <c r="KI36" s="102">
        <v>5</v>
      </c>
      <c r="KJ36" s="102">
        <v>4</v>
      </c>
      <c r="KK36" s="102">
        <v>5</v>
      </c>
      <c r="KL36" s="103">
        <v>36</v>
      </c>
      <c r="KM36" s="104">
        <v>42</v>
      </c>
    </row>
    <row r="37" spans="2:299" s="70" customFormat="1" ht="21" customHeight="1" x14ac:dyDescent="0.2">
      <c r="B37" s="106" t="s">
        <v>34</v>
      </c>
      <c r="C37" s="96">
        <v>5</v>
      </c>
      <c r="D37" s="97">
        <v>0</v>
      </c>
      <c r="E37" s="98">
        <v>5</v>
      </c>
      <c r="F37" s="413">
        <v>0</v>
      </c>
      <c r="G37" s="97">
        <v>3</v>
      </c>
      <c r="H37" s="97">
        <v>2</v>
      </c>
      <c r="I37" s="97">
        <v>3</v>
      </c>
      <c r="J37" s="97">
        <v>1</v>
      </c>
      <c r="K37" s="97">
        <v>0</v>
      </c>
      <c r="L37" s="99">
        <v>9</v>
      </c>
      <c r="M37" s="100">
        <v>14</v>
      </c>
      <c r="N37" s="101">
        <v>0</v>
      </c>
      <c r="O37" s="102">
        <v>0</v>
      </c>
      <c r="P37" s="103">
        <v>0</v>
      </c>
      <c r="Q37" s="413">
        <v>0</v>
      </c>
      <c r="R37" s="102">
        <v>0</v>
      </c>
      <c r="S37" s="102">
        <v>0</v>
      </c>
      <c r="T37" s="102">
        <v>0</v>
      </c>
      <c r="U37" s="102">
        <v>0</v>
      </c>
      <c r="V37" s="102">
        <v>0</v>
      </c>
      <c r="W37" s="103">
        <v>0</v>
      </c>
      <c r="X37" s="104">
        <v>0</v>
      </c>
      <c r="Y37" s="101">
        <v>0</v>
      </c>
      <c r="Z37" s="102">
        <v>0</v>
      </c>
      <c r="AA37" s="103">
        <v>0</v>
      </c>
      <c r="AB37" s="413">
        <v>0</v>
      </c>
      <c r="AC37" s="102">
        <v>0</v>
      </c>
      <c r="AD37" s="102">
        <v>1</v>
      </c>
      <c r="AE37" s="102">
        <v>0</v>
      </c>
      <c r="AF37" s="102">
        <v>0</v>
      </c>
      <c r="AG37" s="102">
        <v>0</v>
      </c>
      <c r="AH37" s="103">
        <v>1</v>
      </c>
      <c r="AI37" s="104">
        <v>1</v>
      </c>
      <c r="AJ37" s="101">
        <v>3</v>
      </c>
      <c r="AK37" s="102">
        <v>0</v>
      </c>
      <c r="AL37" s="103">
        <v>3</v>
      </c>
      <c r="AM37" s="413">
        <v>0</v>
      </c>
      <c r="AN37" s="102">
        <v>0</v>
      </c>
      <c r="AO37" s="102">
        <v>0</v>
      </c>
      <c r="AP37" s="102">
        <v>0</v>
      </c>
      <c r="AQ37" s="102">
        <v>0</v>
      </c>
      <c r="AR37" s="102">
        <v>0</v>
      </c>
      <c r="AS37" s="103">
        <v>0</v>
      </c>
      <c r="AT37" s="104">
        <v>3</v>
      </c>
      <c r="AU37" s="101">
        <v>1</v>
      </c>
      <c r="AV37" s="102">
        <v>0</v>
      </c>
      <c r="AW37" s="103">
        <v>1</v>
      </c>
      <c r="AX37" s="413">
        <v>0</v>
      </c>
      <c r="AY37" s="102">
        <v>1</v>
      </c>
      <c r="AZ37" s="102">
        <v>1</v>
      </c>
      <c r="BA37" s="102">
        <v>0</v>
      </c>
      <c r="BB37" s="102">
        <v>1</v>
      </c>
      <c r="BC37" s="102">
        <v>0</v>
      </c>
      <c r="BD37" s="103">
        <v>3</v>
      </c>
      <c r="BE37" s="104">
        <v>4</v>
      </c>
      <c r="BF37" s="101">
        <v>0</v>
      </c>
      <c r="BG37" s="102">
        <v>0</v>
      </c>
      <c r="BH37" s="103">
        <v>0</v>
      </c>
      <c r="BI37" s="413">
        <v>0</v>
      </c>
      <c r="BJ37" s="102">
        <v>1</v>
      </c>
      <c r="BK37" s="102">
        <v>0</v>
      </c>
      <c r="BL37" s="102">
        <v>0</v>
      </c>
      <c r="BM37" s="102">
        <v>0</v>
      </c>
      <c r="BN37" s="102">
        <v>0</v>
      </c>
      <c r="BO37" s="103">
        <v>1</v>
      </c>
      <c r="BP37" s="104">
        <v>1</v>
      </c>
      <c r="BQ37" s="101">
        <v>1</v>
      </c>
      <c r="BR37" s="102">
        <v>0</v>
      </c>
      <c r="BS37" s="103">
        <v>1</v>
      </c>
      <c r="BT37" s="413">
        <v>0</v>
      </c>
      <c r="BU37" s="102">
        <v>1</v>
      </c>
      <c r="BV37" s="102">
        <v>0</v>
      </c>
      <c r="BW37" s="102">
        <v>3</v>
      </c>
      <c r="BX37" s="102">
        <v>0</v>
      </c>
      <c r="BY37" s="102">
        <v>0</v>
      </c>
      <c r="BZ37" s="103">
        <v>4</v>
      </c>
      <c r="CA37" s="104">
        <v>5</v>
      </c>
      <c r="CB37" s="101">
        <v>0</v>
      </c>
      <c r="CC37" s="102">
        <v>0</v>
      </c>
      <c r="CD37" s="103">
        <v>0</v>
      </c>
      <c r="CE37" s="413">
        <v>0</v>
      </c>
      <c r="CF37" s="102">
        <v>0</v>
      </c>
      <c r="CG37" s="102">
        <v>0</v>
      </c>
      <c r="CH37" s="102">
        <v>0</v>
      </c>
      <c r="CI37" s="102">
        <v>0</v>
      </c>
      <c r="CJ37" s="102">
        <v>0</v>
      </c>
      <c r="CK37" s="103">
        <v>0</v>
      </c>
      <c r="CL37" s="104">
        <v>0</v>
      </c>
      <c r="CM37" s="101">
        <v>5</v>
      </c>
      <c r="CN37" s="102">
        <v>0</v>
      </c>
      <c r="CO37" s="103">
        <v>5</v>
      </c>
      <c r="CP37" s="413">
        <v>0</v>
      </c>
      <c r="CQ37" s="102">
        <v>3</v>
      </c>
      <c r="CR37" s="102">
        <v>2</v>
      </c>
      <c r="CS37" s="102">
        <v>3</v>
      </c>
      <c r="CT37" s="102">
        <v>1</v>
      </c>
      <c r="CU37" s="102">
        <v>0</v>
      </c>
      <c r="CV37" s="103">
        <v>9</v>
      </c>
      <c r="CW37" s="104">
        <v>14</v>
      </c>
      <c r="CX37" s="105">
        <v>2</v>
      </c>
      <c r="CY37" s="97">
        <v>1</v>
      </c>
      <c r="CZ37" s="98">
        <v>3</v>
      </c>
      <c r="DA37" s="413">
        <v>0</v>
      </c>
      <c r="DB37" s="97">
        <v>1</v>
      </c>
      <c r="DC37" s="97">
        <v>2</v>
      </c>
      <c r="DD37" s="97">
        <v>1</v>
      </c>
      <c r="DE37" s="97">
        <v>1</v>
      </c>
      <c r="DF37" s="97">
        <v>0</v>
      </c>
      <c r="DG37" s="99">
        <v>5</v>
      </c>
      <c r="DH37" s="100">
        <v>8</v>
      </c>
      <c r="DI37" s="101">
        <v>0</v>
      </c>
      <c r="DJ37" s="102">
        <v>0</v>
      </c>
      <c r="DK37" s="103">
        <v>0</v>
      </c>
      <c r="DL37" s="413">
        <v>0</v>
      </c>
      <c r="DM37" s="102">
        <v>0</v>
      </c>
      <c r="DN37" s="102">
        <v>0</v>
      </c>
      <c r="DO37" s="102">
        <v>0</v>
      </c>
      <c r="DP37" s="102">
        <v>0</v>
      </c>
      <c r="DQ37" s="102">
        <v>0</v>
      </c>
      <c r="DR37" s="103">
        <v>0</v>
      </c>
      <c r="DS37" s="104">
        <v>0</v>
      </c>
      <c r="DT37" s="101">
        <v>0</v>
      </c>
      <c r="DU37" s="102">
        <v>0</v>
      </c>
      <c r="DV37" s="103">
        <v>0</v>
      </c>
      <c r="DW37" s="413">
        <v>0</v>
      </c>
      <c r="DX37" s="102">
        <v>0</v>
      </c>
      <c r="DY37" s="102">
        <v>0</v>
      </c>
      <c r="DZ37" s="102">
        <v>0</v>
      </c>
      <c r="EA37" s="102">
        <v>0</v>
      </c>
      <c r="EB37" s="102">
        <v>0</v>
      </c>
      <c r="EC37" s="103">
        <v>0</v>
      </c>
      <c r="ED37" s="104">
        <v>0</v>
      </c>
      <c r="EE37" s="101">
        <v>0</v>
      </c>
      <c r="EF37" s="102">
        <v>0</v>
      </c>
      <c r="EG37" s="103">
        <v>0</v>
      </c>
      <c r="EH37" s="413">
        <v>0</v>
      </c>
      <c r="EI37" s="102">
        <v>0</v>
      </c>
      <c r="EJ37" s="102">
        <v>0</v>
      </c>
      <c r="EK37" s="102">
        <v>1</v>
      </c>
      <c r="EL37" s="102">
        <v>0</v>
      </c>
      <c r="EM37" s="102">
        <v>0</v>
      </c>
      <c r="EN37" s="103">
        <v>1</v>
      </c>
      <c r="EO37" s="104">
        <v>1</v>
      </c>
      <c r="EP37" s="101">
        <v>0</v>
      </c>
      <c r="EQ37" s="102">
        <v>1</v>
      </c>
      <c r="ER37" s="103">
        <v>1</v>
      </c>
      <c r="ES37" s="413">
        <v>0</v>
      </c>
      <c r="ET37" s="102">
        <v>0</v>
      </c>
      <c r="EU37" s="102">
        <v>0</v>
      </c>
      <c r="EV37" s="102">
        <v>0</v>
      </c>
      <c r="EW37" s="102">
        <v>0</v>
      </c>
      <c r="EX37" s="102">
        <v>0</v>
      </c>
      <c r="EY37" s="103">
        <v>0</v>
      </c>
      <c r="EZ37" s="104">
        <v>1</v>
      </c>
      <c r="FA37" s="101">
        <v>2</v>
      </c>
      <c r="FB37" s="102">
        <v>0</v>
      </c>
      <c r="FC37" s="103">
        <v>2</v>
      </c>
      <c r="FD37" s="413">
        <v>0</v>
      </c>
      <c r="FE37" s="102">
        <v>1</v>
      </c>
      <c r="FF37" s="102">
        <v>0</v>
      </c>
      <c r="FG37" s="102">
        <v>0</v>
      </c>
      <c r="FH37" s="102">
        <v>1</v>
      </c>
      <c r="FI37" s="102">
        <v>0</v>
      </c>
      <c r="FJ37" s="103">
        <v>2</v>
      </c>
      <c r="FK37" s="104">
        <v>4</v>
      </c>
      <c r="FL37" s="101">
        <v>0</v>
      </c>
      <c r="FM37" s="102">
        <v>0</v>
      </c>
      <c r="FN37" s="103">
        <v>0</v>
      </c>
      <c r="FO37" s="413">
        <v>0</v>
      </c>
      <c r="FP37" s="102">
        <v>0</v>
      </c>
      <c r="FQ37" s="102">
        <v>2</v>
      </c>
      <c r="FR37" s="102">
        <v>0</v>
      </c>
      <c r="FS37" s="102">
        <v>0</v>
      </c>
      <c r="FT37" s="102">
        <v>0</v>
      </c>
      <c r="FU37" s="103">
        <v>2</v>
      </c>
      <c r="FV37" s="104">
        <v>2</v>
      </c>
      <c r="FW37" s="101">
        <v>0</v>
      </c>
      <c r="FX37" s="102">
        <v>0</v>
      </c>
      <c r="FY37" s="103">
        <v>0</v>
      </c>
      <c r="FZ37" s="413">
        <v>0</v>
      </c>
      <c r="GA37" s="102">
        <v>0</v>
      </c>
      <c r="GB37" s="102">
        <v>0</v>
      </c>
      <c r="GC37" s="102">
        <v>0</v>
      </c>
      <c r="GD37" s="102">
        <v>0</v>
      </c>
      <c r="GE37" s="102">
        <v>0</v>
      </c>
      <c r="GF37" s="103">
        <v>0</v>
      </c>
      <c r="GG37" s="104">
        <v>0</v>
      </c>
      <c r="GH37" s="101">
        <v>2</v>
      </c>
      <c r="GI37" s="102">
        <v>1</v>
      </c>
      <c r="GJ37" s="103">
        <v>3</v>
      </c>
      <c r="GK37" s="413">
        <v>0</v>
      </c>
      <c r="GL37" s="102">
        <v>1</v>
      </c>
      <c r="GM37" s="102">
        <v>2</v>
      </c>
      <c r="GN37" s="102">
        <v>1</v>
      </c>
      <c r="GO37" s="102">
        <v>1</v>
      </c>
      <c r="GP37" s="102">
        <v>0</v>
      </c>
      <c r="GQ37" s="103">
        <v>5</v>
      </c>
      <c r="GR37" s="104">
        <v>8</v>
      </c>
      <c r="GS37" s="105">
        <v>7</v>
      </c>
      <c r="GT37" s="97">
        <v>1</v>
      </c>
      <c r="GU37" s="98">
        <v>8</v>
      </c>
      <c r="GV37" s="413">
        <v>0</v>
      </c>
      <c r="GW37" s="97">
        <v>4</v>
      </c>
      <c r="GX37" s="97">
        <v>4</v>
      </c>
      <c r="GY37" s="97">
        <v>4</v>
      </c>
      <c r="GZ37" s="97">
        <v>2</v>
      </c>
      <c r="HA37" s="97">
        <v>0</v>
      </c>
      <c r="HB37" s="99">
        <v>14</v>
      </c>
      <c r="HC37" s="100">
        <v>22</v>
      </c>
      <c r="HD37" s="101">
        <v>0</v>
      </c>
      <c r="HE37" s="102">
        <v>0</v>
      </c>
      <c r="HF37" s="103">
        <v>0</v>
      </c>
      <c r="HG37" s="413">
        <v>0</v>
      </c>
      <c r="HH37" s="102">
        <v>0</v>
      </c>
      <c r="HI37" s="102">
        <v>0</v>
      </c>
      <c r="HJ37" s="102">
        <v>0</v>
      </c>
      <c r="HK37" s="102">
        <v>0</v>
      </c>
      <c r="HL37" s="102">
        <v>0</v>
      </c>
      <c r="HM37" s="103">
        <v>0</v>
      </c>
      <c r="HN37" s="104">
        <v>0</v>
      </c>
      <c r="HO37" s="101">
        <v>0</v>
      </c>
      <c r="HP37" s="102">
        <v>0</v>
      </c>
      <c r="HQ37" s="103">
        <v>0</v>
      </c>
      <c r="HR37" s="413">
        <v>0</v>
      </c>
      <c r="HS37" s="102">
        <v>0</v>
      </c>
      <c r="HT37" s="102">
        <v>1</v>
      </c>
      <c r="HU37" s="102">
        <v>0</v>
      </c>
      <c r="HV37" s="102">
        <v>0</v>
      </c>
      <c r="HW37" s="102">
        <v>0</v>
      </c>
      <c r="HX37" s="103">
        <v>1</v>
      </c>
      <c r="HY37" s="104">
        <v>1</v>
      </c>
      <c r="HZ37" s="101">
        <v>3</v>
      </c>
      <c r="IA37" s="102">
        <v>0</v>
      </c>
      <c r="IB37" s="103">
        <v>3</v>
      </c>
      <c r="IC37" s="413">
        <v>0</v>
      </c>
      <c r="ID37" s="102">
        <v>0</v>
      </c>
      <c r="IE37" s="102">
        <v>0</v>
      </c>
      <c r="IF37" s="102">
        <v>1</v>
      </c>
      <c r="IG37" s="102">
        <v>0</v>
      </c>
      <c r="IH37" s="102">
        <v>0</v>
      </c>
      <c r="II37" s="103">
        <v>1</v>
      </c>
      <c r="IJ37" s="104">
        <v>4</v>
      </c>
      <c r="IK37" s="101">
        <v>1</v>
      </c>
      <c r="IL37" s="102">
        <v>1</v>
      </c>
      <c r="IM37" s="103">
        <v>2</v>
      </c>
      <c r="IN37" s="413">
        <v>0</v>
      </c>
      <c r="IO37" s="102">
        <v>1</v>
      </c>
      <c r="IP37" s="102">
        <v>1</v>
      </c>
      <c r="IQ37" s="102">
        <v>0</v>
      </c>
      <c r="IR37" s="102">
        <v>1</v>
      </c>
      <c r="IS37" s="102">
        <v>0</v>
      </c>
      <c r="IT37" s="103">
        <v>3</v>
      </c>
      <c r="IU37" s="104">
        <v>5</v>
      </c>
      <c r="IV37" s="101">
        <v>2</v>
      </c>
      <c r="IW37" s="102">
        <v>0</v>
      </c>
      <c r="IX37" s="103">
        <v>2</v>
      </c>
      <c r="IY37" s="413">
        <v>0</v>
      </c>
      <c r="IZ37" s="102">
        <v>2</v>
      </c>
      <c r="JA37" s="102">
        <v>0</v>
      </c>
      <c r="JB37" s="102">
        <v>0</v>
      </c>
      <c r="JC37" s="102">
        <v>1</v>
      </c>
      <c r="JD37" s="102">
        <v>0</v>
      </c>
      <c r="JE37" s="103">
        <v>3</v>
      </c>
      <c r="JF37" s="104">
        <v>5</v>
      </c>
      <c r="JG37" s="101">
        <v>1</v>
      </c>
      <c r="JH37" s="102">
        <v>0</v>
      </c>
      <c r="JI37" s="103">
        <v>1</v>
      </c>
      <c r="JJ37" s="413">
        <v>0</v>
      </c>
      <c r="JK37" s="102">
        <v>1</v>
      </c>
      <c r="JL37" s="102">
        <v>2</v>
      </c>
      <c r="JM37" s="102">
        <v>3</v>
      </c>
      <c r="JN37" s="102">
        <v>0</v>
      </c>
      <c r="JO37" s="102">
        <v>0</v>
      </c>
      <c r="JP37" s="103">
        <v>6</v>
      </c>
      <c r="JQ37" s="104">
        <v>7</v>
      </c>
      <c r="JR37" s="101">
        <v>0</v>
      </c>
      <c r="JS37" s="102">
        <v>0</v>
      </c>
      <c r="JT37" s="103">
        <v>0</v>
      </c>
      <c r="JU37" s="413">
        <v>0</v>
      </c>
      <c r="JV37" s="102">
        <v>0</v>
      </c>
      <c r="JW37" s="102">
        <v>0</v>
      </c>
      <c r="JX37" s="102">
        <v>0</v>
      </c>
      <c r="JY37" s="102">
        <v>0</v>
      </c>
      <c r="JZ37" s="102">
        <v>0</v>
      </c>
      <c r="KA37" s="103">
        <v>0</v>
      </c>
      <c r="KB37" s="104">
        <v>0</v>
      </c>
      <c r="KC37" s="101">
        <v>7</v>
      </c>
      <c r="KD37" s="102">
        <v>1</v>
      </c>
      <c r="KE37" s="103">
        <v>8</v>
      </c>
      <c r="KF37" s="413">
        <v>0</v>
      </c>
      <c r="KG37" s="102">
        <v>4</v>
      </c>
      <c r="KH37" s="102">
        <v>4</v>
      </c>
      <c r="KI37" s="102">
        <v>4</v>
      </c>
      <c r="KJ37" s="102">
        <v>2</v>
      </c>
      <c r="KK37" s="102">
        <v>0</v>
      </c>
      <c r="KL37" s="103">
        <v>14</v>
      </c>
      <c r="KM37" s="104">
        <v>22</v>
      </c>
    </row>
    <row r="38" spans="2:299" s="70" customFormat="1" ht="21" customHeight="1" x14ac:dyDescent="0.2">
      <c r="B38" s="106" t="s">
        <v>35</v>
      </c>
      <c r="C38" s="96">
        <v>9</v>
      </c>
      <c r="D38" s="97">
        <v>12</v>
      </c>
      <c r="E38" s="98">
        <v>21</v>
      </c>
      <c r="F38" s="413">
        <v>0</v>
      </c>
      <c r="G38" s="97">
        <v>11</v>
      </c>
      <c r="H38" s="97">
        <v>10</v>
      </c>
      <c r="I38" s="97">
        <v>6</v>
      </c>
      <c r="J38" s="97">
        <v>1</v>
      </c>
      <c r="K38" s="97">
        <v>0</v>
      </c>
      <c r="L38" s="99">
        <v>28</v>
      </c>
      <c r="M38" s="100">
        <v>49</v>
      </c>
      <c r="N38" s="101">
        <v>0</v>
      </c>
      <c r="O38" s="102">
        <v>0</v>
      </c>
      <c r="P38" s="103">
        <v>0</v>
      </c>
      <c r="Q38" s="413">
        <v>0</v>
      </c>
      <c r="R38" s="102">
        <v>0</v>
      </c>
      <c r="S38" s="102">
        <v>0</v>
      </c>
      <c r="T38" s="102">
        <v>0</v>
      </c>
      <c r="U38" s="102">
        <v>0</v>
      </c>
      <c r="V38" s="102">
        <v>0</v>
      </c>
      <c r="W38" s="103">
        <v>0</v>
      </c>
      <c r="X38" s="104">
        <v>0</v>
      </c>
      <c r="Y38" s="101">
        <v>0</v>
      </c>
      <c r="Z38" s="102">
        <v>0</v>
      </c>
      <c r="AA38" s="103">
        <v>0</v>
      </c>
      <c r="AB38" s="413">
        <v>0</v>
      </c>
      <c r="AC38" s="102">
        <v>0</v>
      </c>
      <c r="AD38" s="102">
        <v>0</v>
      </c>
      <c r="AE38" s="102">
        <v>2</v>
      </c>
      <c r="AF38" s="102">
        <v>0</v>
      </c>
      <c r="AG38" s="102">
        <v>0</v>
      </c>
      <c r="AH38" s="103">
        <v>2</v>
      </c>
      <c r="AI38" s="104">
        <v>2</v>
      </c>
      <c r="AJ38" s="101">
        <v>0</v>
      </c>
      <c r="AK38" s="102">
        <v>2</v>
      </c>
      <c r="AL38" s="103">
        <v>2</v>
      </c>
      <c r="AM38" s="413">
        <v>0</v>
      </c>
      <c r="AN38" s="102">
        <v>4</v>
      </c>
      <c r="AO38" s="102">
        <v>1</v>
      </c>
      <c r="AP38" s="102">
        <v>3</v>
      </c>
      <c r="AQ38" s="102">
        <v>0</v>
      </c>
      <c r="AR38" s="102">
        <v>0</v>
      </c>
      <c r="AS38" s="103">
        <v>8</v>
      </c>
      <c r="AT38" s="104">
        <v>10</v>
      </c>
      <c r="AU38" s="101">
        <v>2</v>
      </c>
      <c r="AV38" s="102">
        <v>4</v>
      </c>
      <c r="AW38" s="103">
        <v>6</v>
      </c>
      <c r="AX38" s="413">
        <v>0</v>
      </c>
      <c r="AY38" s="102">
        <v>1</v>
      </c>
      <c r="AZ38" s="102">
        <v>4</v>
      </c>
      <c r="BA38" s="102">
        <v>0</v>
      </c>
      <c r="BB38" s="102">
        <v>0</v>
      </c>
      <c r="BC38" s="102">
        <v>0</v>
      </c>
      <c r="BD38" s="103">
        <v>5</v>
      </c>
      <c r="BE38" s="104">
        <v>11</v>
      </c>
      <c r="BF38" s="101">
        <v>3</v>
      </c>
      <c r="BG38" s="102">
        <v>4</v>
      </c>
      <c r="BH38" s="103">
        <v>7</v>
      </c>
      <c r="BI38" s="413">
        <v>0</v>
      </c>
      <c r="BJ38" s="102">
        <v>5</v>
      </c>
      <c r="BK38" s="102">
        <v>3</v>
      </c>
      <c r="BL38" s="102">
        <v>1</v>
      </c>
      <c r="BM38" s="102">
        <v>0</v>
      </c>
      <c r="BN38" s="102">
        <v>0</v>
      </c>
      <c r="BO38" s="103">
        <v>9</v>
      </c>
      <c r="BP38" s="104">
        <v>16</v>
      </c>
      <c r="BQ38" s="101">
        <v>4</v>
      </c>
      <c r="BR38" s="102">
        <v>2</v>
      </c>
      <c r="BS38" s="103">
        <v>6</v>
      </c>
      <c r="BT38" s="413">
        <v>0</v>
      </c>
      <c r="BU38" s="102">
        <v>1</v>
      </c>
      <c r="BV38" s="102">
        <v>2</v>
      </c>
      <c r="BW38" s="102">
        <v>0</v>
      </c>
      <c r="BX38" s="102">
        <v>1</v>
      </c>
      <c r="BY38" s="102">
        <v>0</v>
      </c>
      <c r="BZ38" s="103">
        <v>4</v>
      </c>
      <c r="CA38" s="104">
        <v>10</v>
      </c>
      <c r="CB38" s="101">
        <v>0</v>
      </c>
      <c r="CC38" s="102">
        <v>0</v>
      </c>
      <c r="CD38" s="103">
        <v>0</v>
      </c>
      <c r="CE38" s="413">
        <v>0</v>
      </c>
      <c r="CF38" s="102">
        <v>0</v>
      </c>
      <c r="CG38" s="102">
        <v>0</v>
      </c>
      <c r="CH38" s="102">
        <v>0</v>
      </c>
      <c r="CI38" s="102">
        <v>0</v>
      </c>
      <c r="CJ38" s="102">
        <v>0</v>
      </c>
      <c r="CK38" s="103">
        <v>0</v>
      </c>
      <c r="CL38" s="104">
        <v>0</v>
      </c>
      <c r="CM38" s="101">
        <v>9</v>
      </c>
      <c r="CN38" s="102">
        <v>12</v>
      </c>
      <c r="CO38" s="103">
        <v>21</v>
      </c>
      <c r="CP38" s="413">
        <v>0</v>
      </c>
      <c r="CQ38" s="102">
        <v>11</v>
      </c>
      <c r="CR38" s="102">
        <v>10</v>
      </c>
      <c r="CS38" s="102">
        <v>6</v>
      </c>
      <c r="CT38" s="102">
        <v>1</v>
      </c>
      <c r="CU38" s="102">
        <v>0</v>
      </c>
      <c r="CV38" s="103">
        <v>28</v>
      </c>
      <c r="CW38" s="104">
        <v>49</v>
      </c>
      <c r="CX38" s="105">
        <v>4</v>
      </c>
      <c r="CY38" s="97">
        <v>5</v>
      </c>
      <c r="CZ38" s="98">
        <v>9</v>
      </c>
      <c r="DA38" s="413">
        <v>0</v>
      </c>
      <c r="DB38" s="97">
        <v>7</v>
      </c>
      <c r="DC38" s="97">
        <v>6</v>
      </c>
      <c r="DD38" s="97">
        <v>2</v>
      </c>
      <c r="DE38" s="97">
        <v>2</v>
      </c>
      <c r="DF38" s="97">
        <v>5</v>
      </c>
      <c r="DG38" s="99">
        <v>22</v>
      </c>
      <c r="DH38" s="100">
        <v>31</v>
      </c>
      <c r="DI38" s="101">
        <v>0</v>
      </c>
      <c r="DJ38" s="102">
        <v>0</v>
      </c>
      <c r="DK38" s="103">
        <v>0</v>
      </c>
      <c r="DL38" s="413">
        <v>0</v>
      </c>
      <c r="DM38" s="102">
        <v>0</v>
      </c>
      <c r="DN38" s="102">
        <v>1</v>
      </c>
      <c r="DO38" s="102">
        <v>0</v>
      </c>
      <c r="DP38" s="102">
        <v>0</v>
      </c>
      <c r="DQ38" s="102">
        <v>0</v>
      </c>
      <c r="DR38" s="103">
        <v>1</v>
      </c>
      <c r="DS38" s="104">
        <v>1</v>
      </c>
      <c r="DT38" s="101">
        <v>1</v>
      </c>
      <c r="DU38" s="102">
        <v>1</v>
      </c>
      <c r="DV38" s="103">
        <v>2</v>
      </c>
      <c r="DW38" s="413">
        <v>0</v>
      </c>
      <c r="DX38" s="102">
        <v>0</v>
      </c>
      <c r="DY38" s="102">
        <v>1</v>
      </c>
      <c r="DZ38" s="102">
        <v>0</v>
      </c>
      <c r="EA38" s="102">
        <v>0</v>
      </c>
      <c r="EB38" s="102">
        <v>0</v>
      </c>
      <c r="EC38" s="103">
        <v>1</v>
      </c>
      <c r="ED38" s="104">
        <v>3</v>
      </c>
      <c r="EE38" s="101">
        <v>1</v>
      </c>
      <c r="EF38" s="102">
        <v>0</v>
      </c>
      <c r="EG38" s="103">
        <v>1</v>
      </c>
      <c r="EH38" s="413">
        <v>0</v>
      </c>
      <c r="EI38" s="102">
        <v>0</v>
      </c>
      <c r="EJ38" s="102">
        <v>1</v>
      </c>
      <c r="EK38" s="102">
        <v>1</v>
      </c>
      <c r="EL38" s="102">
        <v>0</v>
      </c>
      <c r="EM38" s="102">
        <v>1</v>
      </c>
      <c r="EN38" s="103">
        <v>3</v>
      </c>
      <c r="EO38" s="104">
        <v>4</v>
      </c>
      <c r="EP38" s="101">
        <v>1</v>
      </c>
      <c r="EQ38" s="102">
        <v>1</v>
      </c>
      <c r="ER38" s="103">
        <v>2</v>
      </c>
      <c r="ES38" s="413">
        <v>0</v>
      </c>
      <c r="ET38" s="102">
        <v>1</v>
      </c>
      <c r="EU38" s="102">
        <v>0</v>
      </c>
      <c r="EV38" s="102">
        <v>0</v>
      </c>
      <c r="EW38" s="102">
        <v>1</v>
      </c>
      <c r="EX38" s="102">
        <v>0</v>
      </c>
      <c r="EY38" s="103">
        <v>2</v>
      </c>
      <c r="EZ38" s="104">
        <v>4</v>
      </c>
      <c r="FA38" s="101">
        <v>0</v>
      </c>
      <c r="FB38" s="102">
        <v>2</v>
      </c>
      <c r="FC38" s="103">
        <v>2</v>
      </c>
      <c r="FD38" s="413">
        <v>0</v>
      </c>
      <c r="FE38" s="102">
        <v>3</v>
      </c>
      <c r="FF38" s="102">
        <v>1</v>
      </c>
      <c r="FG38" s="102">
        <v>0</v>
      </c>
      <c r="FH38" s="102">
        <v>0</v>
      </c>
      <c r="FI38" s="102">
        <v>1</v>
      </c>
      <c r="FJ38" s="103">
        <v>5</v>
      </c>
      <c r="FK38" s="104">
        <v>7</v>
      </c>
      <c r="FL38" s="101">
        <v>1</v>
      </c>
      <c r="FM38" s="102">
        <v>1</v>
      </c>
      <c r="FN38" s="103">
        <v>2</v>
      </c>
      <c r="FO38" s="413">
        <v>0</v>
      </c>
      <c r="FP38" s="102">
        <v>3</v>
      </c>
      <c r="FQ38" s="102">
        <v>2</v>
      </c>
      <c r="FR38" s="102">
        <v>1</v>
      </c>
      <c r="FS38" s="102">
        <v>1</v>
      </c>
      <c r="FT38" s="102">
        <v>3</v>
      </c>
      <c r="FU38" s="103">
        <v>10</v>
      </c>
      <c r="FV38" s="104">
        <v>12</v>
      </c>
      <c r="FW38" s="101">
        <v>0</v>
      </c>
      <c r="FX38" s="102">
        <v>0</v>
      </c>
      <c r="FY38" s="103">
        <v>0</v>
      </c>
      <c r="FZ38" s="413">
        <v>0</v>
      </c>
      <c r="GA38" s="102">
        <v>0</v>
      </c>
      <c r="GB38" s="102">
        <v>0</v>
      </c>
      <c r="GC38" s="102">
        <v>0</v>
      </c>
      <c r="GD38" s="102">
        <v>0</v>
      </c>
      <c r="GE38" s="102">
        <v>0</v>
      </c>
      <c r="GF38" s="103">
        <v>0</v>
      </c>
      <c r="GG38" s="104">
        <v>0</v>
      </c>
      <c r="GH38" s="101">
        <v>4</v>
      </c>
      <c r="GI38" s="102">
        <v>5</v>
      </c>
      <c r="GJ38" s="103">
        <v>9</v>
      </c>
      <c r="GK38" s="413">
        <v>0</v>
      </c>
      <c r="GL38" s="102">
        <v>7</v>
      </c>
      <c r="GM38" s="102">
        <v>6</v>
      </c>
      <c r="GN38" s="102">
        <v>2</v>
      </c>
      <c r="GO38" s="102">
        <v>2</v>
      </c>
      <c r="GP38" s="102">
        <v>5</v>
      </c>
      <c r="GQ38" s="103">
        <v>22</v>
      </c>
      <c r="GR38" s="104">
        <v>31</v>
      </c>
      <c r="GS38" s="105">
        <v>13</v>
      </c>
      <c r="GT38" s="97">
        <v>17</v>
      </c>
      <c r="GU38" s="98">
        <v>30</v>
      </c>
      <c r="GV38" s="413">
        <v>0</v>
      </c>
      <c r="GW38" s="97">
        <v>18</v>
      </c>
      <c r="GX38" s="97">
        <v>16</v>
      </c>
      <c r="GY38" s="97">
        <v>8</v>
      </c>
      <c r="GZ38" s="97">
        <v>3</v>
      </c>
      <c r="HA38" s="97">
        <v>5</v>
      </c>
      <c r="HB38" s="99">
        <v>50</v>
      </c>
      <c r="HC38" s="100">
        <v>80</v>
      </c>
      <c r="HD38" s="101">
        <v>0</v>
      </c>
      <c r="HE38" s="102">
        <v>0</v>
      </c>
      <c r="HF38" s="103">
        <v>0</v>
      </c>
      <c r="HG38" s="413">
        <v>0</v>
      </c>
      <c r="HH38" s="102">
        <v>0</v>
      </c>
      <c r="HI38" s="102">
        <v>1</v>
      </c>
      <c r="HJ38" s="102">
        <v>0</v>
      </c>
      <c r="HK38" s="102">
        <v>0</v>
      </c>
      <c r="HL38" s="102">
        <v>0</v>
      </c>
      <c r="HM38" s="103">
        <v>1</v>
      </c>
      <c r="HN38" s="104">
        <v>1</v>
      </c>
      <c r="HO38" s="101">
        <v>1</v>
      </c>
      <c r="HP38" s="102">
        <v>1</v>
      </c>
      <c r="HQ38" s="103">
        <v>2</v>
      </c>
      <c r="HR38" s="413">
        <v>0</v>
      </c>
      <c r="HS38" s="102">
        <v>0</v>
      </c>
      <c r="HT38" s="102">
        <v>1</v>
      </c>
      <c r="HU38" s="102">
        <v>2</v>
      </c>
      <c r="HV38" s="102">
        <v>0</v>
      </c>
      <c r="HW38" s="102">
        <v>0</v>
      </c>
      <c r="HX38" s="103">
        <v>3</v>
      </c>
      <c r="HY38" s="104">
        <v>5</v>
      </c>
      <c r="HZ38" s="101">
        <v>1</v>
      </c>
      <c r="IA38" s="102">
        <v>2</v>
      </c>
      <c r="IB38" s="103">
        <v>3</v>
      </c>
      <c r="IC38" s="413">
        <v>0</v>
      </c>
      <c r="ID38" s="102">
        <v>4</v>
      </c>
      <c r="IE38" s="102">
        <v>2</v>
      </c>
      <c r="IF38" s="102">
        <v>4</v>
      </c>
      <c r="IG38" s="102">
        <v>0</v>
      </c>
      <c r="IH38" s="102">
        <v>1</v>
      </c>
      <c r="II38" s="103">
        <v>11</v>
      </c>
      <c r="IJ38" s="104">
        <v>14</v>
      </c>
      <c r="IK38" s="101">
        <v>3</v>
      </c>
      <c r="IL38" s="102">
        <v>5</v>
      </c>
      <c r="IM38" s="103">
        <v>8</v>
      </c>
      <c r="IN38" s="413">
        <v>0</v>
      </c>
      <c r="IO38" s="102">
        <v>2</v>
      </c>
      <c r="IP38" s="102">
        <v>4</v>
      </c>
      <c r="IQ38" s="102">
        <v>0</v>
      </c>
      <c r="IR38" s="102">
        <v>1</v>
      </c>
      <c r="IS38" s="102">
        <v>0</v>
      </c>
      <c r="IT38" s="103">
        <v>7</v>
      </c>
      <c r="IU38" s="104">
        <v>15</v>
      </c>
      <c r="IV38" s="101">
        <v>3</v>
      </c>
      <c r="IW38" s="102">
        <v>6</v>
      </c>
      <c r="IX38" s="103">
        <v>9</v>
      </c>
      <c r="IY38" s="413">
        <v>0</v>
      </c>
      <c r="IZ38" s="102">
        <v>8</v>
      </c>
      <c r="JA38" s="102">
        <v>4</v>
      </c>
      <c r="JB38" s="102">
        <v>1</v>
      </c>
      <c r="JC38" s="102">
        <v>0</v>
      </c>
      <c r="JD38" s="102">
        <v>1</v>
      </c>
      <c r="JE38" s="103">
        <v>14</v>
      </c>
      <c r="JF38" s="104">
        <v>23</v>
      </c>
      <c r="JG38" s="101">
        <v>5</v>
      </c>
      <c r="JH38" s="102">
        <v>3</v>
      </c>
      <c r="JI38" s="103">
        <v>8</v>
      </c>
      <c r="JJ38" s="413">
        <v>0</v>
      </c>
      <c r="JK38" s="102">
        <v>4</v>
      </c>
      <c r="JL38" s="102">
        <v>4</v>
      </c>
      <c r="JM38" s="102">
        <v>1</v>
      </c>
      <c r="JN38" s="102">
        <v>2</v>
      </c>
      <c r="JO38" s="102">
        <v>3</v>
      </c>
      <c r="JP38" s="103">
        <v>14</v>
      </c>
      <c r="JQ38" s="104">
        <v>22</v>
      </c>
      <c r="JR38" s="101">
        <v>0</v>
      </c>
      <c r="JS38" s="102">
        <v>0</v>
      </c>
      <c r="JT38" s="103">
        <v>0</v>
      </c>
      <c r="JU38" s="413">
        <v>0</v>
      </c>
      <c r="JV38" s="102">
        <v>0</v>
      </c>
      <c r="JW38" s="102">
        <v>0</v>
      </c>
      <c r="JX38" s="102">
        <v>0</v>
      </c>
      <c r="JY38" s="102">
        <v>0</v>
      </c>
      <c r="JZ38" s="102">
        <v>0</v>
      </c>
      <c r="KA38" s="103">
        <v>0</v>
      </c>
      <c r="KB38" s="104">
        <v>0</v>
      </c>
      <c r="KC38" s="101">
        <v>13</v>
      </c>
      <c r="KD38" s="102">
        <v>17</v>
      </c>
      <c r="KE38" s="103">
        <v>30</v>
      </c>
      <c r="KF38" s="413">
        <v>0</v>
      </c>
      <c r="KG38" s="102">
        <v>18</v>
      </c>
      <c r="KH38" s="102">
        <v>16</v>
      </c>
      <c r="KI38" s="102">
        <v>8</v>
      </c>
      <c r="KJ38" s="102">
        <v>3</v>
      </c>
      <c r="KK38" s="102">
        <v>5</v>
      </c>
      <c r="KL38" s="103">
        <v>50</v>
      </c>
      <c r="KM38" s="104">
        <v>80</v>
      </c>
    </row>
    <row r="39" spans="2:299" s="70" customFormat="1" ht="21" customHeight="1" x14ac:dyDescent="0.2">
      <c r="B39" s="106" t="s">
        <v>36</v>
      </c>
      <c r="C39" s="96">
        <v>4</v>
      </c>
      <c r="D39" s="97">
        <v>6</v>
      </c>
      <c r="E39" s="98">
        <v>10</v>
      </c>
      <c r="F39" s="413">
        <v>0</v>
      </c>
      <c r="G39" s="97">
        <v>12</v>
      </c>
      <c r="H39" s="97">
        <v>10</v>
      </c>
      <c r="I39" s="97">
        <v>6</v>
      </c>
      <c r="J39" s="97">
        <v>2</v>
      </c>
      <c r="K39" s="97">
        <v>0</v>
      </c>
      <c r="L39" s="99">
        <v>30</v>
      </c>
      <c r="M39" s="100">
        <v>40</v>
      </c>
      <c r="N39" s="101">
        <v>0</v>
      </c>
      <c r="O39" s="102">
        <v>1</v>
      </c>
      <c r="P39" s="103">
        <v>1</v>
      </c>
      <c r="Q39" s="413">
        <v>0</v>
      </c>
      <c r="R39" s="102">
        <v>0</v>
      </c>
      <c r="S39" s="102">
        <v>0</v>
      </c>
      <c r="T39" s="102">
        <v>1</v>
      </c>
      <c r="U39" s="102">
        <v>0</v>
      </c>
      <c r="V39" s="102">
        <v>0</v>
      </c>
      <c r="W39" s="103">
        <v>1</v>
      </c>
      <c r="X39" s="104">
        <v>2</v>
      </c>
      <c r="Y39" s="101">
        <v>1</v>
      </c>
      <c r="Z39" s="102">
        <v>0</v>
      </c>
      <c r="AA39" s="103">
        <v>1</v>
      </c>
      <c r="AB39" s="413">
        <v>0</v>
      </c>
      <c r="AC39" s="102">
        <v>1</v>
      </c>
      <c r="AD39" s="102">
        <v>2</v>
      </c>
      <c r="AE39" s="102">
        <v>0</v>
      </c>
      <c r="AF39" s="102">
        <v>0</v>
      </c>
      <c r="AG39" s="102">
        <v>0</v>
      </c>
      <c r="AH39" s="103">
        <v>3</v>
      </c>
      <c r="AI39" s="104">
        <v>4</v>
      </c>
      <c r="AJ39" s="101">
        <v>0</v>
      </c>
      <c r="AK39" s="102">
        <v>0</v>
      </c>
      <c r="AL39" s="103">
        <v>0</v>
      </c>
      <c r="AM39" s="413">
        <v>0</v>
      </c>
      <c r="AN39" s="102">
        <v>2</v>
      </c>
      <c r="AO39" s="102">
        <v>2</v>
      </c>
      <c r="AP39" s="102">
        <v>0</v>
      </c>
      <c r="AQ39" s="102">
        <v>0</v>
      </c>
      <c r="AR39" s="102">
        <v>0</v>
      </c>
      <c r="AS39" s="103">
        <v>4</v>
      </c>
      <c r="AT39" s="104">
        <v>4</v>
      </c>
      <c r="AU39" s="101">
        <v>2</v>
      </c>
      <c r="AV39" s="102">
        <v>1</v>
      </c>
      <c r="AW39" s="103">
        <v>3</v>
      </c>
      <c r="AX39" s="413">
        <v>0</v>
      </c>
      <c r="AY39" s="102">
        <v>5</v>
      </c>
      <c r="AZ39" s="102">
        <v>1</v>
      </c>
      <c r="BA39" s="102">
        <v>1</v>
      </c>
      <c r="BB39" s="102">
        <v>1</v>
      </c>
      <c r="BC39" s="102">
        <v>0</v>
      </c>
      <c r="BD39" s="103">
        <v>8</v>
      </c>
      <c r="BE39" s="104">
        <v>11</v>
      </c>
      <c r="BF39" s="101">
        <v>1</v>
      </c>
      <c r="BG39" s="102">
        <v>2</v>
      </c>
      <c r="BH39" s="103">
        <v>3</v>
      </c>
      <c r="BI39" s="413">
        <v>0</v>
      </c>
      <c r="BJ39" s="102">
        <v>2</v>
      </c>
      <c r="BK39" s="102">
        <v>2</v>
      </c>
      <c r="BL39" s="102">
        <v>1</v>
      </c>
      <c r="BM39" s="102">
        <v>0</v>
      </c>
      <c r="BN39" s="102">
        <v>0</v>
      </c>
      <c r="BO39" s="103">
        <v>5</v>
      </c>
      <c r="BP39" s="104">
        <v>8</v>
      </c>
      <c r="BQ39" s="101">
        <v>0</v>
      </c>
      <c r="BR39" s="102">
        <v>2</v>
      </c>
      <c r="BS39" s="103">
        <v>2</v>
      </c>
      <c r="BT39" s="413">
        <v>0</v>
      </c>
      <c r="BU39" s="102">
        <v>2</v>
      </c>
      <c r="BV39" s="102">
        <v>3</v>
      </c>
      <c r="BW39" s="102">
        <v>3</v>
      </c>
      <c r="BX39" s="102">
        <v>1</v>
      </c>
      <c r="BY39" s="102">
        <v>0</v>
      </c>
      <c r="BZ39" s="103">
        <v>9</v>
      </c>
      <c r="CA39" s="104">
        <v>11</v>
      </c>
      <c r="CB39" s="101">
        <v>0</v>
      </c>
      <c r="CC39" s="102">
        <v>0</v>
      </c>
      <c r="CD39" s="103">
        <v>0</v>
      </c>
      <c r="CE39" s="413">
        <v>0</v>
      </c>
      <c r="CF39" s="102">
        <v>0</v>
      </c>
      <c r="CG39" s="102">
        <v>0</v>
      </c>
      <c r="CH39" s="102">
        <v>0</v>
      </c>
      <c r="CI39" s="102">
        <v>0</v>
      </c>
      <c r="CJ39" s="102">
        <v>0</v>
      </c>
      <c r="CK39" s="103">
        <v>0</v>
      </c>
      <c r="CL39" s="104">
        <v>0</v>
      </c>
      <c r="CM39" s="101">
        <v>4</v>
      </c>
      <c r="CN39" s="102">
        <v>6</v>
      </c>
      <c r="CO39" s="103">
        <v>10</v>
      </c>
      <c r="CP39" s="413">
        <v>0</v>
      </c>
      <c r="CQ39" s="102">
        <v>12</v>
      </c>
      <c r="CR39" s="102">
        <v>10</v>
      </c>
      <c r="CS39" s="102">
        <v>6</v>
      </c>
      <c r="CT39" s="102">
        <v>2</v>
      </c>
      <c r="CU39" s="102">
        <v>0</v>
      </c>
      <c r="CV39" s="103">
        <v>30</v>
      </c>
      <c r="CW39" s="104">
        <v>40</v>
      </c>
      <c r="CX39" s="105">
        <v>3</v>
      </c>
      <c r="CY39" s="97">
        <v>4</v>
      </c>
      <c r="CZ39" s="98">
        <v>7</v>
      </c>
      <c r="DA39" s="413">
        <v>0</v>
      </c>
      <c r="DB39" s="97">
        <v>4</v>
      </c>
      <c r="DC39" s="97">
        <v>7</v>
      </c>
      <c r="DD39" s="97">
        <v>1</v>
      </c>
      <c r="DE39" s="97">
        <v>3</v>
      </c>
      <c r="DF39" s="97">
        <v>2</v>
      </c>
      <c r="DG39" s="99">
        <v>17</v>
      </c>
      <c r="DH39" s="100">
        <v>24</v>
      </c>
      <c r="DI39" s="101">
        <v>0</v>
      </c>
      <c r="DJ39" s="102">
        <v>0</v>
      </c>
      <c r="DK39" s="103">
        <v>0</v>
      </c>
      <c r="DL39" s="413">
        <v>0</v>
      </c>
      <c r="DM39" s="102">
        <v>0</v>
      </c>
      <c r="DN39" s="102">
        <v>0</v>
      </c>
      <c r="DO39" s="102">
        <v>0</v>
      </c>
      <c r="DP39" s="102">
        <v>0</v>
      </c>
      <c r="DQ39" s="102">
        <v>0</v>
      </c>
      <c r="DR39" s="103">
        <v>0</v>
      </c>
      <c r="DS39" s="104">
        <v>0</v>
      </c>
      <c r="DT39" s="101">
        <v>0</v>
      </c>
      <c r="DU39" s="102">
        <v>0</v>
      </c>
      <c r="DV39" s="103">
        <v>0</v>
      </c>
      <c r="DW39" s="413">
        <v>0</v>
      </c>
      <c r="DX39" s="102">
        <v>0</v>
      </c>
      <c r="DY39" s="102">
        <v>0</v>
      </c>
      <c r="DZ39" s="102">
        <v>0</v>
      </c>
      <c r="EA39" s="102">
        <v>0</v>
      </c>
      <c r="EB39" s="102">
        <v>0</v>
      </c>
      <c r="EC39" s="103">
        <v>0</v>
      </c>
      <c r="ED39" s="104">
        <v>0</v>
      </c>
      <c r="EE39" s="101">
        <v>0</v>
      </c>
      <c r="EF39" s="102">
        <v>1</v>
      </c>
      <c r="EG39" s="103">
        <v>1</v>
      </c>
      <c r="EH39" s="413">
        <v>0</v>
      </c>
      <c r="EI39" s="102">
        <v>0</v>
      </c>
      <c r="EJ39" s="102">
        <v>0</v>
      </c>
      <c r="EK39" s="102">
        <v>0</v>
      </c>
      <c r="EL39" s="102">
        <v>0</v>
      </c>
      <c r="EM39" s="102">
        <v>0</v>
      </c>
      <c r="EN39" s="103">
        <v>0</v>
      </c>
      <c r="EO39" s="104">
        <v>1</v>
      </c>
      <c r="EP39" s="101">
        <v>0</v>
      </c>
      <c r="EQ39" s="102">
        <v>0</v>
      </c>
      <c r="ER39" s="103">
        <v>0</v>
      </c>
      <c r="ES39" s="413">
        <v>0</v>
      </c>
      <c r="ET39" s="102">
        <v>1</v>
      </c>
      <c r="EU39" s="102">
        <v>0</v>
      </c>
      <c r="EV39" s="102">
        <v>0</v>
      </c>
      <c r="EW39" s="102">
        <v>0</v>
      </c>
      <c r="EX39" s="102">
        <v>0</v>
      </c>
      <c r="EY39" s="103">
        <v>1</v>
      </c>
      <c r="EZ39" s="104">
        <v>1</v>
      </c>
      <c r="FA39" s="101">
        <v>1</v>
      </c>
      <c r="FB39" s="102">
        <v>3</v>
      </c>
      <c r="FC39" s="103">
        <v>4</v>
      </c>
      <c r="FD39" s="413">
        <v>0</v>
      </c>
      <c r="FE39" s="102">
        <v>2</v>
      </c>
      <c r="FF39" s="102">
        <v>3</v>
      </c>
      <c r="FG39" s="102">
        <v>1</v>
      </c>
      <c r="FH39" s="102">
        <v>1</v>
      </c>
      <c r="FI39" s="102">
        <v>0</v>
      </c>
      <c r="FJ39" s="103">
        <v>7</v>
      </c>
      <c r="FK39" s="104">
        <v>11</v>
      </c>
      <c r="FL39" s="101">
        <v>2</v>
      </c>
      <c r="FM39" s="102">
        <v>0</v>
      </c>
      <c r="FN39" s="103">
        <v>2</v>
      </c>
      <c r="FO39" s="413">
        <v>0</v>
      </c>
      <c r="FP39" s="102">
        <v>1</v>
      </c>
      <c r="FQ39" s="102">
        <v>4</v>
      </c>
      <c r="FR39" s="102">
        <v>0</v>
      </c>
      <c r="FS39" s="102">
        <v>2</v>
      </c>
      <c r="FT39" s="102">
        <v>2</v>
      </c>
      <c r="FU39" s="103">
        <v>9</v>
      </c>
      <c r="FV39" s="104">
        <v>11</v>
      </c>
      <c r="FW39" s="101">
        <v>0</v>
      </c>
      <c r="FX39" s="102">
        <v>0</v>
      </c>
      <c r="FY39" s="103">
        <v>0</v>
      </c>
      <c r="FZ39" s="413">
        <v>0</v>
      </c>
      <c r="GA39" s="102">
        <v>0</v>
      </c>
      <c r="GB39" s="102">
        <v>0</v>
      </c>
      <c r="GC39" s="102">
        <v>0</v>
      </c>
      <c r="GD39" s="102">
        <v>0</v>
      </c>
      <c r="GE39" s="102">
        <v>0</v>
      </c>
      <c r="GF39" s="103">
        <v>0</v>
      </c>
      <c r="GG39" s="104">
        <v>0</v>
      </c>
      <c r="GH39" s="101">
        <v>3</v>
      </c>
      <c r="GI39" s="102">
        <v>4</v>
      </c>
      <c r="GJ39" s="103">
        <v>7</v>
      </c>
      <c r="GK39" s="413">
        <v>0</v>
      </c>
      <c r="GL39" s="102">
        <v>4</v>
      </c>
      <c r="GM39" s="102">
        <v>7</v>
      </c>
      <c r="GN39" s="102">
        <v>1</v>
      </c>
      <c r="GO39" s="102">
        <v>3</v>
      </c>
      <c r="GP39" s="102">
        <v>2</v>
      </c>
      <c r="GQ39" s="103">
        <v>17</v>
      </c>
      <c r="GR39" s="104">
        <v>24</v>
      </c>
      <c r="GS39" s="105">
        <v>7</v>
      </c>
      <c r="GT39" s="97">
        <v>10</v>
      </c>
      <c r="GU39" s="98">
        <v>17</v>
      </c>
      <c r="GV39" s="413">
        <v>0</v>
      </c>
      <c r="GW39" s="97">
        <v>16</v>
      </c>
      <c r="GX39" s="97">
        <v>17</v>
      </c>
      <c r="GY39" s="97">
        <v>7</v>
      </c>
      <c r="GZ39" s="97">
        <v>5</v>
      </c>
      <c r="HA39" s="97">
        <v>2</v>
      </c>
      <c r="HB39" s="99">
        <v>47</v>
      </c>
      <c r="HC39" s="100">
        <v>64</v>
      </c>
      <c r="HD39" s="101">
        <v>0</v>
      </c>
      <c r="HE39" s="102">
        <v>1</v>
      </c>
      <c r="HF39" s="103">
        <v>1</v>
      </c>
      <c r="HG39" s="413">
        <v>0</v>
      </c>
      <c r="HH39" s="102">
        <v>0</v>
      </c>
      <c r="HI39" s="102">
        <v>0</v>
      </c>
      <c r="HJ39" s="102">
        <v>1</v>
      </c>
      <c r="HK39" s="102">
        <v>0</v>
      </c>
      <c r="HL39" s="102">
        <v>0</v>
      </c>
      <c r="HM39" s="103">
        <v>1</v>
      </c>
      <c r="HN39" s="104">
        <v>2</v>
      </c>
      <c r="HO39" s="101">
        <v>1</v>
      </c>
      <c r="HP39" s="102">
        <v>0</v>
      </c>
      <c r="HQ39" s="103">
        <v>1</v>
      </c>
      <c r="HR39" s="413">
        <v>0</v>
      </c>
      <c r="HS39" s="102">
        <v>1</v>
      </c>
      <c r="HT39" s="102">
        <v>2</v>
      </c>
      <c r="HU39" s="102">
        <v>0</v>
      </c>
      <c r="HV39" s="102">
        <v>0</v>
      </c>
      <c r="HW39" s="102">
        <v>0</v>
      </c>
      <c r="HX39" s="103">
        <v>3</v>
      </c>
      <c r="HY39" s="104">
        <v>4</v>
      </c>
      <c r="HZ39" s="101">
        <v>0</v>
      </c>
      <c r="IA39" s="102">
        <v>1</v>
      </c>
      <c r="IB39" s="103">
        <v>1</v>
      </c>
      <c r="IC39" s="413">
        <v>0</v>
      </c>
      <c r="ID39" s="102">
        <v>2</v>
      </c>
      <c r="IE39" s="102">
        <v>2</v>
      </c>
      <c r="IF39" s="102">
        <v>0</v>
      </c>
      <c r="IG39" s="102">
        <v>0</v>
      </c>
      <c r="IH39" s="102">
        <v>0</v>
      </c>
      <c r="II39" s="103">
        <v>4</v>
      </c>
      <c r="IJ39" s="104">
        <v>5</v>
      </c>
      <c r="IK39" s="101">
        <v>2</v>
      </c>
      <c r="IL39" s="102">
        <v>1</v>
      </c>
      <c r="IM39" s="103">
        <v>3</v>
      </c>
      <c r="IN39" s="413">
        <v>0</v>
      </c>
      <c r="IO39" s="102">
        <v>6</v>
      </c>
      <c r="IP39" s="102">
        <v>1</v>
      </c>
      <c r="IQ39" s="102">
        <v>1</v>
      </c>
      <c r="IR39" s="102">
        <v>1</v>
      </c>
      <c r="IS39" s="102">
        <v>0</v>
      </c>
      <c r="IT39" s="103">
        <v>9</v>
      </c>
      <c r="IU39" s="104">
        <v>12</v>
      </c>
      <c r="IV39" s="101">
        <v>2</v>
      </c>
      <c r="IW39" s="102">
        <v>5</v>
      </c>
      <c r="IX39" s="103">
        <v>7</v>
      </c>
      <c r="IY39" s="413">
        <v>0</v>
      </c>
      <c r="IZ39" s="102">
        <v>4</v>
      </c>
      <c r="JA39" s="102">
        <v>5</v>
      </c>
      <c r="JB39" s="102">
        <v>2</v>
      </c>
      <c r="JC39" s="102">
        <v>1</v>
      </c>
      <c r="JD39" s="102">
        <v>0</v>
      </c>
      <c r="JE39" s="103">
        <v>12</v>
      </c>
      <c r="JF39" s="104">
        <v>19</v>
      </c>
      <c r="JG39" s="101">
        <v>2</v>
      </c>
      <c r="JH39" s="102">
        <v>2</v>
      </c>
      <c r="JI39" s="103">
        <v>4</v>
      </c>
      <c r="JJ39" s="413">
        <v>0</v>
      </c>
      <c r="JK39" s="102">
        <v>3</v>
      </c>
      <c r="JL39" s="102">
        <v>7</v>
      </c>
      <c r="JM39" s="102">
        <v>3</v>
      </c>
      <c r="JN39" s="102">
        <v>3</v>
      </c>
      <c r="JO39" s="102">
        <v>2</v>
      </c>
      <c r="JP39" s="103">
        <v>18</v>
      </c>
      <c r="JQ39" s="104">
        <v>22</v>
      </c>
      <c r="JR39" s="101">
        <v>0</v>
      </c>
      <c r="JS39" s="102">
        <v>0</v>
      </c>
      <c r="JT39" s="103">
        <v>0</v>
      </c>
      <c r="JU39" s="413">
        <v>0</v>
      </c>
      <c r="JV39" s="102">
        <v>0</v>
      </c>
      <c r="JW39" s="102">
        <v>0</v>
      </c>
      <c r="JX39" s="102">
        <v>0</v>
      </c>
      <c r="JY39" s="102">
        <v>0</v>
      </c>
      <c r="JZ39" s="102">
        <v>0</v>
      </c>
      <c r="KA39" s="103">
        <v>0</v>
      </c>
      <c r="KB39" s="104">
        <v>0</v>
      </c>
      <c r="KC39" s="101">
        <v>7</v>
      </c>
      <c r="KD39" s="102">
        <v>10</v>
      </c>
      <c r="KE39" s="103">
        <v>17</v>
      </c>
      <c r="KF39" s="413">
        <v>0</v>
      </c>
      <c r="KG39" s="102">
        <v>16</v>
      </c>
      <c r="KH39" s="102">
        <v>17</v>
      </c>
      <c r="KI39" s="102">
        <v>7</v>
      </c>
      <c r="KJ39" s="102">
        <v>5</v>
      </c>
      <c r="KK39" s="102">
        <v>2</v>
      </c>
      <c r="KL39" s="103">
        <v>47</v>
      </c>
      <c r="KM39" s="104">
        <v>64</v>
      </c>
    </row>
    <row r="40" spans="2:299" s="70" customFormat="1" ht="21" customHeight="1" thickBot="1" x14ac:dyDescent="0.25">
      <c r="B40" s="108" t="s">
        <v>37</v>
      </c>
      <c r="C40" s="109">
        <v>0</v>
      </c>
      <c r="D40" s="110">
        <v>0</v>
      </c>
      <c r="E40" s="111">
        <v>0</v>
      </c>
      <c r="F40" s="414">
        <v>0</v>
      </c>
      <c r="G40" s="110">
        <v>0</v>
      </c>
      <c r="H40" s="110">
        <v>1</v>
      </c>
      <c r="I40" s="110">
        <v>0</v>
      </c>
      <c r="J40" s="110">
        <v>0</v>
      </c>
      <c r="K40" s="110">
        <v>0</v>
      </c>
      <c r="L40" s="112">
        <v>1</v>
      </c>
      <c r="M40" s="113">
        <v>1</v>
      </c>
      <c r="N40" s="114">
        <v>0</v>
      </c>
      <c r="O40" s="115">
        <v>0</v>
      </c>
      <c r="P40" s="116">
        <v>0</v>
      </c>
      <c r="Q40" s="414">
        <v>0</v>
      </c>
      <c r="R40" s="115">
        <v>0</v>
      </c>
      <c r="S40" s="115">
        <v>0</v>
      </c>
      <c r="T40" s="115">
        <v>0</v>
      </c>
      <c r="U40" s="115">
        <v>0</v>
      </c>
      <c r="V40" s="115">
        <v>0</v>
      </c>
      <c r="W40" s="116">
        <v>0</v>
      </c>
      <c r="X40" s="117">
        <v>0</v>
      </c>
      <c r="Y40" s="114">
        <v>0</v>
      </c>
      <c r="Z40" s="115">
        <v>0</v>
      </c>
      <c r="AA40" s="116">
        <v>0</v>
      </c>
      <c r="AB40" s="414">
        <v>0</v>
      </c>
      <c r="AC40" s="115">
        <v>0</v>
      </c>
      <c r="AD40" s="115">
        <v>0</v>
      </c>
      <c r="AE40" s="115">
        <v>0</v>
      </c>
      <c r="AF40" s="115">
        <v>0</v>
      </c>
      <c r="AG40" s="115">
        <v>0</v>
      </c>
      <c r="AH40" s="116">
        <v>0</v>
      </c>
      <c r="AI40" s="117">
        <v>0</v>
      </c>
      <c r="AJ40" s="114">
        <v>0</v>
      </c>
      <c r="AK40" s="115">
        <v>0</v>
      </c>
      <c r="AL40" s="116">
        <v>0</v>
      </c>
      <c r="AM40" s="414">
        <v>0</v>
      </c>
      <c r="AN40" s="115">
        <v>0</v>
      </c>
      <c r="AO40" s="115">
        <v>1</v>
      </c>
      <c r="AP40" s="115">
        <v>0</v>
      </c>
      <c r="AQ40" s="115">
        <v>0</v>
      </c>
      <c r="AR40" s="115">
        <v>0</v>
      </c>
      <c r="AS40" s="116">
        <v>1</v>
      </c>
      <c r="AT40" s="117">
        <v>1</v>
      </c>
      <c r="AU40" s="114">
        <v>0</v>
      </c>
      <c r="AV40" s="115">
        <v>0</v>
      </c>
      <c r="AW40" s="116">
        <v>0</v>
      </c>
      <c r="AX40" s="414">
        <v>0</v>
      </c>
      <c r="AY40" s="115">
        <v>0</v>
      </c>
      <c r="AZ40" s="115">
        <v>0</v>
      </c>
      <c r="BA40" s="115">
        <v>0</v>
      </c>
      <c r="BB40" s="115">
        <v>0</v>
      </c>
      <c r="BC40" s="115">
        <v>0</v>
      </c>
      <c r="BD40" s="116">
        <v>0</v>
      </c>
      <c r="BE40" s="117">
        <v>0</v>
      </c>
      <c r="BF40" s="114">
        <v>0</v>
      </c>
      <c r="BG40" s="115">
        <v>0</v>
      </c>
      <c r="BH40" s="116">
        <v>0</v>
      </c>
      <c r="BI40" s="414">
        <v>0</v>
      </c>
      <c r="BJ40" s="115">
        <v>0</v>
      </c>
      <c r="BK40" s="115">
        <v>0</v>
      </c>
      <c r="BL40" s="115">
        <v>0</v>
      </c>
      <c r="BM40" s="115">
        <v>0</v>
      </c>
      <c r="BN40" s="115">
        <v>0</v>
      </c>
      <c r="BO40" s="116">
        <v>0</v>
      </c>
      <c r="BP40" s="117">
        <v>0</v>
      </c>
      <c r="BQ40" s="114">
        <v>0</v>
      </c>
      <c r="BR40" s="115">
        <v>0</v>
      </c>
      <c r="BS40" s="116">
        <v>0</v>
      </c>
      <c r="BT40" s="414">
        <v>0</v>
      </c>
      <c r="BU40" s="115">
        <v>0</v>
      </c>
      <c r="BV40" s="115">
        <v>0</v>
      </c>
      <c r="BW40" s="115">
        <v>0</v>
      </c>
      <c r="BX40" s="115">
        <v>0</v>
      </c>
      <c r="BY40" s="115">
        <v>0</v>
      </c>
      <c r="BZ40" s="116">
        <v>0</v>
      </c>
      <c r="CA40" s="117">
        <v>0</v>
      </c>
      <c r="CB40" s="114">
        <v>0</v>
      </c>
      <c r="CC40" s="115">
        <v>0</v>
      </c>
      <c r="CD40" s="116">
        <v>0</v>
      </c>
      <c r="CE40" s="414">
        <v>0</v>
      </c>
      <c r="CF40" s="115">
        <v>0</v>
      </c>
      <c r="CG40" s="115">
        <v>0</v>
      </c>
      <c r="CH40" s="115">
        <v>0</v>
      </c>
      <c r="CI40" s="115">
        <v>0</v>
      </c>
      <c r="CJ40" s="115">
        <v>0</v>
      </c>
      <c r="CK40" s="116">
        <v>0</v>
      </c>
      <c r="CL40" s="117">
        <v>0</v>
      </c>
      <c r="CM40" s="114">
        <v>0</v>
      </c>
      <c r="CN40" s="115">
        <v>0</v>
      </c>
      <c r="CO40" s="116">
        <v>0</v>
      </c>
      <c r="CP40" s="414">
        <v>0</v>
      </c>
      <c r="CQ40" s="115">
        <v>0</v>
      </c>
      <c r="CR40" s="115">
        <v>1</v>
      </c>
      <c r="CS40" s="115">
        <v>0</v>
      </c>
      <c r="CT40" s="115">
        <v>0</v>
      </c>
      <c r="CU40" s="115">
        <v>0</v>
      </c>
      <c r="CV40" s="116">
        <v>1</v>
      </c>
      <c r="CW40" s="117">
        <v>1</v>
      </c>
      <c r="CX40" s="118">
        <v>0</v>
      </c>
      <c r="CY40" s="110">
        <v>0</v>
      </c>
      <c r="CZ40" s="111">
        <v>0</v>
      </c>
      <c r="DA40" s="414">
        <v>0</v>
      </c>
      <c r="DB40" s="110">
        <v>0</v>
      </c>
      <c r="DC40" s="110">
        <v>0</v>
      </c>
      <c r="DD40" s="110">
        <v>0</v>
      </c>
      <c r="DE40" s="110">
        <v>0</v>
      </c>
      <c r="DF40" s="110">
        <v>1</v>
      </c>
      <c r="DG40" s="112">
        <v>1</v>
      </c>
      <c r="DH40" s="113">
        <v>1</v>
      </c>
      <c r="DI40" s="114">
        <v>0</v>
      </c>
      <c r="DJ40" s="115">
        <v>0</v>
      </c>
      <c r="DK40" s="116">
        <v>0</v>
      </c>
      <c r="DL40" s="414">
        <v>0</v>
      </c>
      <c r="DM40" s="115">
        <v>0</v>
      </c>
      <c r="DN40" s="115">
        <v>0</v>
      </c>
      <c r="DO40" s="115">
        <v>0</v>
      </c>
      <c r="DP40" s="115">
        <v>0</v>
      </c>
      <c r="DQ40" s="115">
        <v>0</v>
      </c>
      <c r="DR40" s="116">
        <v>0</v>
      </c>
      <c r="DS40" s="117">
        <v>0</v>
      </c>
      <c r="DT40" s="114">
        <v>0</v>
      </c>
      <c r="DU40" s="115">
        <v>0</v>
      </c>
      <c r="DV40" s="116">
        <v>0</v>
      </c>
      <c r="DW40" s="414">
        <v>0</v>
      </c>
      <c r="DX40" s="115">
        <v>0</v>
      </c>
      <c r="DY40" s="115">
        <v>0</v>
      </c>
      <c r="DZ40" s="115">
        <v>0</v>
      </c>
      <c r="EA40" s="115">
        <v>0</v>
      </c>
      <c r="EB40" s="115">
        <v>0</v>
      </c>
      <c r="EC40" s="116">
        <v>0</v>
      </c>
      <c r="ED40" s="117">
        <v>0</v>
      </c>
      <c r="EE40" s="114">
        <v>0</v>
      </c>
      <c r="EF40" s="115">
        <v>0</v>
      </c>
      <c r="EG40" s="116">
        <v>0</v>
      </c>
      <c r="EH40" s="414">
        <v>0</v>
      </c>
      <c r="EI40" s="115">
        <v>0</v>
      </c>
      <c r="EJ40" s="115">
        <v>0</v>
      </c>
      <c r="EK40" s="115">
        <v>0</v>
      </c>
      <c r="EL40" s="115">
        <v>0</v>
      </c>
      <c r="EM40" s="115">
        <v>0</v>
      </c>
      <c r="EN40" s="116">
        <v>0</v>
      </c>
      <c r="EO40" s="117">
        <v>0</v>
      </c>
      <c r="EP40" s="114">
        <v>0</v>
      </c>
      <c r="EQ40" s="115">
        <v>0</v>
      </c>
      <c r="ER40" s="116">
        <v>0</v>
      </c>
      <c r="ES40" s="414">
        <v>0</v>
      </c>
      <c r="ET40" s="115">
        <v>0</v>
      </c>
      <c r="EU40" s="115">
        <v>0</v>
      </c>
      <c r="EV40" s="115">
        <v>0</v>
      </c>
      <c r="EW40" s="115">
        <v>0</v>
      </c>
      <c r="EX40" s="115">
        <v>0</v>
      </c>
      <c r="EY40" s="116">
        <v>0</v>
      </c>
      <c r="EZ40" s="117">
        <v>0</v>
      </c>
      <c r="FA40" s="114">
        <v>0</v>
      </c>
      <c r="FB40" s="115">
        <v>0</v>
      </c>
      <c r="FC40" s="116">
        <v>0</v>
      </c>
      <c r="FD40" s="414">
        <v>0</v>
      </c>
      <c r="FE40" s="115">
        <v>0</v>
      </c>
      <c r="FF40" s="115">
        <v>0</v>
      </c>
      <c r="FG40" s="115">
        <v>0</v>
      </c>
      <c r="FH40" s="115">
        <v>0</v>
      </c>
      <c r="FI40" s="115">
        <v>0</v>
      </c>
      <c r="FJ40" s="116">
        <v>0</v>
      </c>
      <c r="FK40" s="117">
        <v>0</v>
      </c>
      <c r="FL40" s="114">
        <v>0</v>
      </c>
      <c r="FM40" s="115">
        <v>0</v>
      </c>
      <c r="FN40" s="116">
        <v>0</v>
      </c>
      <c r="FO40" s="414">
        <v>0</v>
      </c>
      <c r="FP40" s="115">
        <v>0</v>
      </c>
      <c r="FQ40" s="115">
        <v>0</v>
      </c>
      <c r="FR40" s="115">
        <v>0</v>
      </c>
      <c r="FS40" s="115">
        <v>0</v>
      </c>
      <c r="FT40" s="115">
        <v>1</v>
      </c>
      <c r="FU40" s="116">
        <v>1</v>
      </c>
      <c r="FV40" s="117">
        <v>1</v>
      </c>
      <c r="FW40" s="114">
        <v>0</v>
      </c>
      <c r="FX40" s="115">
        <v>0</v>
      </c>
      <c r="FY40" s="116">
        <v>0</v>
      </c>
      <c r="FZ40" s="414">
        <v>0</v>
      </c>
      <c r="GA40" s="115">
        <v>0</v>
      </c>
      <c r="GB40" s="115">
        <v>0</v>
      </c>
      <c r="GC40" s="115">
        <v>0</v>
      </c>
      <c r="GD40" s="115">
        <v>0</v>
      </c>
      <c r="GE40" s="115">
        <v>0</v>
      </c>
      <c r="GF40" s="116">
        <v>0</v>
      </c>
      <c r="GG40" s="117">
        <v>0</v>
      </c>
      <c r="GH40" s="114">
        <v>0</v>
      </c>
      <c r="GI40" s="115">
        <v>0</v>
      </c>
      <c r="GJ40" s="116">
        <v>0</v>
      </c>
      <c r="GK40" s="414">
        <v>0</v>
      </c>
      <c r="GL40" s="115">
        <v>0</v>
      </c>
      <c r="GM40" s="115">
        <v>0</v>
      </c>
      <c r="GN40" s="115">
        <v>0</v>
      </c>
      <c r="GO40" s="115">
        <v>0</v>
      </c>
      <c r="GP40" s="115">
        <v>1</v>
      </c>
      <c r="GQ40" s="116">
        <v>1</v>
      </c>
      <c r="GR40" s="117">
        <v>1</v>
      </c>
      <c r="GS40" s="118">
        <v>0</v>
      </c>
      <c r="GT40" s="110">
        <v>0</v>
      </c>
      <c r="GU40" s="111">
        <v>0</v>
      </c>
      <c r="GV40" s="414">
        <v>0</v>
      </c>
      <c r="GW40" s="110">
        <v>0</v>
      </c>
      <c r="GX40" s="110">
        <v>1</v>
      </c>
      <c r="GY40" s="110">
        <v>0</v>
      </c>
      <c r="GZ40" s="110">
        <v>0</v>
      </c>
      <c r="HA40" s="110">
        <v>1</v>
      </c>
      <c r="HB40" s="112">
        <v>2</v>
      </c>
      <c r="HC40" s="113">
        <v>2</v>
      </c>
      <c r="HD40" s="114">
        <v>0</v>
      </c>
      <c r="HE40" s="115">
        <v>0</v>
      </c>
      <c r="HF40" s="116">
        <v>0</v>
      </c>
      <c r="HG40" s="414">
        <v>0</v>
      </c>
      <c r="HH40" s="115">
        <v>0</v>
      </c>
      <c r="HI40" s="115">
        <v>0</v>
      </c>
      <c r="HJ40" s="115">
        <v>0</v>
      </c>
      <c r="HK40" s="115">
        <v>0</v>
      </c>
      <c r="HL40" s="115">
        <v>0</v>
      </c>
      <c r="HM40" s="116">
        <v>0</v>
      </c>
      <c r="HN40" s="117">
        <v>0</v>
      </c>
      <c r="HO40" s="114">
        <v>0</v>
      </c>
      <c r="HP40" s="115">
        <v>0</v>
      </c>
      <c r="HQ40" s="116">
        <v>0</v>
      </c>
      <c r="HR40" s="414">
        <v>0</v>
      </c>
      <c r="HS40" s="115">
        <v>0</v>
      </c>
      <c r="HT40" s="115">
        <v>0</v>
      </c>
      <c r="HU40" s="115">
        <v>0</v>
      </c>
      <c r="HV40" s="115">
        <v>0</v>
      </c>
      <c r="HW40" s="115">
        <v>0</v>
      </c>
      <c r="HX40" s="116">
        <v>0</v>
      </c>
      <c r="HY40" s="117">
        <v>0</v>
      </c>
      <c r="HZ40" s="114">
        <v>0</v>
      </c>
      <c r="IA40" s="115">
        <v>0</v>
      </c>
      <c r="IB40" s="116">
        <v>0</v>
      </c>
      <c r="IC40" s="414">
        <v>0</v>
      </c>
      <c r="ID40" s="115">
        <v>0</v>
      </c>
      <c r="IE40" s="115">
        <v>1</v>
      </c>
      <c r="IF40" s="115">
        <v>0</v>
      </c>
      <c r="IG40" s="115">
        <v>0</v>
      </c>
      <c r="IH40" s="115">
        <v>0</v>
      </c>
      <c r="II40" s="116">
        <v>1</v>
      </c>
      <c r="IJ40" s="117">
        <v>1</v>
      </c>
      <c r="IK40" s="114">
        <v>0</v>
      </c>
      <c r="IL40" s="115">
        <v>0</v>
      </c>
      <c r="IM40" s="116">
        <v>0</v>
      </c>
      <c r="IN40" s="414">
        <v>0</v>
      </c>
      <c r="IO40" s="115">
        <v>0</v>
      </c>
      <c r="IP40" s="115">
        <v>0</v>
      </c>
      <c r="IQ40" s="115">
        <v>0</v>
      </c>
      <c r="IR40" s="115">
        <v>0</v>
      </c>
      <c r="IS40" s="115">
        <v>0</v>
      </c>
      <c r="IT40" s="116">
        <v>0</v>
      </c>
      <c r="IU40" s="117">
        <v>0</v>
      </c>
      <c r="IV40" s="114">
        <v>0</v>
      </c>
      <c r="IW40" s="115">
        <v>0</v>
      </c>
      <c r="IX40" s="116">
        <v>0</v>
      </c>
      <c r="IY40" s="414">
        <v>0</v>
      </c>
      <c r="IZ40" s="115">
        <v>0</v>
      </c>
      <c r="JA40" s="115">
        <v>0</v>
      </c>
      <c r="JB40" s="115">
        <v>0</v>
      </c>
      <c r="JC40" s="115">
        <v>0</v>
      </c>
      <c r="JD40" s="115">
        <v>0</v>
      </c>
      <c r="JE40" s="116">
        <v>0</v>
      </c>
      <c r="JF40" s="117">
        <v>0</v>
      </c>
      <c r="JG40" s="114">
        <v>0</v>
      </c>
      <c r="JH40" s="115">
        <v>0</v>
      </c>
      <c r="JI40" s="116">
        <v>0</v>
      </c>
      <c r="JJ40" s="414">
        <v>0</v>
      </c>
      <c r="JK40" s="115">
        <v>0</v>
      </c>
      <c r="JL40" s="115">
        <v>0</v>
      </c>
      <c r="JM40" s="115">
        <v>0</v>
      </c>
      <c r="JN40" s="115">
        <v>0</v>
      </c>
      <c r="JO40" s="115">
        <v>1</v>
      </c>
      <c r="JP40" s="116">
        <v>1</v>
      </c>
      <c r="JQ40" s="117">
        <v>1</v>
      </c>
      <c r="JR40" s="114">
        <v>0</v>
      </c>
      <c r="JS40" s="115">
        <v>0</v>
      </c>
      <c r="JT40" s="116">
        <v>0</v>
      </c>
      <c r="JU40" s="414">
        <v>0</v>
      </c>
      <c r="JV40" s="115">
        <v>0</v>
      </c>
      <c r="JW40" s="115">
        <v>0</v>
      </c>
      <c r="JX40" s="115">
        <v>0</v>
      </c>
      <c r="JY40" s="115">
        <v>0</v>
      </c>
      <c r="JZ40" s="115">
        <v>0</v>
      </c>
      <c r="KA40" s="116">
        <v>0</v>
      </c>
      <c r="KB40" s="117">
        <v>0</v>
      </c>
      <c r="KC40" s="114">
        <v>0</v>
      </c>
      <c r="KD40" s="115">
        <v>0</v>
      </c>
      <c r="KE40" s="116">
        <v>0</v>
      </c>
      <c r="KF40" s="414">
        <v>0</v>
      </c>
      <c r="KG40" s="115">
        <v>0</v>
      </c>
      <c r="KH40" s="115">
        <v>1</v>
      </c>
      <c r="KI40" s="115">
        <v>0</v>
      </c>
      <c r="KJ40" s="115">
        <v>0</v>
      </c>
      <c r="KK40" s="115">
        <v>1</v>
      </c>
      <c r="KL40" s="116">
        <v>2</v>
      </c>
      <c r="KM40" s="117">
        <v>2</v>
      </c>
    </row>
    <row r="41" spans="2:299" ht="32.25" customHeight="1" x14ac:dyDescent="0.2">
      <c r="C41" s="70" t="s">
        <v>124</v>
      </c>
    </row>
  </sheetData>
  <mergeCells count="36">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 ref="IV5:JF5"/>
    <mergeCell ref="GS5:HC5"/>
    <mergeCell ref="HD5:HN5"/>
    <mergeCell ref="HO5:HY5"/>
    <mergeCell ref="JG5:JQ5"/>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9.6" x14ac:dyDescent="0.2"/>
  <cols>
    <col min="1" max="1" width="3.77734375" style="13" customWidth="1"/>
    <col min="2" max="2" width="9.77734375" style="13" customWidth="1"/>
    <col min="3" max="6" width="7.77734375" style="11" customWidth="1"/>
    <col min="7" max="7" width="8.109375" style="11" customWidth="1"/>
    <col min="8" max="8" width="7.44140625" style="11" customWidth="1"/>
    <col min="9" max="9" width="9.109375" style="11" customWidth="1"/>
    <col min="10" max="10" width="7.77734375" style="11" customWidth="1"/>
    <col min="11" max="11" width="8.6640625" style="11" customWidth="1"/>
    <col min="12" max="12" width="9.33203125" style="11" customWidth="1"/>
    <col min="13" max="13" width="8.33203125" style="11" customWidth="1"/>
    <col min="14" max="26" width="7.77734375" style="11" customWidth="1"/>
    <col min="27" max="33" width="7.77734375" style="13" customWidth="1"/>
    <col min="34" max="34" width="9" style="13"/>
    <col min="35" max="35" width="8.6640625" style="13" customWidth="1"/>
    <col min="36" max="16384" width="9" style="13"/>
  </cols>
  <sheetData>
    <row r="1" spans="2:35" ht="24" customHeight="1" x14ac:dyDescent="0.2">
      <c r="B1" s="10" t="s">
        <v>131</v>
      </c>
      <c r="F1" s="12"/>
      <c r="G1" s="441">
        <f>第１表!F2</f>
        <v>6</v>
      </c>
      <c r="H1" s="441"/>
      <c r="I1" s="18">
        <f>第１表!G2</f>
        <v>9</v>
      </c>
      <c r="J1" s="445">
        <f>IF(I1&lt;3,I1+12-2,I1-2)</f>
        <v>7</v>
      </c>
      <c r="K1" s="445"/>
    </row>
    <row r="2" spans="2:35" ht="24" customHeight="1" thickBot="1" x14ac:dyDescent="0.25">
      <c r="B2" s="71"/>
      <c r="J2" s="14"/>
      <c r="K2" s="14"/>
      <c r="L2" s="14"/>
      <c r="M2" s="14"/>
      <c r="N2" s="14"/>
      <c r="O2" s="14"/>
      <c r="P2" s="15"/>
      <c r="Q2" s="15"/>
      <c r="R2" s="15"/>
    </row>
    <row r="3" spans="2:35" s="71" customFormat="1" ht="21" customHeight="1" thickBot="1" x14ac:dyDescent="0.25">
      <c r="B3" s="119"/>
      <c r="C3" s="442" t="s">
        <v>53</v>
      </c>
      <c r="D3" s="443"/>
      <c r="E3" s="443"/>
      <c r="F3" s="443"/>
      <c r="G3" s="443"/>
      <c r="H3" s="443"/>
      <c r="I3" s="443"/>
      <c r="J3" s="443"/>
      <c r="K3" s="443"/>
      <c r="L3" s="443"/>
      <c r="M3" s="444"/>
      <c r="N3" s="442" t="s">
        <v>54</v>
      </c>
      <c r="O3" s="443"/>
      <c r="P3" s="443"/>
      <c r="Q3" s="443"/>
      <c r="R3" s="443"/>
      <c r="S3" s="443"/>
      <c r="T3" s="443"/>
      <c r="U3" s="443"/>
      <c r="V3" s="443"/>
      <c r="W3" s="443"/>
      <c r="X3" s="444"/>
      <c r="Y3" s="442" t="s">
        <v>55</v>
      </c>
      <c r="Z3" s="443"/>
      <c r="AA3" s="443"/>
      <c r="AB3" s="443"/>
      <c r="AC3" s="443"/>
      <c r="AD3" s="443"/>
      <c r="AE3" s="443"/>
      <c r="AF3" s="443"/>
      <c r="AG3" s="443"/>
      <c r="AH3" s="443"/>
      <c r="AI3" s="444"/>
    </row>
    <row r="4" spans="2:35" s="71" customFormat="1" ht="30" customHeight="1" thickBot="1" x14ac:dyDescent="0.25">
      <c r="B4" s="119" t="s">
        <v>42</v>
      </c>
      <c r="C4" s="120" t="s">
        <v>43</v>
      </c>
      <c r="D4" s="121" t="s">
        <v>44</v>
      </c>
      <c r="E4" s="122" t="s">
        <v>45</v>
      </c>
      <c r="F4" s="123" t="s">
        <v>46</v>
      </c>
      <c r="G4" s="121" t="s">
        <v>47</v>
      </c>
      <c r="H4" s="121" t="s">
        <v>48</v>
      </c>
      <c r="I4" s="121" t="s">
        <v>49</v>
      </c>
      <c r="J4" s="121" t="s">
        <v>50</v>
      </c>
      <c r="K4" s="121" t="s">
        <v>51</v>
      </c>
      <c r="L4" s="122" t="s">
        <v>45</v>
      </c>
      <c r="M4" s="69" t="s">
        <v>52</v>
      </c>
      <c r="N4" s="120" t="s">
        <v>43</v>
      </c>
      <c r="O4" s="121" t="s">
        <v>44</v>
      </c>
      <c r="P4" s="122" t="s">
        <v>45</v>
      </c>
      <c r="Q4" s="123" t="s">
        <v>46</v>
      </c>
      <c r="R4" s="121" t="s">
        <v>47</v>
      </c>
      <c r="S4" s="121" t="s">
        <v>48</v>
      </c>
      <c r="T4" s="121" t="s">
        <v>49</v>
      </c>
      <c r="U4" s="121" t="s">
        <v>50</v>
      </c>
      <c r="V4" s="121" t="s">
        <v>51</v>
      </c>
      <c r="W4" s="122" t="s">
        <v>45</v>
      </c>
      <c r="X4" s="69" t="s">
        <v>52</v>
      </c>
      <c r="Y4" s="120" t="s">
        <v>43</v>
      </c>
      <c r="Z4" s="121" t="s">
        <v>44</v>
      </c>
      <c r="AA4" s="122" t="s">
        <v>45</v>
      </c>
      <c r="AB4" s="123" t="s">
        <v>46</v>
      </c>
      <c r="AC4" s="121" t="s">
        <v>47</v>
      </c>
      <c r="AD4" s="121" t="s">
        <v>48</v>
      </c>
      <c r="AE4" s="121" t="s">
        <v>49</v>
      </c>
      <c r="AF4" s="121" t="s">
        <v>50</v>
      </c>
      <c r="AG4" s="121" t="s">
        <v>51</v>
      </c>
      <c r="AH4" s="122" t="s">
        <v>45</v>
      </c>
      <c r="AI4" s="69" t="s">
        <v>52</v>
      </c>
    </row>
    <row r="5" spans="2:35" ht="21" customHeight="1" x14ac:dyDescent="0.2">
      <c r="B5" s="84" t="s">
        <v>4</v>
      </c>
      <c r="C5" s="124">
        <v>18140</v>
      </c>
      <c r="D5" s="125">
        <v>32468</v>
      </c>
      <c r="E5" s="126">
        <v>50608</v>
      </c>
      <c r="F5" s="127">
        <v>0</v>
      </c>
      <c r="G5" s="125">
        <v>62297</v>
      </c>
      <c r="H5" s="125">
        <v>64671</v>
      </c>
      <c r="I5" s="125">
        <v>36561</v>
      </c>
      <c r="J5" s="125">
        <v>27990</v>
      </c>
      <c r="K5" s="125">
        <v>16755</v>
      </c>
      <c r="L5" s="126">
        <v>208274</v>
      </c>
      <c r="M5" s="128">
        <v>258882</v>
      </c>
      <c r="N5" s="129">
        <v>344</v>
      </c>
      <c r="O5" s="125">
        <v>904</v>
      </c>
      <c r="P5" s="126">
        <v>1248</v>
      </c>
      <c r="Q5" s="127">
        <v>0</v>
      </c>
      <c r="R5" s="125">
        <v>1089</v>
      </c>
      <c r="S5" s="125">
        <v>1998</v>
      </c>
      <c r="T5" s="125">
        <v>1050</v>
      </c>
      <c r="U5" s="125">
        <v>832</v>
      </c>
      <c r="V5" s="125">
        <v>805</v>
      </c>
      <c r="W5" s="126">
        <v>5774</v>
      </c>
      <c r="X5" s="128">
        <v>7022</v>
      </c>
      <c r="Y5" s="124">
        <v>18484</v>
      </c>
      <c r="Z5" s="125">
        <v>33372</v>
      </c>
      <c r="AA5" s="126">
        <v>51856</v>
      </c>
      <c r="AB5" s="127">
        <v>0</v>
      </c>
      <c r="AC5" s="125">
        <v>63386</v>
      </c>
      <c r="AD5" s="125">
        <v>66669</v>
      </c>
      <c r="AE5" s="125">
        <v>37611</v>
      </c>
      <c r="AF5" s="125">
        <v>28822</v>
      </c>
      <c r="AG5" s="125">
        <v>17560</v>
      </c>
      <c r="AH5" s="126">
        <v>214048</v>
      </c>
      <c r="AI5" s="128">
        <v>265904</v>
      </c>
    </row>
    <row r="6" spans="2:35" ht="21" customHeight="1" x14ac:dyDescent="0.2">
      <c r="B6" s="95" t="s">
        <v>5</v>
      </c>
      <c r="C6" s="130">
        <v>6500</v>
      </c>
      <c r="D6" s="131">
        <v>14447</v>
      </c>
      <c r="E6" s="132">
        <v>20947</v>
      </c>
      <c r="F6" s="133">
        <v>0</v>
      </c>
      <c r="G6" s="131">
        <v>16307</v>
      </c>
      <c r="H6" s="131">
        <v>24193</v>
      </c>
      <c r="I6" s="131">
        <v>12018</v>
      </c>
      <c r="J6" s="131">
        <v>9391</v>
      </c>
      <c r="K6" s="131">
        <v>5543</v>
      </c>
      <c r="L6" s="132">
        <v>67452</v>
      </c>
      <c r="M6" s="134">
        <v>88399</v>
      </c>
      <c r="N6" s="135">
        <v>116</v>
      </c>
      <c r="O6" s="131">
        <v>384</v>
      </c>
      <c r="P6" s="132">
        <v>500</v>
      </c>
      <c r="Q6" s="133">
        <v>0</v>
      </c>
      <c r="R6" s="131">
        <v>249</v>
      </c>
      <c r="S6" s="131">
        <v>829</v>
      </c>
      <c r="T6" s="131">
        <v>380</v>
      </c>
      <c r="U6" s="131">
        <v>301</v>
      </c>
      <c r="V6" s="131">
        <v>329</v>
      </c>
      <c r="W6" s="132">
        <v>2088</v>
      </c>
      <c r="X6" s="134">
        <v>2588</v>
      </c>
      <c r="Y6" s="130">
        <v>6616</v>
      </c>
      <c r="Z6" s="131">
        <v>14831</v>
      </c>
      <c r="AA6" s="132">
        <v>21447</v>
      </c>
      <c r="AB6" s="133">
        <v>0</v>
      </c>
      <c r="AC6" s="131">
        <v>16556</v>
      </c>
      <c r="AD6" s="131">
        <v>25022</v>
      </c>
      <c r="AE6" s="131">
        <v>12398</v>
      </c>
      <c r="AF6" s="131">
        <v>9692</v>
      </c>
      <c r="AG6" s="131">
        <v>5872</v>
      </c>
      <c r="AH6" s="132">
        <v>69540</v>
      </c>
      <c r="AI6" s="134">
        <v>90987</v>
      </c>
    </row>
    <row r="7" spans="2:35" ht="21" customHeight="1" x14ac:dyDescent="0.2">
      <c r="B7" s="106" t="s">
        <v>6</v>
      </c>
      <c r="C7" s="130">
        <v>2540</v>
      </c>
      <c r="D7" s="131">
        <v>3830</v>
      </c>
      <c r="E7" s="132">
        <v>6370</v>
      </c>
      <c r="F7" s="133">
        <v>0</v>
      </c>
      <c r="G7" s="131">
        <v>11169</v>
      </c>
      <c r="H7" s="131">
        <v>9695</v>
      </c>
      <c r="I7" s="131">
        <v>5719</v>
      </c>
      <c r="J7" s="131">
        <v>4407</v>
      </c>
      <c r="K7" s="131">
        <v>2884</v>
      </c>
      <c r="L7" s="132">
        <v>33874</v>
      </c>
      <c r="M7" s="134">
        <v>40244</v>
      </c>
      <c r="N7" s="135">
        <v>72</v>
      </c>
      <c r="O7" s="131">
        <v>121</v>
      </c>
      <c r="P7" s="132">
        <v>193</v>
      </c>
      <c r="Q7" s="133">
        <v>0</v>
      </c>
      <c r="R7" s="131">
        <v>234</v>
      </c>
      <c r="S7" s="131">
        <v>269</v>
      </c>
      <c r="T7" s="131">
        <v>166</v>
      </c>
      <c r="U7" s="131">
        <v>145</v>
      </c>
      <c r="V7" s="131">
        <v>132</v>
      </c>
      <c r="W7" s="132">
        <v>946</v>
      </c>
      <c r="X7" s="134">
        <v>1139</v>
      </c>
      <c r="Y7" s="130">
        <v>2612</v>
      </c>
      <c r="Z7" s="131">
        <v>3951</v>
      </c>
      <c r="AA7" s="132">
        <v>6563</v>
      </c>
      <c r="AB7" s="133">
        <v>0</v>
      </c>
      <c r="AC7" s="131">
        <v>11403</v>
      </c>
      <c r="AD7" s="131">
        <v>9964</v>
      </c>
      <c r="AE7" s="131">
        <v>5885</v>
      </c>
      <c r="AF7" s="131">
        <v>4552</v>
      </c>
      <c r="AG7" s="131">
        <v>3016</v>
      </c>
      <c r="AH7" s="132">
        <v>34820</v>
      </c>
      <c r="AI7" s="134">
        <v>41383</v>
      </c>
    </row>
    <row r="8" spans="2:35" ht="21" customHeight="1" x14ac:dyDescent="0.2">
      <c r="B8" s="106" t="s">
        <v>14</v>
      </c>
      <c r="C8" s="130">
        <v>1275</v>
      </c>
      <c r="D8" s="131">
        <v>2938</v>
      </c>
      <c r="E8" s="132">
        <v>4213</v>
      </c>
      <c r="F8" s="133">
        <v>0</v>
      </c>
      <c r="G8" s="131">
        <v>4688</v>
      </c>
      <c r="H8" s="131">
        <v>5892</v>
      </c>
      <c r="I8" s="131">
        <v>3726</v>
      </c>
      <c r="J8" s="131">
        <v>2481</v>
      </c>
      <c r="K8" s="131">
        <v>1362</v>
      </c>
      <c r="L8" s="132">
        <v>18149</v>
      </c>
      <c r="M8" s="134">
        <v>22362</v>
      </c>
      <c r="N8" s="135">
        <v>18</v>
      </c>
      <c r="O8" s="131">
        <v>103</v>
      </c>
      <c r="P8" s="132">
        <v>121</v>
      </c>
      <c r="Q8" s="133">
        <v>0</v>
      </c>
      <c r="R8" s="131">
        <v>72</v>
      </c>
      <c r="S8" s="131">
        <v>178</v>
      </c>
      <c r="T8" s="131">
        <v>97</v>
      </c>
      <c r="U8" s="131">
        <v>76</v>
      </c>
      <c r="V8" s="131">
        <v>70</v>
      </c>
      <c r="W8" s="132">
        <v>493</v>
      </c>
      <c r="X8" s="134">
        <v>614</v>
      </c>
      <c r="Y8" s="130">
        <v>1293</v>
      </c>
      <c r="Z8" s="131">
        <v>3041</v>
      </c>
      <c r="AA8" s="132">
        <v>4334</v>
      </c>
      <c r="AB8" s="133">
        <v>0</v>
      </c>
      <c r="AC8" s="131">
        <v>4760</v>
      </c>
      <c r="AD8" s="131">
        <v>6070</v>
      </c>
      <c r="AE8" s="131">
        <v>3823</v>
      </c>
      <c r="AF8" s="131">
        <v>2557</v>
      </c>
      <c r="AG8" s="131">
        <v>1432</v>
      </c>
      <c r="AH8" s="132">
        <v>18642</v>
      </c>
      <c r="AI8" s="134">
        <v>22976</v>
      </c>
    </row>
    <row r="9" spans="2:35" ht="21" customHeight="1" x14ac:dyDescent="0.2">
      <c r="B9" s="106" t="s">
        <v>7</v>
      </c>
      <c r="C9" s="130">
        <v>700</v>
      </c>
      <c r="D9" s="131">
        <v>1007</v>
      </c>
      <c r="E9" s="132">
        <v>1707</v>
      </c>
      <c r="F9" s="133">
        <v>0</v>
      </c>
      <c r="G9" s="131">
        <v>5272</v>
      </c>
      <c r="H9" s="131">
        <v>3535</v>
      </c>
      <c r="I9" s="131">
        <v>1927</v>
      </c>
      <c r="J9" s="131">
        <v>1564</v>
      </c>
      <c r="K9" s="131">
        <v>921</v>
      </c>
      <c r="L9" s="132">
        <v>13219</v>
      </c>
      <c r="M9" s="134">
        <v>14926</v>
      </c>
      <c r="N9" s="135">
        <v>7</v>
      </c>
      <c r="O9" s="131">
        <v>20</v>
      </c>
      <c r="P9" s="132">
        <v>27</v>
      </c>
      <c r="Q9" s="133">
        <v>0</v>
      </c>
      <c r="R9" s="131">
        <v>100</v>
      </c>
      <c r="S9" s="131">
        <v>99</v>
      </c>
      <c r="T9" s="131">
        <v>45</v>
      </c>
      <c r="U9" s="131">
        <v>36</v>
      </c>
      <c r="V9" s="131">
        <v>29</v>
      </c>
      <c r="W9" s="132">
        <v>309</v>
      </c>
      <c r="X9" s="134">
        <v>336</v>
      </c>
      <c r="Y9" s="130">
        <v>707</v>
      </c>
      <c r="Z9" s="131">
        <v>1027</v>
      </c>
      <c r="AA9" s="132">
        <v>1734</v>
      </c>
      <c r="AB9" s="133">
        <v>0</v>
      </c>
      <c r="AC9" s="131">
        <v>5372</v>
      </c>
      <c r="AD9" s="131">
        <v>3634</v>
      </c>
      <c r="AE9" s="131">
        <v>1972</v>
      </c>
      <c r="AF9" s="131">
        <v>1600</v>
      </c>
      <c r="AG9" s="131">
        <v>950</v>
      </c>
      <c r="AH9" s="132">
        <v>13528</v>
      </c>
      <c r="AI9" s="134">
        <v>15262</v>
      </c>
    </row>
    <row r="10" spans="2:35" ht="21" customHeight="1" x14ac:dyDescent="0.2">
      <c r="B10" s="106" t="s">
        <v>8</v>
      </c>
      <c r="C10" s="130">
        <v>682</v>
      </c>
      <c r="D10" s="131">
        <v>722</v>
      </c>
      <c r="E10" s="132">
        <v>1404</v>
      </c>
      <c r="F10" s="133">
        <v>0</v>
      </c>
      <c r="G10" s="131">
        <v>2217</v>
      </c>
      <c r="H10" s="131">
        <v>2196</v>
      </c>
      <c r="I10" s="131">
        <v>1309</v>
      </c>
      <c r="J10" s="131">
        <v>910</v>
      </c>
      <c r="K10" s="131">
        <v>574</v>
      </c>
      <c r="L10" s="132">
        <v>7206</v>
      </c>
      <c r="M10" s="134">
        <v>8610</v>
      </c>
      <c r="N10" s="135">
        <v>8</v>
      </c>
      <c r="O10" s="131">
        <v>26</v>
      </c>
      <c r="P10" s="132">
        <v>34</v>
      </c>
      <c r="Q10" s="133">
        <v>0</v>
      </c>
      <c r="R10" s="131">
        <v>41</v>
      </c>
      <c r="S10" s="131">
        <v>77</v>
      </c>
      <c r="T10" s="131">
        <v>35</v>
      </c>
      <c r="U10" s="131">
        <v>30</v>
      </c>
      <c r="V10" s="131">
        <v>18</v>
      </c>
      <c r="W10" s="132">
        <v>201</v>
      </c>
      <c r="X10" s="134">
        <v>235</v>
      </c>
      <c r="Y10" s="130">
        <v>690</v>
      </c>
      <c r="Z10" s="131">
        <v>748</v>
      </c>
      <c r="AA10" s="132">
        <v>1438</v>
      </c>
      <c r="AB10" s="133">
        <v>0</v>
      </c>
      <c r="AC10" s="131">
        <v>2258</v>
      </c>
      <c r="AD10" s="131">
        <v>2273</v>
      </c>
      <c r="AE10" s="131">
        <v>1344</v>
      </c>
      <c r="AF10" s="131">
        <v>940</v>
      </c>
      <c r="AG10" s="131">
        <v>592</v>
      </c>
      <c r="AH10" s="132">
        <v>7407</v>
      </c>
      <c r="AI10" s="134">
        <v>8845</v>
      </c>
    </row>
    <row r="11" spans="2:35" ht="21" customHeight="1" x14ac:dyDescent="0.2">
      <c r="B11" s="106" t="s">
        <v>9</v>
      </c>
      <c r="C11" s="130">
        <v>550</v>
      </c>
      <c r="D11" s="131">
        <v>597</v>
      </c>
      <c r="E11" s="132">
        <v>1147</v>
      </c>
      <c r="F11" s="133">
        <v>0</v>
      </c>
      <c r="G11" s="131">
        <v>2049</v>
      </c>
      <c r="H11" s="131">
        <v>1564</v>
      </c>
      <c r="I11" s="131">
        <v>1072</v>
      </c>
      <c r="J11" s="131">
        <v>914</v>
      </c>
      <c r="K11" s="131">
        <v>562</v>
      </c>
      <c r="L11" s="132">
        <v>6161</v>
      </c>
      <c r="M11" s="134">
        <v>7308</v>
      </c>
      <c r="N11" s="135">
        <v>3</v>
      </c>
      <c r="O11" s="131">
        <v>11</v>
      </c>
      <c r="P11" s="132">
        <v>14</v>
      </c>
      <c r="Q11" s="133">
        <v>0</v>
      </c>
      <c r="R11" s="131">
        <v>34</v>
      </c>
      <c r="S11" s="131">
        <v>39</v>
      </c>
      <c r="T11" s="131">
        <v>17</v>
      </c>
      <c r="U11" s="131">
        <v>15</v>
      </c>
      <c r="V11" s="131">
        <v>16</v>
      </c>
      <c r="W11" s="132">
        <v>121</v>
      </c>
      <c r="X11" s="134">
        <v>135</v>
      </c>
      <c r="Y11" s="130">
        <v>553</v>
      </c>
      <c r="Z11" s="131">
        <v>608</v>
      </c>
      <c r="AA11" s="132">
        <v>1161</v>
      </c>
      <c r="AB11" s="133">
        <v>0</v>
      </c>
      <c r="AC11" s="131">
        <v>2083</v>
      </c>
      <c r="AD11" s="131">
        <v>1603</v>
      </c>
      <c r="AE11" s="131">
        <v>1089</v>
      </c>
      <c r="AF11" s="131">
        <v>929</v>
      </c>
      <c r="AG11" s="131">
        <v>578</v>
      </c>
      <c r="AH11" s="132">
        <v>6282</v>
      </c>
      <c r="AI11" s="134">
        <v>7443</v>
      </c>
    </row>
    <row r="12" spans="2:35" ht="21" customHeight="1" x14ac:dyDescent="0.2">
      <c r="B12" s="106" t="s">
        <v>10</v>
      </c>
      <c r="C12" s="130">
        <v>1392</v>
      </c>
      <c r="D12" s="131">
        <v>1680</v>
      </c>
      <c r="E12" s="132">
        <v>3072</v>
      </c>
      <c r="F12" s="133">
        <v>0</v>
      </c>
      <c r="G12" s="131">
        <v>4309</v>
      </c>
      <c r="H12" s="131">
        <v>2492</v>
      </c>
      <c r="I12" s="131">
        <v>1621</v>
      </c>
      <c r="J12" s="131">
        <v>1356</v>
      </c>
      <c r="K12" s="131">
        <v>873</v>
      </c>
      <c r="L12" s="132">
        <v>10651</v>
      </c>
      <c r="M12" s="134">
        <v>13723</v>
      </c>
      <c r="N12" s="135">
        <v>33</v>
      </c>
      <c r="O12" s="131">
        <v>35</v>
      </c>
      <c r="P12" s="132">
        <v>68</v>
      </c>
      <c r="Q12" s="133">
        <v>0</v>
      </c>
      <c r="R12" s="131">
        <v>92</v>
      </c>
      <c r="S12" s="131">
        <v>85</v>
      </c>
      <c r="T12" s="131">
        <v>49</v>
      </c>
      <c r="U12" s="131">
        <v>39</v>
      </c>
      <c r="V12" s="131">
        <v>35</v>
      </c>
      <c r="W12" s="132">
        <v>300</v>
      </c>
      <c r="X12" s="134">
        <v>368</v>
      </c>
      <c r="Y12" s="130">
        <v>1425</v>
      </c>
      <c r="Z12" s="131">
        <v>1715</v>
      </c>
      <c r="AA12" s="132">
        <v>3140</v>
      </c>
      <c r="AB12" s="133">
        <v>0</v>
      </c>
      <c r="AC12" s="131">
        <v>4401</v>
      </c>
      <c r="AD12" s="131">
        <v>2577</v>
      </c>
      <c r="AE12" s="131">
        <v>1670</v>
      </c>
      <c r="AF12" s="131">
        <v>1395</v>
      </c>
      <c r="AG12" s="131">
        <v>908</v>
      </c>
      <c r="AH12" s="132">
        <v>10951</v>
      </c>
      <c r="AI12" s="134">
        <v>14091</v>
      </c>
    </row>
    <row r="13" spans="2:35" ht="21" customHeight="1" x14ac:dyDescent="0.2">
      <c r="B13" s="106" t="s">
        <v>11</v>
      </c>
      <c r="C13" s="130">
        <v>564</v>
      </c>
      <c r="D13" s="131">
        <v>640</v>
      </c>
      <c r="E13" s="132">
        <v>1204</v>
      </c>
      <c r="F13" s="133">
        <v>0</v>
      </c>
      <c r="G13" s="131">
        <v>2090</v>
      </c>
      <c r="H13" s="131">
        <v>1402</v>
      </c>
      <c r="I13" s="131">
        <v>955</v>
      </c>
      <c r="J13" s="131">
        <v>789</v>
      </c>
      <c r="K13" s="131">
        <v>426</v>
      </c>
      <c r="L13" s="132">
        <v>5662</v>
      </c>
      <c r="M13" s="134">
        <v>6866</v>
      </c>
      <c r="N13" s="135">
        <v>10</v>
      </c>
      <c r="O13" s="131">
        <v>14</v>
      </c>
      <c r="P13" s="132">
        <v>24</v>
      </c>
      <c r="Q13" s="133">
        <v>0</v>
      </c>
      <c r="R13" s="131">
        <v>41</v>
      </c>
      <c r="S13" s="131">
        <v>25</v>
      </c>
      <c r="T13" s="131">
        <v>26</v>
      </c>
      <c r="U13" s="131">
        <v>24</v>
      </c>
      <c r="V13" s="131">
        <v>14</v>
      </c>
      <c r="W13" s="132">
        <v>130</v>
      </c>
      <c r="X13" s="134">
        <v>154</v>
      </c>
      <c r="Y13" s="130">
        <v>574</v>
      </c>
      <c r="Z13" s="131">
        <v>654</v>
      </c>
      <c r="AA13" s="132">
        <v>1228</v>
      </c>
      <c r="AB13" s="133">
        <v>0</v>
      </c>
      <c r="AC13" s="131">
        <v>2131</v>
      </c>
      <c r="AD13" s="131">
        <v>1427</v>
      </c>
      <c r="AE13" s="131">
        <v>981</v>
      </c>
      <c r="AF13" s="131">
        <v>813</v>
      </c>
      <c r="AG13" s="131">
        <v>440</v>
      </c>
      <c r="AH13" s="132">
        <v>5792</v>
      </c>
      <c r="AI13" s="134">
        <v>7020</v>
      </c>
    </row>
    <row r="14" spans="2:35" ht="21" customHeight="1" x14ac:dyDescent="0.2">
      <c r="B14" s="106" t="s">
        <v>12</v>
      </c>
      <c r="C14" s="130">
        <v>745</v>
      </c>
      <c r="D14" s="131">
        <v>1219</v>
      </c>
      <c r="E14" s="132">
        <v>1964</v>
      </c>
      <c r="F14" s="133">
        <v>0</v>
      </c>
      <c r="G14" s="131">
        <v>1774</v>
      </c>
      <c r="H14" s="131">
        <v>1551</v>
      </c>
      <c r="I14" s="131">
        <v>1011</v>
      </c>
      <c r="J14" s="131">
        <v>868</v>
      </c>
      <c r="K14" s="131">
        <v>507</v>
      </c>
      <c r="L14" s="132">
        <v>5711</v>
      </c>
      <c r="M14" s="134">
        <v>7675</v>
      </c>
      <c r="N14" s="135">
        <v>12</v>
      </c>
      <c r="O14" s="131">
        <v>38</v>
      </c>
      <c r="P14" s="132">
        <v>50</v>
      </c>
      <c r="Q14" s="133">
        <v>0</v>
      </c>
      <c r="R14" s="131">
        <v>23</v>
      </c>
      <c r="S14" s="131">
        <v>42</v>
      </c>
      <c r="T14" s="131">
        <v>29</v>
      </c>
      <c r="U14" s="131">
        <v>21</v>
      </c>
      <c r="V14" s="131">
        <v>19</v>
      </c>
      <c r="W14" s="132">
        <v>134</v>
      </c>
      <c r="X14" s="134">
        <v>184</v>
      </c>
      <c r="Y14" s="130">
        <v>757</v>
      </c>
      <c r="Z14" s="131">
        <v>1257</v>
      </c>
      <c r="AA14" s="132">
        <v>2014</v>
      </c>
      <c r="AB14" s="133">
        <v>0</v>
      </c>
      <c r="AC14" s="131">
        <v>1797</v>
      </c>
      <c r="AD14" s="131">
        <v>1593</v>
      </c>
      <c r="AE14" s="131">
        <v>1040</v>
      </c>
      <c r="AF14" s="131">
        <v>889</v>
      </c>
      <c r="AG14" s="131">
        <v>526</v>
      </c>
      <c r="AH14" s="132">
        <v>5845</v>
      </c>
      <c r="AI14" s="134">
        <v>7859</v>
      </c>
    </row>
    <row r="15" spans="2:35" ht="21" customHeight="1" x14ac:dyDescent="0.2">
      <c r="B15" s="106" t="s">
        <v>13</v>
      </c>
      <c r="C15" s="130">
        <v>131</v>
      </c>
      <c r="D15" s="131">
        <v>223</v>
      </c>
      <c r="E15" s="132">
        <v>354</v>
      </c>
      <c r="F15" s="133">
        <v>0</v>
      </c>
      <c r="G15" s="131">
        <v>707</v>
      </c>
      <c r="H15" s="131">
        <v>693</v>
      </c>
      <c r="I15" s="131">
        <v>397</v>
      </c>
      <c r="J15" s="131">
        <v>323</v>
      </c>
      <c r="K15" s="131">
        <v>215</v>
      </c>
      <c r="L15" s="132">
        <v>2335</v>
      </c>
      <c r="M15" s="134">
        <v>2689</v>
      </c>
      <c r="N15" s="135">
        <v>0</v>
      </c>
      <c r="O15" s="131">
        <v>2</v>
      </c>
      <c r="P15" s="132">
        <v>2</v>
      </c>
      <c r="Q15" s="133">
        <v>0</v>
      </c>
      <c r="R15" s="131">
        <v>13</v>
      </c>
      <c r="S15" s="131">
        <v>18</v>
      </c>
      <c r="T15" s="131">
        <v>9</v>
      </c>
      <c r="U15" s="131">
        <v>0</v>
      </c>
      <c r="V15" s="131">
        <v>10</v>
      </c>
      <c r="W15" s="132">
        <v>50</v>
      </c>
      <c r="X15" s="134">
        <v>52</v>
      </c>
      <c r="Y15" s="130">
        <v>131</v>
      </c>
      <c r="Z15" s="131">
        <v>225</v>
      </c>
      <c r="AA15" s="132">
        <v>356</v>
      </c>
      <c r="AB15" s="133">
        <v>0</v>
      </c>
      <c r="AC15" s="131">
        <v>720</v>
      </c>
      <c r="AD15" s="131">
        <v>711</v>
      </c>
      <c r="AE15" s="131">
        <v>406</v>
      </c>
      <c r="AF15" s="131">
        <v>323</v>
      </c>
      <c r="AG15" s="131">
        <v>225</v>
      </c>
      <c r="AH15" s="132">
        <v>2385</v>
      </c>
      <c r="AI15" s="134">
        <v>2741</v>
      </c>
    </row>
    <row r="16" spans="2:35" ht="21" customHeight="1" x14ac:dyDescent="0.2">
      <c r="B16" s="106" t="s">
        <v>15</v>
      </c>
      <c r="C16" s="130">
        <v>115</v>
      </c>
      <c r="D16" s="131">
        <v>202</v>
      </c>
      <c r="E16" s="132">
        <v>317</v>
      </c>
      <c r="F16" s="133">
        <v>0</v>
      </c>
      <c r="G16" s="131">
        <v>541</v>
      </c>
      <c r="H16" s="131">
        <v>563</v>
      </c>
      <c r="I16" s="131">
        <v>293</v>
      </c>
      <c r="J16" s="131">
        <v>224</v>
      </c>
      <c r="K16" s="131">
        <v>124</v>
      </c>
      <c r="L16" s="132">
        <v>1745</v>
      </c>
      <c r="M16" s="134">
        <v>2062</v>
      </c>
      <c r="N16" s="135">
        <v>1</v>
      </c>
      <c r="O16" s="131">
        <v>5</v>
      </c>
      <c r="P16" s="132">
        <v>6</v>
      </c>
      <c r="Q16" s="133">
        <v>0</v>
      </c>
      <c r="R16" s="131">
        <v>9</v>
      </c>
      <c r="S16" s="131">
        <v>10</v>
      </c>
      <c r="T16" s="131">
        <v>4</v>
      </c>
      <c r="U16" s="131">
        <v>3</v>
      </c>
      <c r="V16" s="131">
        <v>7</v>
      </c>
      <c r="W16" s="132">
        <v>33</v>
      </c>
      <c r="X16" s="134">
        <v>39</v>
      </c>
      <c r="Y16" s="130">
        <v>116</v>
      </c>
      <c r="Z16" s="131">
        <v>207</v>
      </c>
      <c r="AA16" s="132">
        <v>323</v>
      </c>
      <c r="AB16" s="133">
        <v>0</v>
      </c>
      <c r="AC16" s="131">
        <v>550</v>
      </c>
      <c r="AD16" s="131">
        <v>573</v>
      </c>
      <c r="AE16" s="131">
        <v>297</v>
      </c>
      <c r="AF16" s="131">
        <v>227</v>
      </c>
      <c r="AG16" s="131">
        <v>131</v>
      </c>
      <c r="AH16" s="132">
        <v>1778</v>
      </c>
      <c r="AI16" s="134">
        <v>2101</v>
      </c>
    </row>
    <row r="17" spans="2:35" ht="21" customHeight="1" x14ac:dyDescent="0.2">
      <c r="B17" s="106" t="s">
        <v>16</v>
      </c>
      <c r="C17" s="130">
        <v>278</v>
      </c>
      <c r="D17" s="131">
        <v>526</v>
      </c>
      <c r="E17" s="132">
        <v>804</v>
      </c>
      <c r="F17" s="133">
        <v>0</v>
      </c>
      <c r="G17" s="131">
        <v>1001</v>
      </c>
      <c r="H17" s="131">
        <v>1351</v>
      </c>
      <c r="I17" s="131">
        <v>705</v>
      </c>
      <c r="J17" s="131">
        <v>566</v>
      </c>
      <c r="K17" s="131">
        <v>296</v>
      </c>
      <c r="L17" s="132">
        <v>3919</v>
      </c>
      <c r="M17" s="134">
        <v>4723</v>
      </c>
      <c r="N17" s="135">
        <v>3</v>
      </c>
      <c r="O17" s="131">
        <v>18</v>
      </c>
      <c r="P17" s="132">
        <v>21</v>
      </c>
      <c r="Q17" s="133">
        <v>0</v>
      </c>
      <c r="R17" s="131">
        <v>11</v>
      </c>
      <c r="S17" s="131">
        <v>39</v>
      </c>
      <c r="T17" s="131">
        <v>23</v>
      </c>
      <c r="U17" s="131">
        <v>18</v>
      </c>
      <c r="V17" s="131">
        <v>16</v>
      </c>
      <c r="W17" s="132">
        <v>107</v>
      </c>
      <c r="X17" s="134">
        <v>128</v>
      </c>
      <c r="Y17" s="130">
        <v>281</v>
      </c>
      <c r="Z17" s="131">
        <v>544</v>
      </c>
      <c r="AA17" s="132">
        <v>825</v>
      </c>
      <c r="AB17" s="133">
        <v>0</v>
      </c>
      <c r="AC17" s="131">
        <v>1012</v>
      </c>
      <c r="AD17" s="131">
        <v>1390</v>
      </c>
      <c r="AE17" s="131">
        <v>728</v>
      </c>
      <c r="AF17" s="131">
        <v>584</v>
      </c>
      <c r="AG17" s="131">
        <v>312</v>
      </c>
      <c r="AH17" s="132">
        <v>4026</v>
      </c>
      <c r="AI17" s="134">
        <v>4851</v>
      </c>
    </row>
    <row r="18" spans="2:35" ht="21" customHeight="1" x14ac:dyDescent="0.2">
      <c r="B18" s="106" t="s">
        <v>17</v>
      </c>
      <c r="C18" s="130">
        <v>315</v>
      </c>
      <c r="D18" s="131">
        <v>660</v>
      </c>
      <c r="E18" s="132">
        <v>975</v>
      </c>
      <c r="F18" s="133">
        <v>0</v>
      </c>
      <c r="G18" s="131">
        <v>1087</v>
      </c>
      <c r="H18" s="131">
        <v>1817</v>
      </c>
      <c r="I18" s="131">
        <v>1103</v>
      </c>
      <c r="J18" s="131">
        <v>805</v>
      </c>
      <c r="K18" s="131">
        <v>430</v>
      </c>
      <c r="L18" s="132">
        <v>5242</v>
      </c>
      <c r="M18" s="134">
        <v>6217</v>
      </c>
      <c r="N18" s="135">
        <v>2</v>
      </c>
      <c r="O18" s="131">
        <v>21</v>
      </c>
      <c r="P18" s="132">
        <v>23</v>
      </c>
      <c r="Q18" s="133">
        <v>0</v>
      </c>
      <c r="R18" s="131">
        <v>24</v>
      </c>
      <c r="S18" s="131">
        <v>62</v>
      </c>
      <c r="T18" s="131">
        <v>34</v>
      </c>
      <c r="U18" s="131">
        <v>24</v>
      </c>
      <c r="V18" s="131">
        <v>23</v>
      </c>
      <c r="W18" s="132">
        <v>167</v>
      </c>
      <c r="X18" s="134">
        <v>190</v>
      </c>
      <c r="Y18" s="130">
        <v>317</v>
      </c>
      <c r="Z18" s="131">
        <v>681</v>
      </c>
      <c r="AA18" s="132">
        <v>998</v>
      </c>
      <c r="AB18" s="133">
        <v>0</v>
      </c>
      <c r="AC18" s="131">
        <v>1111</v>
      </c>
      <c r="AD18" s="131">
        <v>1879</v>
      </c>
      <c r="AE18" s="131">
        <v>1137</v>
      </c>
      <c r="AF18" s="131">
        <v>829</v>
      </c>
      <c r="AG18" s="131">
        <v>453</v>
      </c>
      <c r="AH18" s="132">
        <v>5409</v>
      </c>
      <c r="AI18" s="134">
        <v>6407</v>
      </c>
    </row>
    <row r="19" spans="2:35" ht="21" customHeight="1" x14ac:dyDescent="0.2">
      <c r="B19" s="106" t="s">
        <v>18</v>
      </c>
      <c r="C19" s="130">
        <v>391</v>
      </c>
      <c r="D19" s="131">
        <v>731</v>
      </c>
      <c r="E19" s="132">
        <v>1122</v>
      </c>
      <c r="F19" s="133">
        <v>0</v>
      </c>
      <c r="G19" s="131">
        <v>1910</v>
      </c>
      <c r="H19" s="131">
        <v>1784</v>
      </c>
      <c r="I19" s="131">
        <v>1134</v>
      </c>
      <c r="J19" s="131">
        <v>810</v>
      </c>
      <c r="K19" s="131">
        <v>496</v>
      </c>
      <c r="L19" s="132">
        <v>6134</v>
      </c>
      <c r="M19" s="134">
        <v>7256</v>
      </c>
      <c r="N19" s="135">
        <v>17</v>
      </c>
      <c r="O19" s="131">
        <v>21</v>
      </c>
      <c r="P19" s="132">
        <v>38</v>
      </c>
      <c r="Q19" s="133">
        <v>0</v>
      </c>
      <c r="R19" s="131">
        <v>38</v>
      </c>
      <c r="S19" s="131">
        <v>64</v>
      </c>
      <c r="T19" s="131">
        <v>29</v>
      </c>
      <c r="U19" s="131">
        <v>28</v>
      </c>
      <c r="V19" s="131">
        <v>27</v>
      </c>
      <c r="W19" s="132">
        <v>186</v>
      </c>
      <c r="X19" s="134">
        <v>224</v>
      </c>
      <c r="Y19" s="130">
        <v>408</v>
      </c>
      <c r="Z19" s="131">
        <v>752</v>
      </c>
      <c r="AA19" s="132">
        <v>1160</v>
      </c>
      <c r="AB19" s="133">
        <v>0</v>
      </c>
      <c r="AC19" s="131">
        <v>1948</v>
      </c>
      <c r="AD19" s="131">
        <v>1848</v>
      </c>
      <c r="AE19" s="131">
        <v>1163</v>
      </c>
      <c r="AF19" s="131">
        <v>838</v>
      </c>
      <c r="AG19" s="131">
        <v>523</v>
      </c>
      <c r="AH19" s="132">
        <v>6320</v>
      </c>
      <c r="AI19" s="134">
        <v>7480</v>
      </c>
    </row>
    <row r="20" spans="2:35" ht="21" customHeight="1" x14ac:dyDescent="0.2">
      <c r="B20" s="106" t="s">
        <v>19</v>
      </c>
      <c r="C20" s="130">
        <v>261</v>
      </c>
      <c r="D20" s="131">
        <v>341</v>
      </c>
      <c r="E20" s="132">
        <v>602</v>
      </c>
      <c r="F20" s="133">
        <v>0</v>
      </c>
      <c r="G20" s="131">
        <v>872</v>
      </c>
      <c r="H20" s="131">
        <v>694</v>
      </c>
      <c r="I20" s="131">
        <v>418</v>
      </c>
      <c r="J20" s="131">
        <v>294</v>
      </c>
      <c r="K20" s="131">
        <v>203</v>
      </c>
      <c r="L20" s="132">
        <v>2481</v>
      </c>
      <c r="M20" s="134">
        <v>3083</v>
      </c>
      <c r="N20" s="135">
        <v>7</v>
      </c>
      <c r="O20" s="131">
        <v>10</v>
      </c>
      <c r="P20" s="132">
        <v>17</v>
      </c>
      <c r="Q20" s="133">
        <v>0</v>
      </c>
      <c r="R20" s="131">
        <v>19</v>
      </c>
      <c r="S20" s="131">
        <v>16</v>
      </c>
      <c r="T20" s="131">
        <v>11</v>
      </c>
      <c r="U20" s="131">
        <v>8</v>
      </c>
      <c r="V20" s="131">
        <v>5</v>
      </c>
      <c r="W20" s="132">
        <v>59</v>
      </c>
      <c r="X20" s="134">
        <v>76</v>
      </c>
      <c r="Y20" s="130">
        <v>268</v>
      </c>
      <c r="Z20" s="131">
        <v>351</v>
      </c>
      <c r="AA20" s="132">
        <v>619</v>
      </c>
      <c r="AB20" s="133">
        <v>0</v>
      </c>
      <c r="AC20" s="131">
        <v>891</v>
      </c>
      <c r="AD20" s="131">
        <v>710</v>
      </c>
      <c r="AE20" s="131">
        <v>429</v>
      </c>
      <c r="AF20" s="131">
        <v>302</v>
      </c>
      <c r="AG20" s="131">
        <v>208</v>
      </c>
      <c r="AH20" s="132">
        <v>2540</v>
      </c>
      <c r="AI20" s="134">
        <v>3159</v>
      </c>
    </row>
    <row r="21" spans="2:35" ht="21" customHeight="1" x14ac:dyDescent="0.2">
      <c r="B21" s="106" t="s">
        <v>20</v>
      </c>
      <c r="C21" s="130">
        <v>262</v>
      </c>
      <c r="D21" s="131">
        <v>447</v>
      </c>
      <c r="E21" s="132">
        <v>709</v>
      </c>
      <c r="F21" s="133">
        <v>0</v>
      </c>
      <c r="G21" s="131">
        <v>1233</v>
      </c>
      <c r="H21" s="131">
        <v>818</v>
      </c>
      <c r="I21" s="131">
        <v>562</v>
      </c>
      <c r="J21" s="131">
        <v>355</v>
      </c>
      <c r="K21" s="131">
        <v>207</v>
      </c>
      <c r="L21" s="132">
        <v>3175</v>
      </c>
      <c r="M21" s="134">
        <v>3884</v>
      </c>
      <c r="N21" s="135">
        <v>6</v>
      </c>
      <c r="O21" s="131">
        <v>18</v>
      </c>
      <c r="P21" s="132">
        <v>24</v>
      </c>
      <c r="Q21" s="133">
        <v>0</v>
      </c>
      <c r="R21" s="131">
        <v>21</v>
      </c>
      <c r="S21" s="131">
        <v>19</v>
      </c>
      <c r="T21" s="131">
        <v>17</v>
      </c>
      <c r="U21" s="131">
        <v>16</v>
      </c>
      <c r="V21" s="131">
        <v>10</v>
      </c>
      <c r="W21" s="132">
        <v>83</v>
      </c>
      <c r="X21" s="134">
        <v>107</v>
      </c>
      <c r="Y21" s="130">
        <v>268</v>
      </c>
      <c r="Z21" s="131">
        <v>465</v>
      </c>
      <c r="AA21" s="132">
        <v>733</v>
      </c>
      <c r="AB21" s="133">
        <v>0</v>
      </c>
      <c r="AC21" s="131">
        <v>1254</v>
      </c>
      <c r="AD21" s="131">
        <v>837</v>
      </c>
      <c r="AE21" s="131">
        <v>579</v>
      </c>
      <c r="AF21" s="131">
        <v>371</v>
      </c>
      <c r="AG21" s="131">
        <v>217</v>
      </c>
      <c r="AH21" s="132">
        <v>3258</v>
      </c>
      <c r="AI21" s="134">
        <v>3991</v>
      </c>
    </row>
    <row r="22" spans="2:35" ht="21" customHeight="1" x14ac:dyDescent="0.2">
      <c r="B22" s="106" t="s">
        <v>21</v>
      </c>
      <c r="C22" s="130">
        <v>339</v>
      </c>
      <c r="D22" s="131">
        <v>470</v>
      </c>
      <c r="E22" s="132">
        <v>809</v>
      </c>
      <c r="F22" s="133">
        <v>0</v>
      </c>
      <c r="G22" s="131">
        <v>1130</v>
      </c>
      <c r="H22" s="131">
        <v>1127</v>
      </c>
      <c r="I22" s="131">
        <v>629</v>
      </c>
      <c r="J22" s="131">
        <v>427</v>
      </c>
      <c r="K22" s="131">
        <v>273</v>
      </c>
      <c r="L22" s="132">
        <v>3586</v>
      </c>
      <c r="M22" s="134">
        <v>4395</v>
      </c>
      <c r="N22" s="135">
        <v>10</v>
      </c>
      <c r="O22" s="131">
        <v>17</v>
      </c>
      <c r="P22" s="132">
        <v>27</v>
      </c>
      <c r="Q22" s="133">
        <v>0</v>
      </c>
      <c r="R22" s="131">
        <v>6</v>
      </c>
      <c r="S22" s="131">
        <v>35</v>
      </c>
      <c r="T22" s="131">
        <v>28</v>
      </c>
      <c r="U22" s="131">
        <v>11</v>
      </c>
      <c r="V22" s="131">
        <v>10</v>
      </c>
      <c r="W22" s="132">
        <v>90</v>
      </c>
      <c r="X22" s="134">
        <v>117</v>
      </c>
      <c r="Y22" s="130">
        <v>349</v>
      </c>
      <c r="Z22" s="131">
        <v>487</v>
      </c>
      <c r="AA22" s="132">
        <v>836</v>
      </c>
      <c r="AB22" s="133">
        <v>0</v>
      </c>
      <c r="AC22" s="131">
        <v>1136</v>
      </c>
      <c r="AD22" s="131">
        <v>1162</v>
      </c>
      <c r="AE22" s="131">
        <v>657</v>
      </c>
      <c r="AF22" s="131">
        <v>438</v>
      </c>
      <c r="AG22" s="131">
        <v>283</v>
      </c>
      <c r="AH22" s="132">
        <v>3676</v>
      </c>
      <c r="AI22" s="134">
        <v>4512</v>
      </c>
    </row>
    <row r="23" spans="2:35" ht="21" customHeight="1" x14ac:dyDescent="0.2">
      <c r="B23" s="106" t="s">
        <v>22</v>
      </c>
      <c r="C23" s="130">
        <v>76</v>
      </c>
      <c r="D23" s="131">
        <v>180</v>
      </c>
      <c r="E23" s="132">
        <v>256</v>
      </c>
      <c r="F23" s="133">
        <v>0</v>
      </c>
      <c r="G23" s="131">
        <v>422</v>
      </c>
      <c r="H23" s="131">
        <v>393</v>
      </c>
      <c r="I23" s="131">
        <v>217</v>
      </c>
      <c r="J23" s="131">
        <v>169</v>
      </c>
      <c r="K23" s="131">
        <v>80</v>
      </c>
      <c r="L23" s="132">
        <v>1281</v>
      </c>
      <c r="M23" s="134">
        <v>1537</v>
      </c>
      <c r="N23" s="135">
        <v>3</v>
      </c>
      <c r="O23" s="131">
        <v>5</v>
      </c>
      <c r="P23" s="132">
        <v>8</v>
      </c>
      <c r="Q23" s="133">
        <v>0</v>
      </c>
      <c r="R23" s="131">
        <v>10</v>
      </c>
      <c r="S23" s="131">
        <v>10</v>
      </c>
      <c r="T23" s="131">
        <v>2</v>
      </c>
      <c r="U23" s="131">
        <v>1</v>
      </c>
      <c r="V23" s="131">
        <v>3</v>
      </c>
      <c r="W23" s="132">
        <v>26</v>
      </c>
      <c r="X23" s="134">
        <v>34</v>
      </c>
      <c r="Y23" s="130">
        <v>79</v>
      </c>
      <c r="Z23" s="131">
        <v>185</v>
      </c>
      <c r="AA23" s="132">
        <v>264</v>
      </c>
      <c r="AB23" s="133">
        <v>0</v>
      </c>
      <c r="AC23" s="131">
        <v>432</v>
      </c>
      <c r="AD23" s="131">
        <v>403</v>
      </c>
      <c r="AE23" s="131">
        <v>219</v>
      </c>
      <c r="AF23" s="131">
        <v>170</v>
      </c>
      <c r="AG23" s="131">
        <v>83</v>
      </c>
      <c r="AH23" s="132">
        <v>1307</v>
      </c>
      <c r="AI23" s="134">
        <v>1571</v>
      </c>
    </row>
    <row r="24" spans="2:35" ht="21" customHeight="1" x14ac:dyDescent="0.2">
      <c r="B24" s="106" t="s">
        <v>23</v>
      </c>
      <c r="C24" s="130">
        <v>170</v>
      </c>
      <c r="D24" s="131">
        <v>310</v>
      </c>
      <c r="E24" s="132">
        <v>480</v>
      </c>
      <c r="F24" s="133">
        <v>0</v>
      </c>
      <c r="G24" s="131">
        <v>657</v>
      </c>
      <c r="H24" s="131">
        <v>613</v>
      </c>
      <c r="I24" s="131">
        <v>337</v>
      </c>
      <c r="J24" s="131">
        <v>286</v>
      </c>
      <c r="K24" s="131">
        <v>147</v>
      </c>
      <c r="L24" s="132">
        <v>2040</v>
      </c>
      <c r="M24" s="134">
        <v>2520</v>
      </c>
      <c r="N24" s="135">
        <v>7</v>
      </c>
      <c r="O24" s="131">
        <v>9</v>
      </c>
      <c r="P24" s="132">
        <v>16</v>
      </c>
      <c r="Q24" s="133">
        <v>0</v>
      </c>
      <c r="R24" s="131">
        <v>10</v>
      </c>
      <c r="S24" s="131">
        <v>24</v>
      </c>
      <c r="T24" s="131">
        <v>10</v>
      </c>
      <c r="U24" s="131">
        <v>8</v>
      </c>
      <c r="V24" s="131">
        <v>2</v>
      </c>
      <c r="W24" s="132">
        <v>54</v>
      </c>
      <c r="X24" s="134">
        <v>70</v>
      </c>
      <c r="Y24" s="130">
        <v>177</v>
      </c>
      <c r="Z24" s="131">
        <v>319</v>
      </c>
      <c r="AA24" s="132">
        <v>496</v>
      </c>
      <c r="AB24" s="133">
        <v>0</v>
      </c>
      <c r="AC24" s="131">
        <v>667</v>
      </c>
      <c r="AD24" s="131">
        <v>637</v>
      </c>
      <c r="AE24" s="131">
        <v>347</v>
      </c>
      <c r="AF24" s="131">
        <v>294</v>
      </c>
      <c r="AG24" s="131">
        <v>149</v>
      </c>
      <c r="AH24" s="132">
        <v>2094</v>
      </c>
      <c r="AI24" s="134">
        <v>2590</v>
      </c>
    </row>
    <row r="25" spans="2:35" ht="21" customHeight="1" x14ac:dyDescent="0.2">
      <c r="B25" s="106" t="s">
        <v>24</v>
      </c>
      <c r="C25" s="130">
        <v>124</v>
      </c>
      <c r="D25" s="131">
        <v>138</v>
      </c>
      <c r="E25" s="132">
        <v>262</v>
      </c>
      <c r="F25" s="133">
        <v>0</v>
      </c>
      <c r="G25" s="131">
        <v>337</v>
      </c>
      <c r="H25" s="131">
        <v>256</v>
      </c>
      <c r="I25" s="131">
        <v>166</v>
      </c>
      <c r="J25" s="131">
        <v>142</v>
      </c>
      <c r="K25" s="131">
        <v>82</v>
      </c>
      <c r="L25" s="132">
        <v>983</v>
      </c>
      <c r="M25" s="134">
        <v>1245</v>
      </c>
      <c r="N25" s="135">
        <v>1</v>
      </c>
      <c r="O25" s="131">
        <v>1</v>
      </c>
      <c r="P25" s="132">
        <v>2</v>
      </c>
      <c r="Q25" s="133">
        <v>0</v>
      </c>
      <c r="R25" s="131">
        <v>6</v>
      </c>
      <c r="S25" s="131">
        <v>6</v>
      </c>
      <c r="T25" s="131">
        <v>4</v>
      </c>
      <c r="U25" s="131">
        <v>4</v>
      </c>
      <c r="V25" s="131">
        <v>4</v>
      </c>
      <c r="W25" s="132">
        <v>24</v>
      </c>
      <c r="X25" s="134">
        <v>26</v>
      </c>
      <c r="Y25" s="130">
        <v>125</v>
      </c>
      <c r="Z25" s="131">
        <v>139</v>
      </c>
      <c r="AA25" s="132">
        <v>264</v>
      </c>
      <c r="AB25" s="133">
        <v>0</v>
      </c>
      <c r="AC25" s="131">
        <v>343</v>
      </c>
      <c r="AD25" s="131">
        <v>262</v>
      </c>
      <c r="AE25" s="131">
        <v>170</v>
      </c>
      <c r="AF25" s="131">
        <v>146</v>
      </c>
      <c r="AG25" s="131">
        <v>86</v>
      </c>
      <c r="AH25" s="132">
        <v>1007</v>
      </c>
      <c r="AI25" s="134">
        <v>1271</v>
      </c>
    </row>
    <row r="26" spans="2:35" ht="21" customHeight="1" x14ac:dyDescent="0.2">
      <c r="B26" s="106" t="s">
        <v>25</v>
      </c>
      <c r="C26" s="130">
        <v>119</v>
      </c>
      <c r="D26" s="131">
        <v>199</v>
      </c>
      <c r="E26" s="132">
        <v>318</v>
      </c>
      <c r="F26" s="133">
        <v>0</v>
      </c>
      <c r="G26" s="131">
        <v>398</v>
      </c>
      <c r="H26" s="131">
        <v>345</v>
      </c>
      <c r="I26" s="131">
        <v>179</v>
      </c>
      <c r="J26" s="131">
        <v>153</v>
      </c>
      <c r="K26" s="131">
        <v>64</v>
      </c>
      <c r="L26" s="132">
        <v>1139</v>
      </c>
      <c r="M26" s="134">
        <v>1457</v>
      </c>
      <c r="N26" s="135">
        <v>0</v>
      </c>
      <c r="O26" s="131">
        <v>5</v>
      </c>
      <c r="P26" s="132">
        <v>5</v>
      </c>
      <c r="Q26" s="133">
        <v>0</v>
      </c>
      <c r="R26" s="131">
        <v>3</v>
      </c>
      <c r="S26" s="131">
        <v>13</v>
      </c>
      <c r="T26" s="131">
        <v>5</v>
      </c>
      <c r="U26" s="131">
        <v>3</v>
      </c>
      <c r="V26" s="131">
        <v>4</v>
      </c>
      <c r="W26" s="132">
        <v>28</v>
      </c>
      <c r="X26" s="134">
        <v>33</v>
      </c>
      <c r="Y26" s="130">
        <v>119</v>
      </c>
      <c r="Z26" s="131">
        <v>204</v>
      </c>
      <c r="AA26" s="132">
        <v>323</v>
      </c>
      <c r="AB26" s="133">
        <v>0</v>
      </c>
      <c r="AC26" s="131">
        <v>401</v>
      </c>
      <c r="AD26" s="131">
        <v>358</v>
      </c>
      <c r="AE26" s="131">
        <v>184</v>
      </c>
      <c r="AF26" s="131">
        <v>156</v>
      </c>
      <c r="AG26" s="131">
        <v>68</v>
      </c>
      <c r="AH26" s="132">
        <v>1167</v>
      </c>
      <c r="AI26" s="134">
        <v>1490</v>
      </c>
    </row>
    <row r="27" spans="2:35" ht="21" customHeight="1" x14ac:dyDescent="0.2">
      <c r="B27" s="106" t="s">
        <v>26</v>
      </c>
      <c r="C27" s="130">
        <v>88</v>
      </c>
      <c r="D27" s="131">
        <v>138</v>
      </c>
      <c r="E27" s="132">
        <v>226</v>
      </c>
      <c r="F27" s="133">
        <v>0</v>
      </c>
      <c r="G27" s="131">
        <v>297</v>
      </c>
      <c r="H27" s="131">
        <v>310</v>
      </c>
      <c r="I27" s="131">
        <v>184</v>
      </c>
      <c r="J27" s="131">
        <v>129</v>
      </c>
      <c r="K27" s="131">
        <v>91</v>
      </c>
      <c r="L27" s="132">
        <v>1011</v>
      </c>
      <c r="M27" s="134">
        <v>1237</v>
      </c>
      <c r="N27" s="135">
        <v>1</v>
      </c>
      <c r="O27" s="131">
        <v>0</v>
      </c>
      <c r="P27" s="132">
        <v>1</v>
      </c>
      <c r="Q27" s="133">
        <v>0</v>
      </c>
      <c r="R27" s="131">
        <v>6</v>
      </c>
      <c r="S27" s="131">
        <v>5</v>
      </c>
      <c r="T27" s="131">
        <v>6</v>
      </c>
      <c r="U27" s="131">
        <v>3</v>
      </c>
      <c r="V27" s="131">
        <v>3</v>
      </c>
      <c r="W27" s="132">
        <v>23</v>
      </c>
      <c r="X27" s="134">
        <v>24</v>
      </c>
      <c r="Y27" s="130">
        <v>89</v>
      </c>
      <c r="Z27" s="131">
        <v>138</v>
      </c>
      <c r="AA27" s="132">
        <v>227</v>
      </c>
      <c r="AB27" s="133">
        <v>0</v>
      </c>
      <c r="AC27" s="131">
        <v>303</v>
      </c>
      <c r="AD27" s="131">
        <v>315</v>
      </c>
      <c r="AE27" s="131">
        <v>190</v>
      </c>
      <c r="AF27" s="131">
        <v>132</v>
      </c>
      <c r="AG27" s="131">
        <v>94</v>
      </c>
      <c r="AH27" s="132">
        <v>1034</v>
      </c>
      <c r="AI27" s="134">
        <v>1261</v>
      </c>
    </row>
    <row r="28" spans="2:35" ht="21" customHeight="1" x14ac:dyDescent="0.2">
      <c r="B28" s="106" t="s">
        <v>27</v>
      </c>
      <c r="C28" s="130">
        <v>152</v>
      </c>
      <c r="D28" s="131">
        <v>210</v>
      </c>
      <c r="E28" s="132">
        <v>362</v>
      </c>
      <c r="F28" s="133">
        <v>0</v>
      </c>
      <c r="G28" s="131">
        <v>286</v>
      </c>
      <c r="H28" s="131">
        <v>187</v>
      </c>
      <c r="I28" s="131">
        <v>142</v>
      </c>
      <c r="J28" s="131">
        <v>114</v>
      </c>
      <c r="K28" s="131">
        <v>68</v>
      </c>
      <c r="L28" s="132">
        <v>797</v>
      </c>
      <c r="M28" s="134">
        <v>1159</v>
      </c>
      <c r="N28" s="135">
        <v>6</v>
      </c>
      <c r="O28" s="131">
        <v>4</v>
      </c>
      <c r="P28" s="132">
        <v>10</v>
      </c>
      <c r="Q28" s="133">
        <v>0</v>
      </c>
      <c r="R28" s="131">
        <v>5</v>
      </c>
      <c r="S28" s="131">
        <v>6</v>
      </c>
      <c r="T28" s="131">
        <v>5</v>
      </c>
      <c r="U28" s="131">
        <v>2</v>
      </c>
      <c r="V28" s="131">
        <v>2</v>
      </c>
      <c r="W28" s="132">
        <v>20</v>
      </c>
      <c r="X28" s="134">
        <v>30</v>
      </c>
      <c r="Y28" s="130">
        <v>158</v>
      </c>
      <c r="Z28" s="131">
        <v>214</v>
      </c>
      <c r="AA28" s="132">
        <v>372</v>
      </c>
      <c r="AB28" s="133">
        <v>0</v>
      </c>
      <c r="AC28" s="131">
        <v>291</v>
      </c>
      <c r="AD28" s="131">
        <v>193</v>
      </c>
      <c r="AE28" s="131">
        <v>147</v>
      </c>
      <c r="AF28" s="131">
        <v>116</v>
      </c>
      <c r="AG28" s="131">
        <v>70</v>
      </c>
      <c r="AH28" s="132">
        <v>817</v>
      </c>
      <c r="AI28" s="134">
        <v>1189</v>
      </c>
    </row>
    <row r="29" spans="2:35" ht="21" customHeight="1" x14ac:dyDescent="0.2">
      <c r="B29" s="106" t="s">
        <v>28</v>
      </c>
      <c r="C29" s="130">
        <v>9</v>
      </c>
      <c r="D29" s="131">
        <v>25</v>
      </c>
      <c r="E29" s="132">
        <v>34</v>
      </c>
      <c r="F29" s="133">
        <v>0</v>
      </c>
      <c r="G29" s="131">
        <v>89</v>
      </c>
      <c r="H29" s="131">
        <v>101</v>
      </c>
      <c r="I29" s="131">
        <v>53</v>
      </c>
      <c r="J29" s="131">
        <v>37</v>
      </c>
      <c r="K29" s="131">
        <v>24</v>
      </c>
      <c r="L29" s="132">
        <v>304</v>
      </c>
      <c r="M29" s="134">
        <v>338</v>
      </c>
      <c r="N29" s="135">
        <v>0</v>
      </c>
      <c r="O29" s="131">
        <v>1</v>
      </c>
      <c r="P29" s="132">
        <v>1</v>
      </c>
      <c r="Q29" s="133">
        <v>0</v>
      </c>
      <c r="R29" s="131">
        <v>0</v>
      </c>
      <c r="S29" s="131">
        <v>3</v>
      </c>
      <c r="T29" s="131">
        <v>1</v>
      </c>
      <c r="U29" s="131">
        <v>0</v>
      </c>
      <c r="V29" s="131">
        <v>3</v>
      </c>
      <c r="W29" s="132">
        <v>7</v>
      </c>
      <c r="X29" s="134">
        <v>8</v>
      </c>
      <c r="Y29" s="130">
        <v>9</v>
      </c>
      <c r="Z29" s="131">
        <v>26</v>
      </c>
      <c r="AA29" s="132">
        <v>35</v>
      </c>
      <c r="AB29" s="133">
        <v>0</v>
      </c>
      <c r="AC29" s="131">
        <v>89</v>
      </c>
      <c r="AD29" s="131">
        <v>104</v>
      </c>
      <c r="AE29" s="131">
        <v>54</v>
      </c>
      <c r="AF29" s="131">
        <v>37</v>
      </c>
      <c r="AG29" s="131">
        <v>27</v>
      </c>
      <c r="AH29" s="132">
        <v>311</v>
      </c>
      <c r="AI29" s="134">
        <v>346</v>
      </c>
    </row>
    <row r="30" spans="2:35" ht="21" customHeight="1" x14ac:dyDescent="0.2">
      <c r="B30" s="106" t="s">
        <v>29</v>
      </c>
      <c r="C30" s="130">
        <v>41</v>
      </c>
      <c r="D30" s="131">
        <v>39</v>
      </c>
      <c r="E30" s="132">
        <v>80</v>
      </c>
      <c r="F30" s="133">
        <v>0</v>
      </c>
      <c r="G30" s="131">
        <v>102</v>
      </c>
      <c r="H30" s="131">
        <v>120</v>
      </c>
      <c r="I30" s="131">
        <v>79</v>
      </c>
      <c r="J30" s="131">
        <v>52</v>
      </c>
      <c r="K30" s="131">
        <v>28</v>
      </c>
      <c r="L30" s="132">
        <v>381</v>
      </c>
      <c r="M30" s="134">
        <v>461</v>
      </c>
      <c r="N30" s="135">
        <v>1</v>
      </c>
      <c r="O30" s="131">
        <v>3</v>
      </c>
      <c r="P30" s="132">
        <v>4</v>
      </c>
      <c r="Q30" s="133">
        <v>0</v>
      </c>
      <c r="R30" s="131">
        <v>2</v>
      </c>
      <c r="S30" s="131">
        <v>2</v>
      </c>
      <c r="T30" s="131">
        <v>3</v>
      </c>
      <c r="U30" s="131">
        <v>0</v>
      </c>
      <c r="V30" s="131">
        <v>3</v>
      </c>
      <c r="W30" s="132">
        <v>10</v>
      </c>
      <c r="X30" s="134">
        <v>14</v>
      </c>
      <c r="Y30" s="130">
        <v>42</v>
      </c>
      <c r="Z30" s="131">
        <v>42</v>
      </c>
      <c r="AA30" s="132">
        <v>84</v>
      </c>
      <c r="AB30" s="133">
        <v>0</v>
      </c>
      <c r="AC30" s="131">
        <v>104</v>
      </c>
      <c r="AD30" s="131">
        <v>122</v>
      </c>
      <c r="AE30" s="131">
        <v>82</v>
      </c>
      <c r="AF30" s="131">
        <v>52</v>
      </c>
      <c r="AG30" s="131">
        <v>31</v>
      </c>
      <c r="AH30" s="132">
        <v>391</v>
      </c>
      <c r="AI30" s="134">
        <v>475</v>
      </c>
    </row>
    <row r="31" spans="2:35" ht="21" customHeight="1" x14ac:dyDescent="0.2">
      <c r="B31" s="106" t="s">
        <v>30</v>
      </c>
      <c r="C31" s="130">
        <v>41</v>
      </c>
      <c r="D31" s="131">
        <v>32</v>
      </c>
      <c r="E31" s="132">
        <v>73</v>
      </c>
      <c r="F31" s="133">
        <v>0</v>
      </c>
      <c r="G31" s="131">
        <v>116</v>
      </c>
      <c r="H31" s="131">
        <v>72</v>
      </c>
      <c r="I31" s="131">
        <v>55</v>
      </c>
      <c r="J31" s="131">
        <v>41</v>
      </c>
      <c r="K31" s="131">
        <v>17</v>
      </c>
      <c r="L31" s="132">
        <v>301</v>
      </c>
      <c r="M31" s="134">
        <v>374</v>
      </c>
      <c r="N31" s="135">
        <v>0</v>
      </c>
      <c r="O31" s="131">
        <v>1</v>
      </c>
      <c r="P31" s="132">
        <v>1</v>
      </c>
      <c r="Q31" s="133">
        <v>0</v>
      </c>
      <c r="R31" s="131">
        <v>2</v>
      </c>
      <c r="S31" s="131">
        <v>4</v>
      </c>
      <c r="T31" s="131">
        <v>2</v>
      </c>
      <c r="U31" s="131">
        <v>2</v>
      </c>
      <c r="V31" s="131">
        <v>0</v>
      </c>
      <c r="W31" s="132">
        <v>10</v>
      </c>
      <c r="X31" s="134">
        <v>11</v>
      </c>
      <c r="Y31" s="130">
        <v>41</v>
      </c>
      <c r="Z31" s="131">
        <v>33</v>
      </c>
      <c r="AA31" s="132">
        <v>74</v>
      </c>
      <c r="AB31" s="133">
        <v>0</v>
      </c>
      <c r="AC31" s="131">
        <v>118</v>
      </c>
      <c r="AD31" s="131">
        <v>76</v>
      </c>
      <c r="AE31" s="131">
        <v>57</v>
      </c>
      <c r="AF31" s="131">
        <v>43</v>
      </c>
      <c r="AG31" s="131">
        <v>17</v>
      </c>
      <c r="AH31" s="132">
        <v>311</v>
      </c>
      <c r="AI31" s="134">
        <v>385</v>
      </c>
    </row>
    <row r="32" spans="2:35" ht="21" customHeight="1" x14ac:dyDescent="0.2">
      <c r="B32" s="106" t="s">
        <v>31</v>
      </c>
      <c r="C32" s="130">
        <v>29</v>
      </c>
      <c r="D32" s="131">
        <v>68</v>
      </c>
      <c r="E32" s="132">
        <v>97</v>
      </c>
      <c r="F32" s="133">
        <v>0</v>
      </c>
      <c r="G32" s="131">
        <v>111</v>
      </c>
      <c r="H32" s="131">
        <v>100</v>
      </c>
      <c r="I32" s="131">
        <v>58</v>
      </c>
      <c r="J32" s="131">
        <v>35</v>
      </c>
      <c r="K32" s="131">
        <v>17</v>
      </c>
      <c r="L32" s="132">
        <v>321</v>
      </c>
      <c r="M32" s="134">
        <v>418</v>
      </c>
      <c r="N32" s="135">
        <v>0</v>
      </c>
      <c r="O32" s="131">
        <v>3</v>
      </c>
      <c r="P32" s="132">
        <v>3</v>
      </c>
      <c r="Q32" s="133">
        <v>0</v>
      </c>
      <c r="R32" s="131">
        <v>2</v>
      </c>
      <c r="S32" s="131">
        <v>0</v>
      </c>
      <c r="T32" s="131">
        <v>0</v>
      </c>
      <c r="U32" s="131">
        <v>2</v>
      </c>
      <c r="V32" s="131">
        <v>1</v>
      </c>
      <c r="W32" s="132">
        <v>5</v>
      </c>
      <c r="X32" s="134">
        <v>8</v>
      </c>
      <c r="Y32" s="130">
        <v>29</v>
      </c>
      <c r="Z32" s="131">
        <v>71</v>
      </c>
      <c r="AA32" s="132">
        <v>100</v>
      </c>
      <c r="AB32" s="133">
        <v>0</v>
      </c>
      <c r="AC32" s="131">
        <v>113</v>
      </c>
      <c r="AD32" s="131">
        <v>100</v>
      </c>
      <c r="AE32" s="131">
        <v>58</v>
      </c>
      <c r="AF32" s="131">
        <v>37</v>
      </c>
      <c r="AG32" s="131">
        <v>18</v>
      </c>
      <c r="AH32" s="132">
        <v>326</v>
      </c>
      <c r="AI32" s="134">
        <v>426</v>
      </c>
    </row>
    <row r="33" spans="2:35" ht="21" customHeight="1" x14ac:dyDescent="0.2">
      <c r="B33" s="106" t="s">
        <v>32</v>
      </c>
      <c r="C33" s="130">
        <v>36</v>
      </c>
      <c r="D33" s="131">
        <v>67</v>
      </c>
      <c r="E33" s="132">
        <v>103</v>
      </c>
      <c r="F33" s="133">
        <v>0</v>
      </c>
      <c r="G33" s="131">
        <v>157</v>
      </c>
      <c r="H33" s="131">
        <v>129</v>
      </c>
      <c r="I33" s="131">
        <v>58</v>
      </c>
      <c r="J33" s="131">
        <v>55</v>
      </c>
      <c r="K33" s="131">
        <v>32</v>
      </c>
      <c r="L33" s="132">
        <v>431</v>
      </c>
      <c r="M33" s="134">
        <v>534</v>
      </c>
      <c r="N33" s="135">
        <v>0</v>
      </c>
      <c r="O33" s="131">
        <v>1</v>
      </c>
      <c r="P33" s="132">
        <v>1</v>
      </c>
      <c r="Q33" s="133">
        <v>0</v>
      </c>
      <c r="R33" s="131">
        <v>3</v>
      </c>
      <c r="S33" s="131">
        <v>5</v>
      </c>
      <c r="T33" s="131">
        <v>2</v>
      </c>
      <c r="U33" s="131">
        <v>2</v>
      </c>
      <c r="V33" s="131">
        <v>2</v>
      </c>
      <c r="W33" s="132">
        <v>14</v>
      </c>
      <c r="X33" s="134">
        <v>15</v>
      </c>
      <c r="Y33" s="130">
        <v>36</v>
      </c>
      <c r="Z33" s="131">
        <v>68</v>
      </c>
      <c r="AA33" s="132">
        <v>104</v>
      </c>
      <c r="AB33" s="133">
        <v>0</v>
      </c>
      <c r="AC33" s="131">
        <v>160</v>
      </c>
      <c r="AD33" s="131">
        <v>134</v>
      </c>
      <c r="AE33" s="131">
        <v>60</v>
      </c>
      <c r="AF33" s="131">
        <v>57</v>
      </c>
      <c r="AG33" s="131">
        <v>34</v>
      </c>
      <c r="AH33" s="132">
        <v>445</v>
      </c>
      <c r="AI33" s="134">
        <v>549</v>
      </c>
    </row>
    <row r="34" spans="2:35" ht="21" customHeight="1" x14ac:dyDescent="0.2">
      <c r="B34" s="106" t="s">
        <v>33</v>
      </c>
      <c r="C34" s="130">
        <v>31</v>
      </c>
      <c r="D34" s="131">
        <v>53</v>
      </c>
      <c r="E34" s="132">
        <v>84</v>
      </c>
      <c r="F34" s="133">
        <v>0</v>
      </c>
      <c r="G34" s="131">
        <v>152</v>
      </c>
      <c r="H34" s="131">
        <v>82</v>
      </c>
      <c r="I34" s="131">
        <v>67</v>
      </c>
      <c r="J34" s="131">
        <v>32</v>
      </c>
      <c r="K34" s="131">
        <v>26</v>
      </c>
      <c r="L34" s="132">
        <v>359</v>
      </c>
      <c r="M34" s="134">
        <v>443</v>
      </c>
      <c r="N34" s="135">
        <v>0</v>
      </c>
      <c r="O34" s="131">
        <v>0</v>
      </c>
      <c r="P34" s="132">
        <v>0</v>
      </c>
      <c r="Q34" s="133">
        <v>0</v>
      </c>
      <c r="R34" s="131">
        <v>1</v>
      </c>
      <c r="S34" s="131">
        <v>2</v>
      </c>
      <c r="T34" s="131">
        <v>0</v>
      </c>
      <c r="U34" s="131">
        <v>0</v>
      </c>
      <c r="V34" s="131">
        <v>1</v>
      </c>
      <c r="W34" s="132">
        <v>4</v>
      </c>
      <c r="X34" s="134">
        <v>4</v>
      </c>
      <c r="Y34" s="130">
        <v>31</v>
      </c>
      <c r="Z34" s="131">
        <v>53</v>
      </c>
      <c r="AA34" s="132">
        <v>84</v>
      </c>
      <c r="AB34" s="133">
        <v>0</v>
      </c>
      <c r="AC34" s="131">
        <v>153</v>
      </c>
      <c r="AD34" s="131">
        <v>84</v>
      </c>
      <c r="AE34" s="131">
        <v>67</v>
      </c>
      <c r="AF34" s="131">
        <v>32</v>
      </c>
      <c r="AG34" s="131">
        <v>27</v>
      </c>
      <c r="AH34" s="132">
        <v>363</v>
      </c>
      <c r="AI34" s="134">
        <v>447</v>
      </c>
    </row>
    <row r="35" spans="2:35" ht="21" customHeight="1" x14ac:dyDescent="0.2">
      <c r="B35" s="106" t="s">
        <v>34</v>
      </c>
      <c r="C35" s="130">
        <v>26</v>
      </c>
      <c r="D35" s="131">
        <v>33</v>
      </c>
      <c r="E35" s="132">
        <v>59</v>
      </c>
      <c r="F35" s="133">
        <v>0</v>
      </c>
      <c r="G35" s="131">
        <v>127</v>
      </c>
      <c r="H35" s="131">
        <v>68</v>
      </c>
      <c r="I35" s="131">
        <v>33</v>
      </c>
      <c r="J35" s="131">
        <v>32</v>
      </c>
      <c r="K35" s="131">
        <v>20</v>
      </c>
      <c r="L35" s="132">
        <v>280</v>
      </c>
      <c r="M35" s="134">
        <v>339</v>
      </c>
      <c r="N35" s="135">
        <v>0</v>
      </c>
      <c r="O35" s="131">
        <v>0</v>
      </c>
      <c r="P35" s="132">
        <v>0</v>
      </c>
      <c r="Q35" s="133">
        <v>0</v>
      </c>
      <c r="R35" s="131">
        <v>1</v>
      </c>
      <c r="S35" s="131">
        <v>2</v>
      </c>
      <c r="T35" s="131">
        <v>1</v>
      </c>
      <c r="U35" s="131">
        <v>1</v>
      </c>
      <c r="V35" s="131">
        <v>1</v>
      </c>
      <c r="W35" s="132">
        <v>6</v>
      </c>
      <c r="X35" s="134">
        <v>6</v>
      </c>
      <c r="Y35" s="130">
        <v>26</v>
      </c>
      <c r="Z35" s="131">
        <v>33</v>
      </c>
      <c r="AA35" s="132">
        <v>59</v>
      </c>
      <c r="AB35" s="133">
        <v>0</v>
      </c>
      <c r="AC35" s="131">
        <v>128</v>
      </c>
      <c r="AD35" s="131">
        <v>70</v>
      </c>
      <c r="AE35" s="131">
        <v>34</v>
      </c>
      <c r="AF35" s="131">
        <v>33</v>
      </c>
      <c r="AG35" s="131">
        <v>21</v>
      </c>
      <c r="AH35" s="132">
        <v>286</v>
      </c>
      <c r="AI35" s="134">
        <v>345</v>
      </c>
    </row>
    <row r="36" spans="2:35" ht="21" customHeight="1" x14ac:dyDescent="0.2">
      <c r="B36" s="106" t="s">
        <v>35</v>
      </c>
      <c r="C36" s="130">
        <v>95</v>
      </c>
      <c r="D36" s="131">
        <v>153</v>
      </c>
      <c r="E36" s="132">
        <v>248</v>
      </c>
      <c r="F36" s="133">
        <v>0</v>
      </c>
      <c r="G36" s="131">
        <v>381</v>
      </c>
      <c r="H36" s="131">
        <v>200</v>
      </c>
      <c r="I36" s="131">
        <v>143</v>
      </c>
      <c r="J36" s="131">
        <v>116</v>
      </c>
      <c r="K36" s="131">
        <v>70</v>
      </c>
      <c r="L36" s="132">
        <v>910</v>
      </c>
      <c r="M36" s="134">
        <v>1158</v>
      </c>
      <c r="N36" s="135">
        <v>0</v>
      </c>
      <c r="O36" s="131">
        <v>2</v>
      </c>
      <c r="P36" s="132">
        <v>2</v>
      </c>
      <c r="Q36" s="133">
        <v>0</v>
      </c>
      <c r="R36" s="131">
        <v>5</v>
      </c>
      <c r="S36" s="131">
        <v>3</v>
      </c>
      <c r="T36" s="131">
        <v>1</v>
      </c>
      <c r="U36" s="131">
        <v>3</v>
      </c>
      <c r="V36" s="131">
        <v>2</v>
      </c>
      <c r="W36" s="132">
        <v>14</v>
      </c>
      <c r="X36" s="134">
        <v>16</v>
      </c>
      <c r="Y36" s="130">
        <v>95</v>
      </c>
      <c r="Z36" s="131">
        <v>155</v>
      </c>
      <c r="AA36" s="132">
        <v>250</v>
      </c>
      <c r="AB36" s="133">
        <v>0</v>
      </c>
      <c r="AC36" s="131">
        <v>386</v>
      </c>
      <c r="AD36" s="131">
        <v>203</v>
      </c>
      <c r="AE36" s="131">
        <v>144</v>
      </c>
      <c r="AF36" s="131">
        <v>119</v>
      </c>
      <c r="AG36" s="131">
        <v>72</v>
      </c>
      <c r="AH36" s="132">
        <v>924</v>
      </c>
      <c r="AI36" s="134">
        <v>1174</v>
      </c>
    </row>
    <row r="37" spans="2:35" ht="21" customHeight="1" x14ac:dyDescent="0.2">
      <c r="B37" s="106" t="s">
        <v>36</v>
      </c>
      <c r="C37" s="130">
        <v>49</v>
      </c>
      <c r="D37" s="131">
        <v>140</v>
      </c>
      <c r="E37" s="132">
        <v>189</v>
      </c>
      <c r="F37" s="133">
        <v>0</v>
      </c>
      <c r="G37" s="131">
        <v>281</v>
      </c>
      <c r="H37" s="131">
        <v>302</v>
      </c>
      <c r="I37" s="131">
        <v>172</v>
      </c>
      <c r="J37" s="131">
        <v>98</v>
      </c>
      <c r="K37" s="131">
        <v>86</v>
      </c>
      <c r="L37" s="132">
        <v>939</v>
      </c>
      <c r="M37" s="134">
        <v>1128</v>
      </c>
      <c r="N37" s="135">
        <v>0</v>
      </c>
      <c r="O37" s="131">
        <v>5</v>
      </c>
      <c r="P37" s="132">
        <v>5</v>
      </c>
      <c r="Q37" s="133">
        <v>0</v>
      </c>
      <c r="R37" s="131">
        <v>6</v>
      </c>
      <c r="S37" s="131">
        <v>5</v>
      </c>
      <c r="T37" s="131">
        <v>9</v>
      </c>
      <c r="U37" s="131">
        <v>5</v>
      </c>
      <c r="V37" s="131">
        <v>4</v>
      </c>
      <c r="W37" s="132">
        <v>29</v>
      </c>
      <c r="X37" s="134">
        <v>34</v>
      </c>
      <c r="Y37" s="130">
        <v>49</v>
      </c>
      <c r="Z37" s="131">
        <v>145</v>
      </c>
      <c r="AA37" s="132">
        <v>194</v>
      </c>
      <c r="AB37" s="133">
        <v>0</v>
      </c>
      <c r="AC37" s="131">
        <v>287</v>
      </c>
      <c r="AD37" s="131">
        <v>307</v>
      </c>
      <c r="AE37" s="131">
        <v>181</v>
      </c>
      <c r="AF37" s="131">
        <v>103</v>
      </c>
      <c r="AG37" s="131">
        <v>90</v>
      </c>
      <c r="AH37" s="132">
        <v>968</v>
      </c>
      <c r="AI37" s="134">
        <v>1162</v>
      </c>
    </row>
    <row r="38" spans="2:35" ht="21" customHeight="1" thickBot="1" x14ac:dyDescent="0.25">
      <c r="B38" s="108" t="s">
        <v>37</v>
      </c>
      <c r="C38" s="136">
        <v>14</v>
      </c>
      <c r="D38" s="137">
        <v>3</v>
      </c>
      <c r="E38" s="138">
        <v>17</v>
      </c>
      <c r="F38" s="139">
        <v>0</v>
      </c>
      <c r="G38" s="137">
        <v>28</v>
      </c>
      <c r="H38" s="137">
        <v>26</v>
      </c>
      <c r="I38" s="137">
        <v>19</v>
      </c>
      <c r="J38" s="137">
        <v>15</v>
      </c>
      <c r="K38" s="137">
        <v>7</v>
      </c>
      <c r="L38" s="138">
        <v>95</v>
      </c>
      <c r="M38" s="140">
        <v>112</v>
      </c>
      <c r="N38" s="141">
        <v>0</v>
      </c>
      <c r="O38" s="137">
        <v>0</v>
      </c>
      <c r="P38" s="138">
        <v>0</v>
      </c>
      <c r="Q38" s="139">
        <v>0</v>
      </c>
      <c r="R38" s="137">
        <v>0</v>
      </c>
      <c r="S38" s="137">
        <v>2</v>
      </c>
      <c r="T38" s="137">
        <v>0</v>
      </c>
      <c r="U38" s="137">
        <v>1</v>
      </c>
      <c r="V38" s="137">
        <v>0</v>
      </c>
      <c r="W38" s="138">
        <v>3</v>
      </c>
      <c r="X38" s="140">
        <v>3</v>
      </c>
      <c r="Y38" s="136">
        <v>14</v>
      </c>
      <c r="Z38" s="137">
        <v>3</v>
      </c>
      <c r="AA38" s="138">
        <v>17</v>
      </c>
      <c r="AB38" s="139">
        <v>0</v>
      </c>
      <c r="AC38" s="137">
        <v>28</v>
      </c>
      <c r="AD38" s="137">
        <v>28</v>
      </c>
      <c r="AE38" s="137">
        <v>19</v>
      </c>
      <c r="AF38" s="137">
        <v>16</v>
      </c>
      <c r="AG38" s="137">
        <v>7</v>
      </c>
      <c r="AH38" s="138">
        <v>98</v>
      </c>
      <c r="AI38" s="140">
        <v>115</v>
      </c>
    </row>
    <row r="39" spans="2:35" x14ac:dyDescent="0.2">
      <c r="AA39" s="11"/>
      <c r="AB39" s="11"/>
      <c r="AC39" s="11"/>
      <c r="AD39" s="11"/>
      <c r="AE39" s="11"/>
      <c r="AF39" s="11"/>
      <c r="AG39" s="11"/>
      <c r="AH39" s="11"/>
      <c r="AI39" s="11"/>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48"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43" customWidth="1"/>
    <col min="2" max="2" width="9.77734375" style="143" customWidth="1"/>
    <col min="3" max="4" width="9" style="143"/>
    <col min="5" max="5" width="10.33203125" style="143" customWidth="1"/>
    <col min="6" max="6" width="7.6640625" style="143" customWidth="1"/>
    <col min="7" max="7" width="10.21875" style="143" customWidth="1"/>
    <col min="8" max="8" width="10.44140625" style="143" customWidth="1"/>
    <col min="9" max="16" width="9" style="143"/>
    <col min="17" max="17" width="7.21875" style="143" customWidth="1"/>
    <col min="18" max="27" width="9" style="143"/>
    <col min="28" max="28" width="7.6640625" style="143" customWidth="1"/>
    <col min="29" max="38" width="9" style="143"/>
    <col min="39" max="39" width="7.6640625" style="143" customWidth="1"/>
    <col min="40" max="49" width="9" style="143"/>
    <col min="50" max="50" width="7.21875" style="143" customWidth="1"/>
    <col min="51" max="60" width="9" style="143"/>
    <col min="61" max="61" width="7.21875" style="143" customWidth="1"/>
    <col min="62" max="71" width="9" style="143"/>
    <col min="72" max="72" width="7.33203125" style="143" customWidth="1"/>
    <col min="73" max="82" width="9" style="143"/>
    <col min="83" max="83" width="7.44140625" style="143" customWidth="1"/>
    <col min="84" max="93" width="9" style="143"/>
    <col min="94" max="94" width="7.6640625" style="143" customWidth="1"/>
    <col min="95" max="104" width="9" style="143"/>
    <col min="105" max="105" width="7.44140625" style="143" customWidth="1"/>
    <col min="106" max="115" width="9" style="143"/>
    <col min="116" max="116" width="7.44140625" style="143" customWidth="1"/>
    <col min="117" max="126" width="9" style="143"/>
    <col min="127" max="127" width="7.44140625" style="143" customWidth="1"/>
    <col min="128" max="137" width="9" style="143"/>
    <col min="138" max="138" width="7.33203125" style="143" customWidth="1"/>
    <col min="139" max="148" width="9" style="143"/>
    <col min="149" max="149" width="7.77734375" style="143" customWidth="1"/>
    <col min="150" max="16384" width="9" style="143"/>
  </cols>
  <sheetData>
    <row r="1" spans="2:156" ht="24" customHeight="1" x14ac:dyDescent="0.2">
      <c r="B1" s="142" t="s">
        <v>120</v>
      </c>
      <c r="I1" s="441">
        <f>第１表!F2</f>
        <v>6</v>
      </c>
      <c r="J1" s="441"/>
      <c r="K1" s="18">
        <f>第１表!G2</f>
        <v>9</v>
      </c>
      <c r="L1" s="458">
        <f>IF(K1&lt;3,K1+12-2,K1-2)</f>
        <v>7</v>
      </c>
      <c r="M1" s="458"/>
    </row>
    <row r="2" spans="2:156" ht="24" customHeight="1" thickBot="1" x14ac:dyDescent="0.25">
      <c r="B2" s="142" t="s">
        <v>135</v>
      </c>
      <c r="G2" s="17"/>
      <c r="H2" s="18"/>
      <c r="J2" s="68"/>
      <c r="K2" s="68"/>
    </row>
    <row r="3" spans="2:156" ht="21" customHeight="1" thickBot="1" x14ac:dyDescent="0.25">
      <c r="B3" s="459"/>
      <c r="C3" s="449" t="s">
        <v>70</v>
      </c>
      <c r="D3" s="450"/>
      <c r="E3" s="450"/>
      <c r="F3" s="450"/>
      <c r="G3" s="450"/>
      <c r="H3" s="450"/>
      <c r="I3" s="450"/>
      <c r="J3" s="450"/>
      <c r="K3" s="450"/>
      <c r="L3" s="450"/>
      <c r="M3" s="451"/>
      <c r="N3" s="449" t="s">
        <v>71</v>
      </c>
      <c r="O3" s="450"/>
      <c r="P3" s="450"/>
      <c r="Q3" s="450"/>
      <c r="R3" s="450"/>
      <c r="S3" s="450"/>
      <c r="T3" s="450"/>
      <c r="U3" s="450"/>
      <c r="V3" s="450"/>
      <c r="W3" s="450"/>
      <c r="X3" s="451"/>
      <c r="Y3" s="449" t="s">
        <v>72</v>
      </c>
      <c r="Z3" s="450"/>
      <c r="AA3" s="450"/>
      <c r="AB3" s="450"/>
      <c r="AC3" s="450"/>
      <c r="AD3" s="450"/>
      <c r="AE3" s="450"/>
      <c r="AF3" s="450"/>
      <c r="AG3" s="450"/>
      <c r="AH3" s="450"/>
      <c r="AI3" s="451"/>
      <c r="AJ3" s="449" t="s">
        <v>73</v>
      </c>
      <c r="AK3" s="450"/>
      <c r="AL3" s="450"/>
      <c r="AM3" s="450"/>
      <c r="AN3" s="450"/>
      <c r="AO3" s="450"/>
      <c r="AP3" s="450"/>
      <c r="AQ3" s="450"/>
      <c r="AR3" s="450"/>
      <c r="AS3" s="450"/>
      <c r="AT3" s="451"/>
      <c r="AU3" s="449" t="s">
        <v>74</v>
      </c>
      <c r="AV3" s="450"/>
      <c r="AW3" s="450"/>
      <c r="AX3" s="450"/>
      <c r="AY3" s="450"/>
      <c r="AZ3" s="450"/>
      <c r="BA3" s="450"/>
      <c r="BB3" s="450"/>
      <c r="BC3" s="450"/>
      <c r="BD3" s="450"/>
      <c r="BE3" s="451"/>
      <c r="BF3" s="449" t="s">
        <v>75</v>
      </c>
      <c r="BG3" s="450"/>
      <c r="BH3" s="450"/>
      <c r="BI3" s="450"/>
      <c r="BJ3" s="450"/>
      <c r="BK3" s="450"/>
      <c r="BL3" s="450"/>
      <c r="BM3" s="450"/>
      <c r="BN3" s="450"/>
      <c r="BO3" s="450"/>
      <c r="BP3" s="451"/>
      <c r="BQ3" s="449" t="s">
        <v>76</v>
      </c>
      <c r="BR3" s="450"/>
      <c r="BS3" s="450"/>
      <c r="BT3" s="450"/>
      <c r="BU3" s="450"/>
      <c r="BV3" s="450"/>
      <c r="BW3" s="450"/>
      <c r="BX3" s="450"/>
      <c r="BY3" s="450"/>
      <c r="BZ3" s="450"/>
      <c r="CA3" s="451"/>
      <c r="CB3" s="449" t="s">
        <v>77</v>
      </c>
      <c r="CC3" s="450"/>
      <c r="CD3" s="450"/>
      <c r="CE3" s="450"/>
      <c r="CF3" s="450"/>
      <c r="CG3" s="450"/>
      <c r="CH3" s="450"/>
      <c r="CI3" s="450"/>
      <c r="CJ3" s="450"/>
      <c r="CK3" s="450"/>
      <c r="CL3" s="451"/>
      <c r="CM3" s="449" t="s">
        <v>78</v>
      </c>
      <c r="CN3" s="450"/>
      <c r="CO3" s="450"/>
      <c r="CP3" s="450"/>
      <c r="CQ3" s="450"/>
      <c r="CR3" s="450"/>
      <c r="CS3" s="450"/>
      <c r="CT3" s="450"/>
      <c r="CU3" s="450"/>
      <c r="CV3" s="450"/>
      <c r="CW3" s="451"/>
      <c r="CX3" s="449" t="s">
        <v>79</v>
      </c>
      <c r="CY3" s="450"/>
      <c r="CZ3" s="450"/>
      <c r="DA3" s="450"/>
      <c r="DB3" s="450"/>
      <c r="DC3" s="450"/>
      <c r="DD3" s="450"/>
      <c r="DE3" s="450"/>
      <c r="DF3" s="450"/>
      <c r="DG3" s="450"/>
      <c r="DH3" s="451"/>
      <c r="DI3" s="449" t="s">
        <v>149</v>
      </c>
      <c r="DJ3" s="450"/>
      <c r="DK3" s="450"/>
      <c r="DL3" s="450"/>
      <c r="DM3" s="450"/>
      <c r="DN3" s="450"/>
      <c r="DO3" s="450"/>
      <c r="DP3" s="450"/>
      <c r="DQ3" s="450"/>
      <c r="DR3" s="450"/>
      <c r="DS3" s="451"/>
      <c r="DT3" s="449" t="s">
        <v>80</v>
      </c>
      <c r="DU3" s="450"/>
      <c r="DV3" s="450"/>
      <c r="DW3" s="450"/>
      <c r="DX3" s="450"/>
      <c r="DY3" s="450"/>
      <c r="DZ3" s="450"/>
      <c r="EA3" s="450"/>
      <c r="EB3" s="450"/>
      <c r="EC3" s="450"/>
      <c r="ED3" s="451"/>
      <c r="EE3" s="449" t="s">
        <v>68</v>
      </c>
      <c r="EF3" s="450"/>
      <c r="EG3" s="450"/>
      <c r="EH3" s="450"/>
      <c r="EI3" s="450"/>
      <c r="EJ3" s="450"/>
      <c r="EK3" s="450"/>
      <c r="EL3" s="450"/>
      <c r="EM3" s="450"/>
      <c r="EN3" s="450"/>
      <c r="EO3" s="451"/>
      <c r="EP3" s="446" t="s">
        <v>69</v>
      </c>
      <c r="EQ3" s="447"/>
      <c r="ER3" s="447"/>
      <c r="ES3" s="447"/>
      <c r="ET3" s="447"/>
      <c r="EU3" s="447"/>
      <c r="EV3" s="447"/>
      <c r="EW3" s="447"/>
      <c r="EX3" s="447"/>
      <c r="EY3" s="447"/>
      <c r="EZ3" s="448"/>
    </row>
    <row r="4" spans="2:156" ht="21" customHeight="1" x14ac:dyDescent="0.2">
      <c r="B4" s="460"/>
      <c r="C4" s="457" t="s">
        <v>61</v>
      </c>
      <c r="D4" s="453"/>
      <c r="E4" s="454"/>
      <c r="F4" s="452" t="s">
        <v>62</v>
      </c>
      <c r="G4" s="453"/>
      <c r="H4" s="453"/>
      <c r="I4" s="453"/>
      <c r="J4" s="453"/>
      <c r="K4" s="453"/>
      <c r="L4" s="462"/>
      <c r="M4" s="455" t="s">
        <v>52</v>
      </c>
      <c r="N4" s="457" t="s">
        <v>61</v>
      </c>
      <c r="O4" s="453"/>
      <c r="P4" s="454"/>
      <c r="Q4" s="452" t="s">
        <v>62</v>
      </c>
      <c r="R4" s="453"/>
      <c r="S4" s="453"/>
      <c r="T4" s="453"/>
      <c r="U4" s="453"/>
      <c r="V4" s="453"/>
      <c r="W4" s="454"/>
      <c r="X4" s="455" t="s">
        <v>52</v>
      </c>
      <c r="Y4" s="457" t="s">
        <v>61</v>
      </c>
      <c r="Z4" s="453"/>
      <c r="AA4" s="454"/>
      <c r="AB4" s="452" t="s">
        <v>62</v>
      </c>
      <c r="AC4" s="453"/>
      <c r="AD4" s="453"/>
      <c r="AE4" s="453"/>
      <c r="AF4" s="453"/>
      <c r="AG4" s="453"/>
      <c r="AH4" s="454"/>
      <c r="AI4" s="455" t="s">
        <v>52</v>
      </c>
      <c r="AJ4" s="457" t="s">
        <v>61</v>
      </c>
      <c r="AK4" s="453"/>
      <c r="AL4" s="454"/>
      <c r="AM4" s="452" t="s">
        <v>62</v>
      </c>
      <c r="AN4" s="453"/>
      <c r="AO4" s="453"/>
      <c r="AP4" s="453"/>
      <c r="AQ4" s="453"/>
      <c r="AR4" s="453"/>
      <c r="AS4" s="454"/>
      <c r="AT4" s="455" t="s">
        <v>52</v>
      </c>
      <c r="AU4" s="457" t="s">
        <v>61</v>
      </c>
      <c r="AV4" s="453"/>
      <c r="AW4" s="454"/>
      <c r="AX4" s="452" t="s">
        <v>62</v>
      </c>
      <c r="AY4" s="453"/>
      <c r="AZ4" s="453"/>
      <c r="BA4" s="453"/>
      <c r="BB4" s="453"/>
      <c r="BC4" s="453"/>
      <c r="BD4" s="462"/>
      <c r="BE4" s="455" t="s">
        <v>52</v>
      </c>
      <c r="BF4" s="457" t="s">
        <v>61</v>
      </c>
      <c r="BG4" s="453"/>
      <c r="BH4" s="454"/>
      <c r="BI4" s="452" t="s">
        <v>62</v>
      </c>
      <c r="BJ4" s="453"/>
      <c r="BK4" s="453"/>
      <c r="BL4" s="453"/>
      <c r="BM4" s="453"/>
      <c r="BN4" s="453"/>
      <c r="BO4" s="454"/>
      <c r="BP4" s="455" t="s">
        <v>52</v>
      </c>
      <c r="BQ4" s="457" t="s">
        <v>61</v>
      </c>
      <c r="BR4" s="453"/>
      <c r="BS4" s="454"/>
      <c r="BT4" s="452" t="s">
        <v>62</v>
      </c>
      <c r="BU4" s="453"/>
      <c r="BV4" s="453"/>
      <c r="BW4" s="453"/>
      <c r="BX4" s="453"/>
      <c r="BY4" s="453"/>
      <c r="BZ4" s="454"/>
      <c r="CA4" s="455" t="s">
        <v>52</v>
      </c>
      <c r="CB4" s="457" t="s">
        <v>61</v>
      </c>
      <c r="CC4" s="453"/>
      <c r="CD4" s="454"/>
      <c r="CE4" s="452" t="s">
        <v>62</v>
      </c>
      <c r="CF4" s="453"/>
      <c r="CG4" s="453"/>
      <c r="CH4" s="453"/>
      <c r="CI4" s="453"/>
      <c r="CJ4" s="453"/>
      <c r="CK4" s="454"/>
      <c r="CL4" s="455" t="s">
        <v>52</v>
      </c>
      <c r="CM4" s="457" t="s">
        <v>61</v>
      </c>
      <c r="CN4" s="453"/>
      <c r="CO4" s="454"/>
      <c r="CP4" s="452" t="s">
        <v>62</v>
      </c>
      <c r="CQ4" s="453"/>
      <c r="CR4" s="453"/>
      <c r="CS4" s="453"/>
      <c r="CT4" s="453"/>
      <c r="CU4" s="453"/>
      <c r="CV4" s="454"/>
      <c r="CW4" s="455" t="s">
        <v>52</v>
      </c>
      <c r="CX4" s="457" t="s">
        <v>61</v>
      </c>
      <c r="CY4" s="453"/>
      <c r="CZ4" s="454"/>
      <c r="DA4" s="452" t="s">
        <v>62</v>
      </c>
      <c r="DB4" s="453"/>
      <c r="DC4" s="453"/>
      <c r="DD4" s="453"/>
      <c r="DE4" s="453"/>
      <c r="DF4" s="453"/>
      <c r="DG4" s="454"/>
      <c r="DH4" s="455" t="s">
        <v>52</v>
      </c>
      <c r="DI4" s="457" t="s">
        <v>61</v>
      </c>
      <c r="DJ4" s="453"/>
      <c r="DK4" s="454"/>
      <c r="DL4" s="452" t="s">
        <v>62</v>
      </c>
      <c r="DM4" s="453"/>
      <c r="DN4" s="453"/>
      <c r="DO4" s="453"/>
      <c r="DP4" s="453"/>
      <c r="DQ4" s="453"/>
      <c r="DR4" s="454"/>
      <c r="DS4" s="455" t="s">
        <v>52</v>
      </c>
      <c r="DT4" s="457" t="s">
        <v>61</v>
      </c>
      <c r="DU4" s="453"/>
      <c r="DV4" s="454"/>
      <c r="DW4" s="452" t="s">
        <v>62</v>
      </c>
      <c r="DX4" s="453"/>
      <c r="DY4" s="453"/>
      <c r="DZ4" s="453"/>
      <c r="EA4" s="453"/>
      <c r="EB4" s="453"/>
      <c r="EC4" s="454"/>
      <c r="ED4" s="455" t="s">
        <v>52</v>
      </c>
      <c r="EE4" s="457" t="s">
        <v>61</v>
      </c>
      <c r="EF4" s="453"/>
      <c r="EG4" s="454"/>
      <c r="EH4" s="452" t="s">
        <v>62</v>
      </c>
      <c r="EI4" s="453"/>
      <c r="EJ4" s="453"/>
      <c r="EK4" s="453"/>
      <c r="EL4" s="453"/>
      <c r="EM4" s="453"/>
      <c r="EN4" s="454"/>
      <c r="EO4" s="455" t="s">
        <v>52</v>
      </c>
      <c r="EP4" s="457" t="s">
        <v>61</v>
      </c>
      <c r="EQ4" s="453"/>
      <c r="ER4" s="454"/>
      <c r="ES4" s="452" t="s">
        <v>62</v>
      </c>
      <c r="ET4" s="453"/>
      <c r="EU4" s="453"/>
      <c r="EV4" s="453"/>
      <c r="EW4" s="453"/>
      <c r="EX4" s="453"/>
      <c r="EY4" s="454"/>
      <c r="EZ4" s="455" t="s">
        <v>52</v>
      </c>
    </row>
    <row r="5" spans="2:156" ht="30" customHeight="1" thickBot="1" x14ac:dyDescent="0.25">
      <c r="B5" s="461"/>
      <c r="C5" s="144" t="s">
        <v>43</v>
      </c>
      <c r="D5" s="145" t="s">
        <v>44</v>
      </c>
      <c r="E5" s="146" t="s">
        <v>45</v>
      </c>
      <c r="F5" s="147" t="s">
        <v>83</v>
      </c>
      <c r="G5" s="145" t="s">
        <v>47</v>
      </c>
      <c r="H5" s="145" t="s">
        <v>48</v>
      </c>
      <c r="I5" s="145" t="s">
        <v>49</v>
      </c>
      <c r="J5" s="145" t="s">
        <v>50</v>
      </c>
      <c r="K5" s="145" t="s">
        <v>51</v>
      </c>
      <c r="L5" s="148" t="s">
        <v>45</v>
      </c>
      <c r="M5" s="456"/>
      <c r="N5" s="144" t="s">
        <v>43</v>
      </c>
      <c r="O5" s="145" t="s">
        <v>44</v>
      </c>
      <c r="P5" s="149" t="s">
        <v>45</v>
      </c>
      <c r="Q5" s="147" t="s">
        <v>83</v>
      </c>
      <c r="R5" s="145" t="s">
        <v>47</v>
      </c>
      <c r="S5" s="145" t="s">
        <v>48</v>
      </c>
      <c r="T5" s="145" t="s">
        <v>49</v>
      </c>
      <c r="U5" s="145" t="s">
        <v>50</v>
      </c>
      <c r="V5" s="145" t="s">
        <v>51</v>
      </c>
      <c r="W5" s="149" t="s">
        <v>45</v>
      </c>
      <c r="X5" s="456"/>
      <c r="Y5" s="144" t="s">
        <v>43</v>
      </c>
      <c r="Z5" s="145" t="s">
        <v>44</v>
      </c>
      <c r="AA5" s="149" t="s">
        <v>45</v>
      </c>
      <c r="AB5" s="147" t="s">
        <v>83</v>
      </c>
      <c r="AC5" s="145" t="s">
        <v>47</v>
      </c>
      <c r="AD5" s="145" t="s">
        <v>48</v>
      </c>
      <c r="AE5" s="145" t="s">
        <v>49</v>
      </c>
      <c r="AF5" s="145" t="s">
        <v>50</v>
      </c>
      <c r="AG5" s="145" t="s">
        <v>51</v>
      </c>
      <c r="AH5" s="149" t="s">
        <v>45</v>
      </c>
      <c r="AI5" s="456"/>
      <c r="AJ5" s="144" t="s">
        <v>43</v>
      </c>
      <c r="AK5" s="145" t="s">
        <v>44</v>
      </c>
      <c r="AL5" s="149" t="s">
        <v>45</v>
      </c>
      <c r="AM5" s="147" t="s">
        <v>83</v>
      </c>
      <c r="AN5" s="145" t="s">
        <v>47</v>
      </c>
      <c r="AO5" s="145" t="s">
        <v>48</v>
      </c>
      <c r="AP5" s="145" t="s">
        <v>49</v>
      </c>
      <c r="AQ5" s="145" t="s">
        <v>50</v>
      </c>
      <c r="AR5" s="145" t="s">
        <v>51</v>
      </c>
      <c r="AS5" s="149" t="s">
        <v>45</v>
      </c>
      <c r="AT5" s="456"/>
      <c r="AU5" s="144" t="s">
        <v>43</v>
      </c>
      <c r="AV5" s="145" t="s">
        <v>44</v>
      </c>
      <c r="AW5" s="149" t="s">
        <v>45</v>
      </c>
      <c r="AX5" s="147" t="s">
        <v>83</v>
      </c>
      <c r="AY5" s="145" t="s">
        <v>47</v>
      </c>
      <c r="AZ5" s="145" t="s">
        <v>48</v>
      </c>
      <c r="BA5" s="145" t="s">
        <v>49</v>
      </c>
      <c r="BB5" s="145" t="s">
        <v>50</v>
      </c>
      <c r="BC5" s="145" t="s">
        <v>51</v>
      </c>
      <c r="BD5" s="148" t="s">
        <v>45</v>
      </c>
      <c r="BE5" s="456"/>
      <c r="BF5" s="144" t="s">
        <v>43</v>
      </c>
      <c r="BG5" s="145" t="s">
        <v>44</v>
      </c>
      <c r="BH5" s="149" t="s">
        <v>45</v>
      </c>
      <c r="BI5" s="147" t="s">
        <v>83</v>
      </c>
      <c r="BJ5" s="145" t="s">
        <v>47</v>
      </c>
      <c r="BK5" s="145" t="s">
        <v>48</v>
      </c>
      <c r="BL5" s="145" t="s">
        <v>49</v>
      </c>
      <c r="BM5" s="145" t="s">
        <v>50</v>
      </c>
      <c r="BN5" s="145" t="s">
        <v>51</v>
      </c>
      <c r="BO5" s="149" t="s">
        <v>45</v>
      </c>
      <c r="BP5" s="456"/>
      <c r="BQ5" s="144" t="s">
        <v>43</v>
      </c>
      <c r="BR5" s="145" t="s">
        <v>44</v>
      </c>
      <c r="BS5" s="149" t="s">
        <v>45</v>
      </c>
      <c r="BT5" s="147" t="s">
        <v>83</v>
      </c>
      <c r="BU5" s="145" t="s">
        <v>47</v>
      </c>
      <c r="BV5" s="145" t="s">
        <v>48</v>
      </c>
      <c r="BW5" s="145" t="s">
        <v>49</v>
      </c>
      <c r="BX5" s="145" t="s">
        <v>50</v>
      </c>
      <c r="BY5" s="145" t="s">
        <v>51</v>
      </c>
      <c r="BZ5" s="149" t="s">
        <v>45</v>
      </c>
      <c r="CA5" s="456"/>
      <c r="CB5" s="144" t="s">
        <v>43</v>
      </c>
      <c r="CC5" s="145" t="s">
        <v>44</v>
      </c>
      <c r="CD5" s="149" t="s">
        <v>45</v>
      </c>
      <c r="CE5" s="147" t="s">
        <v>83</v>
      </c>
      <c r="CF5" s="145" t="s">
        <v>47</v>
      </c>
      <c r="CG5" s="145" t="s">
        <v>48</v>
      </c>
      <c r="CH5" s="145" t="s">
        <v>49</v>
      </c>
      <c r="CI5" s="145" t="s">
        <v>50</v>
      </c>
      <c r="CJ5" s="145" t="s">
        <v>51</v>
      </c>
      <c r="CK5" s="149" t="s">
        <v>45</v>
      </c>
      <c r="CL5" s="456"/>
      <c r="CM5" s="144" t="s">
        <v>43</v>
      </c>
      <c r="CN5" s="145" t="s">
        <v>44</v>
      </c>
      <c r="CO5" s="149" t="s">
        <v>45</v>
      </c>
      <c r="CP5" s="147" t="s">
        <v>83</v>
      </c>
      <c r="CQ5" s="145" t="s">
        <v>47</v>
      </c>
      <c r="CR5" s="145" t="s">
        <v>48</v>
      </c>
      <c r="CS5" s="145" t="s">
        <v>49</v>
      </c>
      <c r="CT5" s="145" t="s">
        <v>50</v>
      </c>
      <c r="CU5" s="145" t="s">
        <v>51</v>
      </c>
      <c r="CV5" s="149" t="s">
        <v>45</v>
      </c>
      <c r="CW5" s="456"/>
      <c r="CX5" s="144" t="s">
        <v>43</v>
      </c>
      <c r="CY5" s="145" t="s">
        <v>44</v>
      </c>
      <c r="CZ5" s="149" t="s">
        <v>45</v>
      </c>
      <c r="DA5" s="147" t="s">
        <v>83</v>
      </c>
      <c r="DB5" s="145" t="s">
        <v>47</v>
      </c>
      <c r="DC5" s="145" t="s">
        <v>48</v>
      </c>
      <c r="DD5" s="145" t="s">
        <v>49</v>
      </c>
      <c r="DE5" s="145" t="s">
        <v>50</v>
      </c>
      <c r="DF5" s="145" t="s">
        <v>51</v>
      </c>
      <c r="DG5" s="149" t="s">
        <v>45</v>
      </c>
      <c r="DH5" s="456"/>
      <c r="DI5" s="144" t="s">
        <v>43</v>
      </c>
      <c r="DJ5" s="145" t="s">
        <v>44</v>
      </c>
      <c r="DK5" s="149" t="s">
        <v>45</v>
      </c>
      <c r="DL5" s="147" t="s">
        <v>83</v>
      </c>
      <c r="DM5" s="145" t="s">
        <v>47</v>
      </c>
      <c r="DN5" s="145" t="s">
        <v>48</v>
      </c>
      <c r="DO5" s="145" t="s">
        <v>49</v>
      </c>
      <c r="DP5" s="145" t="s">
        <v>50</v>
      </c>
      <c r="DQ5" s="145" t="s">
        <v>51</v>
      </c>
      <c r="DR5" s="149" t="s">
        <v>45</v>
      </c>
      <c r="DS5" s="456"/>
      <c r="DT5" s="144" t="s">
        <v>43</v>
      </c>
      <c r="DU5" s="145" t="s">
        <v>44</v>
      </c>
      <c r="DV5" s="149" t="s">
        <v>45</v>
      </c>
      <c r="DW5" s="147" t="s">
        <v>83</v>
      </c>
      <c r="DX5" s="145" t="s">
        <v>47</v>
      </c>
      <c r="DY5" s="145" t="s">
        <v>48</v>
      </c>
      <c r="DZ5" s="145" t="s">
        <v>49</v>
      </c>
      <c r="EA5" s="145" t="s">
        <v>50</v>
      </c>
      <c r="EB5" s="145" t="s">
        <v>51</v>
      </c>
      <c r="EC5" s="149" t="s">
        <v>45</v>
      </c>
      <c r="ED5" s="456"/>
      <c r="EE5" s="144" t="s">
        <v>43</v>
      </c>
      <c r="EF5" s="145" t="s">
        <v>44</v>
      </c>
      <c r="EG5" s="149" t="s">
        <v>45</v>
      </c>
      <c r="EH5" s="147" t="s">
        <v>83</v>
      </c>
      <c r="EI5" s="145" t="s">
        <v>47</v>
      </c>
      <c r="EJ5" s="145" t="s">
        <v>48</v>
      </c>
      <c r="EK5" s="145" t="s">
        <v>49</v>
      </c>
      <c r="EL5" s="145" t="s">
        <v>50</v>
      </c>
      <c r="EM5" s="145" t="s">
        <v>51</v>
      </c>
      <c r="EN5" s="149" t="s">
        <v>45</v>
      </c>
      <c r="EO5" s="456"/>
      <c r="EP5" s="144" t="s">
        <v>43</v>
      </c>
      <c r="EQ5" s="145" t="s">
        <v>44</v>
      </c>
      <c r="ER5" s="149" t="s">
        <v>45</v>
      </c>
      <c r="ES5" s="147" t="s">
        <v>83</v>
      </c>
      <c r="ET5" s="145" t="s">
        <v>47</v>
      </c>
      <c r="EU5" s="145" t="s">
        <v>48</v>
      </c>
      <c r="EV5" s="145" t="s">
        <v>49</v>
      </c>
      <c r="EW5" s="145" t="s">
        <v>50</v>
      </c>
      <c r="EX5" s="145" t="s">
        <v>51</v>
      </c>
      <c r="EY5" s="149" t="s">
        <v>45</v>
      </c>
      <c r="EZ5" s="456"/>
    </row>
    <row r="6" spans="2:156" ht="21" customHeight="1" x14ac:dyDescent="0.2">
      <c r="B6" s="150" t="s">
        <v>4</v>
      </c>
      <c r="C6" s="151">
        <v>0</v>
      </c>
      <c r="D6" s="152">
        <v>0</v>
      </c>
      <c r="E6" s="153">
        <v>0</v>
      </c>
      <c r="F6" s="154">
        <v>0</v>
      </c>
      <c r="G6" s="152">
        <v>19214</v>
      </c>
      <c r="H6" s="152">
        <v>23927</v>
      </c>
      <c r="I6" s="152">
        <v>13027</v>
      </c>
      <c r="J6" s="152">
        <v>10297</v>
      </c>
      <c r="K6" s="152">
        <v>7819</v>
      </c>
      <c r="L6" s="155">
        <v>74284</v>
      </c>
      <c r="M6" s="156">
        <v>74284</v>
      </c>
      <c r="N6" s="151">
        <v>2</v>
      </c>
      <c r="O6" s="152">
        <v>23</v>
      </c>
      <c r="P6" s="157">
        <v>25</v>
      </c>
      <c r="Q6" s="154">
        <v>0</v>
      </c>
      <c r="R6" s="152">
        <v>95</v>
      </c>
      <c r="S6" s="152">
        <v>403</v>
      </c>
      <c r="T6" s="152">
        <v>755</v>
      </c>
      <c r="U6" s="152">
        <v>2061</v>
      </c>
      <c r="V6" s="152">
        <v>3411</v>
      </c>
      <c r="W6" s="157">
        <v>6725</v>
      </c>
      <c r="X6" s="156">
        <v>6750</v>
      </c>
      <c r="Y6" s="151">
        <v>2543</v>
      </c>
      <c r="Z6" s="152">
        <v>6421</v>
      </c>
      <c r="AA6" s="157">
        <v>8964</v>
      </c>
      <c r="AB6" s="154">
        <v>0</v>
      </c>
      <c r="AC6" s="152">
        <v>13035</v>
      </c>
      <c r="AD6" s="152">
        <v>18739</v>
      </c>
      <c r="AE6" s="152">
        <v>10915</v>
      </c>
      <c r="AF6" s="152">
        <v>8916</v>
      </c>
      <c r="AG6" s="152">
        <v>6615</v>
      </c>
      <c r="AH6" s="157">
        <v>58220</v>
      </c>
      <c r="AI6" s="156">
        <v>67184</v>
      </c>
      <c r="AJ6" s="151">
        <v>277</v>
      </c>
      <c r="AK6" s="152">
        <v>847</v>
      </c>
      <c r="AL6" s="157">
        <v>1124</v>
      </c>
      <c r="AM6" s="154">
        <v>0</v>
      </c>
      <c r="AN6" s="152">
        <v>1159</v>
      </c>
      <c r="AO6" s="152">
        <v>1769</v>
      </c>
      <c r="AP6" s="152">
        <v>1084</v>
      </c>
      <c r="AQ6" s="152">
        <v>885</v>
      </c>
      <c r="AR6" s="152">
        <v>633</v>
      </c>
      <c r="AS6" s="157">
        <v>5530</v>
      </c>
      <c r="AT6" s="156">
        <v>6654</v>
      </c>
      <c r="AU6" s="151">
        <v>3131</v>
      </c>
      <c r="AV6" s="152">
        <v>4372</v>
      </c>
      <c r="AW6" s="157">
        <v>7503</v>
      </c>
      <c r="AX6" s="154">
        <v>0</v>
      </c>
      <c r="AY6" s="152">
        <v>19801</v>
      </c>
      <c r="AZ6" s="152">
        <v>25574</v>
      </c>
      <c r="BA6" s="152">
        <v>21393</v>
      </c>
      <c r="BB6" s="152">
        <v>20528</v>
      </c>
      <c r="BC6" s="152">
        <v>15365</v>
      </c>
      <c r="BD6" s="155">
        <v>102661</v>
      </c>
      <c r="BE6" s="156">
        <v>110164</v>
      </c>
      <c r="BF6" s="151">
        <v>0</v>
      </c>
      <c r="BG6" s="152">
        <v>1</v>
      </c>
      <c r="BH6" s="157">
        <v>1</v>
      </c>
      <c r="BI6" s="154">
        <v>0</v>
      </c>
      <c r="BJ6" s="152">
        <v>22749</v>
      </c>
      <c r="BK6" s="152">
        <v>21942</v>
      </c>
      <c r="BL6" s="152">
        <v>11413</v>
      </c>
      <c r="BM6" s="152">
        <v>6398</v>
      </c>
      <c r="BN6" s="152">
        <v>3080</v>
      </c>
      <c r="BO6" s="157">
        <v>65582</v>
      </c>
      <c r="BP6" s="156">
        <v>65583</v>
      </c>
      <c r="BQ6" s="151">
        <v>1723</v>
      </c>
      <c r="BR6" s="152">
        <v>2793</v>
      </c>
      <c r="BS6" s="157">
        <v>4516</v>
      </c>
      <c r="BT6" s="154">
        <v>0</v>
      </c>
      <c r="BU6" s="152">
        <v>4629</v>
      </c>
      <c r="BV6" s="152">
        <v>6580</v>
      </c>
      <c r="BW6" s="152">
        <v>3669</v>
      </c>
      <c r="BX6" s="152">
        <v>2282</v>
      </c>
      <c r="BY6" s="152">
        <v>841</v>
      </c>
      <c r="BZ6" s="157">
        <v>18001</v>
      </c>
      <c r="CA6" s="156">
        <v>22517</v>
      </c>
      <c r="CB6" s="151">
        <v>80</v>
      </c>
      <c r="CC6" s="152">
        <v>243</v>
      </c>
      <c r="CD6" s="157">
        <v>323</v>
      </c>
      <c r="CE6" s="154">
        <v>0</v>
      </c>
      <c r="CF6" s="152">
        <v>2279</v>
      </c>
      <c r="CG6" s="152">
        <v>3741</v>
      </c>
      <c r="CH6" s="152">
        <v>4379</v>
      </c>
      <c r="CI6" s="152">
        <v>3146</v>
      </c>
      <c r="CJ6" s="152">
        <v>1761</v>
      </c>
      <c r="CK6" s="157">
        <v>15306</v>
      </c>
      <c r="CL6" s="156">
        <v>15629</v>
      </c>
      <c r="CM6" s="151">
        <v>7</v>
      </c>
      <c r="CN6" s="152">
        <v>14</v>
      </c>
      <c r="CO6" s="157">
        <v>21</v>
      </c>
      <c r="CP6" s="154">
        <v>0</v>
      </c>
      <c r="CQ6" s="152">
        <v>224</v>
      </c>
      <c r="CR6" s="152">
        <v>522</v>
      </c>
      <c r="CS6" s="152">
        <v>543</v>
      </c>
      <c r="CT6" s="152">
        <v>524</v>
      </c>
      <c r="CU6" s="152">
        <v>358</v>
      </c>
      <c r="CV6" s="157">
        <v>2171</v>
      </c>
      <c r="CW6" s="156">
        <v>2192</v>
      </c>
      <c r="CX6" s="151">
        <v>0</v>
      </c>
      <c r="CY6" s="152">
        <v>0</v>
      </c>
      <c r="CZ6" s="157">
        <v>0</v>
      </c>
      <c r="DA6" s="154">
        <v>0</v>
      </c>
      <c r="DB6" s="152">
        <v>0</v>
      </c>
      <c r="DC6" s="152">
        <v>0</v>
      </c>
      <c r="DD6" s="152">
        <v>0</v>
      </c>
      <c r="DE6" s="152">
        <v>0</v>
      </c>
      <c r="DF6" s="152">
        <v>0</v>
      </c>
      <c r="DG6" s="157">
        <v>0</v>
      </c>
      <c r="DH6" s="156">
        <v>0</v>
      </c>
      <c r="DI6" s="151">
        <v>0</v>
      </c>
      <c r="DJ6" s="152">
        <v>0</v>
      </c>
      <c r="DK6" s="157">
        <v>0</v>
      </c>
      <c r="DL6" s="154">
        <v>0</v>
      </c>
      <c r="DM6" s="152">
        <v>0</v>
      </c>
      <c r="DN6" s="152">
        <v>0</v>
      </c>
      <c r="DO6" s="152">
        <v>0</v>
      </c>
      <c r="DP6" s="152">
        <v>0</v>
      </c>
      <c r="DQ6" s="152">
        <v>0</v>
      </c>
      <c r="DR6" s="157">
        <v>0</v>
      </c>
      <c r="DS6" s="156">
        <v>0</v>
      </c>
      <c r="DT6" s="151">
        <v>11910</v>
      </c>
      <c r="DU6" s="152">
        <v>25335</v>
      </c>
      <c r="DV6" s="157">
        <v>37245</v>
      </c>
      <c r="DW6" s="154">
        <v>0</v>
      </c>
      <c r="DX6" s="152">
        <v>28520</v>
      </c>
      <c r="DY6" s="152">
        <v>48529</v>
      </c>
      <c r="DZ6" s="152">
        <v>27340</v>
      </c>
      <c r="EA6" s="152">
        <v>20724</v>
      </c>
      <c r="EB6" s="152">
        <v>13163</v>
      </c>
      <c r="EC6" s="157">
        <v>138276</v>
      </c>
      <c r="ED6" s="156">
        <v>175521</v>
      </c>
      <c r="EE6" s="151">
        <v>1657</v>
      </c>
      <c r="EF6" s="152">
        <v>1294</v>
      </c>
      <c r="EG6" s="157">
        <v>2951</v>
      </c>
      <c r="EH6" s="154">
        <v>0</v>
      </c>
      <c r="EI6" s="152">
        <v>6312</v>
      </c>
      <c r="EJ6" s="152">
        <v>6064</v>
      </c>
      <c r="EK6" s="152">
        <v>5079</v>
      </c>
      <c r="EL6" s="152">
        <v>5671</v>
      </c>
      <c r="EM6" s="152">
        <v>3270</v>
      </c>
      <c r="EN6" s="157">
        <v>26396</v>
      </c>
      <c r="EO6" s="156">
        <v>29347</v>
      </c>
      <c r="EP6" s="151">
        <v>15284</v>
      </c>
      <c r="EQ6" s="152">
        <v>30287</v>
      </c>
      <c r="ER6" s="157">
        <v>45571</v>
      </c>
      <c r="ES6" s="154">
        <v>0</v>
      </c>
      <c r="ET6" s="152">
        <v>59297</v>
      </c>
      <c r="EU6" s="152">
        <v>63953</v>
      </c>
      <c r="EV6" s="152">
        <v>32425</v>
      </c>
      <c r="EW6" s="152">
        <v>22179</v>
      </c>
      <c r="EX6" s="152">
        <v>13416</v>
      </c>
      <c r="EY6" s="157">
        <v>191270</v>
      </c>
      <c r="EZ6" s="156">
        <v>236841</v>
      </c>
    </row>
    <row r="7" spans="2:156" ht="21" customHeight="1" x14ac:dyDescent="0.2">
      <c r="B7" s="158" t="s">
        <v>5</v>
      </c>
      <c r="C7" s="159">
        <v>0</v>
      </c>
      <c r="D7" s="160">
        <v>0</v>
      </c>
      <c r="E7" s="161">
        <v>0</v>
      </c>
      <c r="F7" s="162">
        <v>0</v>
      </c>
      <c r="G7" s="160">
        <v>6706</v>
      </c>
      <c r="H7" s="160">
        <v>11656</v>
      </c>
      <c r="I7" s="160">
        <v>5613</v>
      </c>
      <c r="J7" s="160">
        <v>4141</v>
      </c>
      <c r="K7" s="160">
        <v>3117</v>
      </c>
      <c r="L7" s="163">
        <v>31233</v>
      </c>
      <c r="M7" s="164">
        <v>31233</v>
      </c>
      <c r="N7" s="159">
        <v>1</v>
      </c>
      <c r="O7" s="160">
        <v>13</v>
      </c>
      <c r="P7" s="165">
        <v>14</v>
      </c>
      <c r="Q7" s="162">
        <v>0</v>
      </c>
      <c r="R7" s="160">
        <v>24</v>
      </c>
      <c r="S7" s="160">
        <v>146</v>
      </c>
      <c r="T7" s="160">
        <v>300</v>
      </c>
      <c r="U7" s="160">
        <v>824</v>
      </c>
      <c r="V7" s="160">
        <v>1474</v>
      </c>
      <c r="W7" s="165">
        <v>2768</v>
      </c>
      <c r="X7" s="164">
        <v>2782</v>
      </c>
      <c r="Y7" s="159">
        <v>1048</v>
      </c>
      <c r="Z7" s="160">
        <v>3381</v>
      </c>
      <c r="AA7" s="165">
        <v>4429</v>
      </c>
      <c r="AB7" s="162">
        <v>0</v>
      </c>
      <c r="AC7" s="160">
        <v>4603</v>
      </c>
      <c r="AD7" s="160">
        <v>9413</v>
      </c>
      <c r="AE7" s="160">
        <v>5102</v>
      </c>
      <c r="AF7" s="160">
        <v>3890</v>
      </c>
      <c r="AG7" s="160">
        <v>2788</v>
      </c>
      <c r="AH7" s="165">
        <v>25796</v>
      </c>
      <c r="AI7" s="164">
        <v>30225</v>
      </c>
      <c r="AJ7" s="159">
        <v>96</v>
      </c>
      <c r="AK7" s="160">
        <v>417</v>
      </c>
      <c r="AL7" s="165">
        <v>513</v>
      </c>
      <c r="AM7" s="162">
        <v>0</v>
      </c>
      <c r="AN7" s="160">
        <v>290</v>
      </c>
      <c r="AO7" s="160">
        <v>729</v>
      </c>
      <c r="AP7" s="160">
        <v>479</v>
      </c>
      <c r="AQ7" s="160">
        <v>350</v>
      </c>
      <c r="AR7" s="160">
        <v>249</v>
      </c>
      <c r="AS7" s="165">
        <v>2097</v>
      </c>
      <c r="AT7" s="164">
        <v>2610</v>
      </c>
      <c r="AU7" s="159">
        <v>1225</v>
      </c>
      <c r="AV7" s="160">
        <v>2146</v>
      </c>
      <c r="AW7" s="165">
        <v>3371</v>
      </c>
      <c r="AX7" s="162">
        <v>0</v>
      </c>
      <c r="AY7" s="160">
        <v>7119</v>
      </c>
      <c r="AZ7" s="160">
        <v>11252</v>
      </c>
      <c r="BA7" s="160">
        <v>8740</v>
      </c>
      <c r="BB7" s="160">
        <v>8268</v>
      </c>
      <c r="BC7" s="160">
        <v>6191</v>
      </c>
      <c r="BD7" s="163">
        <v>41570</v>
      </c>
      <c r="BE7" s="164">
        <v>44941</v>
      </c>
      <c r="BF7" s="159">
        <v>0</v>
      </c>
      <c r="BG7" s="160">
        <v>1</v>
      </c>
      <c r="BH7" s="165">
        <v>1</v>
      </c>
      <c r="BI7" s="162">
        <v>0</v>
      </c>
      <c r="BJ7" s="160">
        <v>7062</v>
      </c>
      <c r="BK7" s="160">
        <v>9017</v>
      </c>
      <c r="BL7" s="160">
        <v>4250</v>
      </c>
      <c r="BM7" s="160">
        <v>2285</v>
      </c>
      <c r="BN7" s="160">
        <v>1090</v>
      </c>
      <c r="BO7" s="165">
        <v>23704</v>
      </c>
      <c r="BP7" s="164">
        <v>23705</v>
      </c>
      <c r="BQ7" s="159">
        <v>751</v>
      </c>
      <c r="BR7" s="160">
        <v>1263</v>
      </c>
      <c r="BS7" s="165">
        <v>2014</v>
      </c>
      <c r="BT7" s="162">
        <v>0</v>
      </c>
      <c r="BU7" s="160">
        <v>1358</v>
      </c>
      <c r="BV7" s="160">
        <v>3010</v>
      </c>
      <c r="BW7" s="160">
        <v>1644</v>
      </c>
      <c r="BX7" s="160">
        <v>1002</v>
      </c>
      <c r="BY7" s="160">
        <v>342</v>
      </c>
      <c r="BZ7" s="165">
        <v>7356</v>
      </c>
      <c r="CA7" s="164">
        <v>9370</v>
      </c>
      <c r="CB7" s="159">
        <v>27</v>
      </c>
      <c r="CC7" s="160">
        <v>94</v>
      </c>
      <c r="CD7" s="165">
        <v>121</v>
      </c>
      <c r="CE7" s="162">
        <v>0</v>
      </c>
      <c r="CF7" s="160">
        <v>656</v>
      </c>
      <c r="CG7" s="160">
        <v>1372</v>
      </c>
      <c r="CH7" s="160">
        <v>1609</v>
      </c>
      <c r="CI7" s="160">
        <v>1121</v>
      </c>
      <c r="CJ7" s="160">
        <v>639</v>
      </c>
      <c r="CK7" s="165">
        <v>5397</v>
      </c>
      <c r="CL7" s="164">
        <v>5518</v>
      </c>
      <c r="CM7" s="159">
        <v>4</v>
      </c>
      <c r="CN7" s="160">
        <v>8</v>
      </c>
      <c r="CO7" s="165">
        <v>12</v>
      </c>
      <c r="CP7" s="162">
        <v>0</v>
      </c>
      <c r="CQ7" s="160">
        <v>93</v>
      </c>
      <c r="CR7" s="160">
        <v>295</v>
      </c>
      <c r="CS7" s="160">
        <v>323</v>
      </c>
      <c r="CT7" s="160">
        <v>302</v>
      </c>
      <c r="CU7" s="160">
        <v>202</v>
      </c>
      <c r="CV7" s="165">
        <v>1215</v>
      </c>
      <c r="CW7" s="164">
        <v>1227</v>
      </c>
      <c r="CX7" s="159">
        <v>0</v>
      </c>
      <c r="CY7" s="160">
        <v>0</v>
      </c>
      <c r="CZ7" s="165">
        <v>0</v>
      </c>
      <c r="DA7" s="162">
        <v>0</v>
      </c>
      <c r="DB7" s="160">
        <v>0</v>
      </c>
      <c r="DC7" s="160">
        <v>0</v>
      </c>
      <c r="DD7" s="160">
        <v>0</v>
      </c>
      <c r="DE7" s="160">
        <v>0</v>
      </c>
      <c r="DF7" s="160">
        <v>0</v>
      </c>
      <c r="DG7" s="165">
        <v>0</v>
      </c>
      <c r="DH7" s="164">
        <v>0</v>
      </c>
      <c r="DI7" s="159">
        <v>0</v>
      </c>
      <c r="DJ7" s="160">
        <v>0</v>
      </c>
      <c r="DK7" s="165">
        <v>0</v>
      </c>
      <c r="DL7" s="162">
        <v>0</v>
      </c>
      <c r="DM7" s="160">
        <v>0</v>
      </c>
      <c r="DN7" s="160">
        <v>0</v>
      </c>
      <c r="DO7" s="160">
        <v>0</v>
      </c>
      <c r="DP7" s="160">
        <v>0</v>
      </c>
      <c r="DQ7" s="160">
        <v>0</v>
      </c>
      <c r="DR7" s="165">
        <v>0</v>
      </c>
      <c r="DS7" s="164">
        <v>0</v>
      </c>
      <c r="DT7" s="159">
        <v>3937</v>
      </c>
      <c r="DU7" s="160">
        <v>10790</v>
      </c>
      <c r="DV7" s="165">
        <v>14727</v>
      </c>
      <c r="DW7" s="162">
        <v>0</v>
      </c>
      <c r="DX7" s="160">
        <v>8049</v>
      </c>
      <c r="DY7" s="160">
        <v>21605</v>
      </c>
      <c r="DZ7" s="160">
        <v>11198</v>
      </c>
      <c r="EA7" s="160">
        <v>8203</v>
      </c>
      <c r="EB7" s="160">
        <v>5263</v>
      </c>
      <c r="EC7" s="165">
        <v>54318</v>
      </c>
      <c r="ED7" s="164">
        <v>69045</v>
      </c>
      <c r="EE7" s="159">
        <v>668</v>
      </c>
      <c r="EF7" s="160">
        <v>624</v>
      </c>
      <c r="EG7" s="165">
        <v>1292</v>
      </c>
      <c r="EH7" s="162">
        <v>0</v>
      </c>
      <c r="EI7" s="160">
        <v>2505</v>
      </c>
      <c r="EJ7" s="160">
        <v>2869</v>
      </c>
      <c r="EK7" s="160">
        <v>2248</v>
      </c>
      <c r="EL7" s="160">
        <v>2502</v>
      </c>
      <c r="EM7" s="160">
        <v>1368</v>
      </c>
      <c r="EN7" s="165">
        <v>11492</v>
      </c>
      <c r="EO7" s="164">
        <v>12784</v>
      </c>
      <c r="EP7" s="159">
        <v>5388</v>
      </c>
      <c r="EQ7" s="160">
        <v>13385</v>
      </c>
      <c r="ER7" s="165">
        <v>18773</v>
      </c>
      <c r="ES7" s="162">
        <v>0</v>
      </c>
      <c r="ET7" s="160">
        <v>19256</v>
      </c>
      <c r="EU7" s="160">
        <v>28884</v>
      </c>
      <c r="EV7" s="160">
        <v>13474</v>
      </c>
      <c r="EW7" s="160">
        <v>8878</v>
      </c>
      <c r="EX7" s="160">
        <v>5407</v>
      </c>
      <c r="EY7" s="165">
        <v>75899</v>
      </c>
      <c r="EZ7" s="164">
        <v>94672</v>
      </c>
    </row>
    <row r="8" spans="2:156" ht="21" customHeight="1" x14ac:dyDescent="0.2">
      <c r="B8" s="166" t="s">
        <v>6</v>
      </c>
      <c r="C8" s="159">
        <v>0</v>
      </c>
      <c r="D8" s="160">
        <v>0</v>
      </c>
      <c r="E8" s="161">
        <v>0</v>
      </c>
      <c r="F8" s="162">
        <v>0</v>
      </c>
      <c r="G8" s="160">
        <v>3408</v>
      </c>
      <c r="H8" s="160">
        <v>3241</v>
      </c>
      <c r="I8" s="160">
        <v>1820</v>
      </c>
      <c r="J8" s="160">
        <v>1551</v>
      </c>
      <c r="K8" s="160">
        <v>1237</v>
      </c>
      <c r="L8" s="163">
        <v>11257</v>
      </c>
      <c r="M8" s="164">
        <v>11257</v>
      </c>
      <c r="N8" s="159">
        <v>1</v>
      </c>
      <c r="O8" s="160">
        <v>1</v>
      </c>
      <c r="P8" s="165">
        <v>2</v>
      </c>
      <c r="Q8" s="162">
        <v>0</v>
      </c>
      <c r="R8" s="160">
        <v>17</v>
      </c>
      <c r="S8" s="160">
        <v>50</v>
      </c>
      <c r="T8" s="160">
        <v>102</v>
      </c>
      <c r="U8" s="160">
        <v>274</v>
      </c>
      <c r="V8" s="160">
        <v>494</v>
      </c>
      <c r="W8" s="165">
        <v>937</v>
      </c>
      <c r="X8" s="164">
        <v>939</v>
      </c>
      <c r="Y8" s="159">
        <v>418</v>
      </c>
      <c r="Z8" s="160">
        <v>797</v>
      </c>
      <c r="AA8" s="165">
        <v>1215</v>
      </c>
      <c r="AB8" s="162">
        <v>0</v>
      </c>
      <c r="AC8" s="160">
        <v>2459</v>
      </c>
      <c r="AD8" s="160">
        <v>2539</v>
      </c>
      <c r="AE8" s="160">
        <v>1457</v>
      </c>
      <c r="AF8" s="160">
        <v>1228</v>
      </c>
      <c r="AG8" s="160">
        <v>963</v>
      </c>
      <c r="AH8" s="165">
        <v>8646</v>
      </c>
      <c r="AI8" s="164">
        <v>9861</v>
      </c>
      <c r="AJ8" s="159">
        <v>27</v>
      </c>
      <c r="AK8" s="160">
        <v>64</v>
      </c>
      <c r="AL8" s="165">
        <v>91</v>
      </c>
      <c r="AM8" s="162">
        <v>0</v>
      </c>
      <c r="AN8" s="160">
        <v>183</v>
      </c>
      <c r="AO8" s="160">
        <v>206</v>
      </c>
      <c r="AP8" s="160">
        <v>105</v>
      </c>
      <c r="AQ8" s="160">
        <v>109</v>
      </c>
      <c r="AR8" s="160">
        <v>76</v>
      </c>
      <c r="AS8" s="165">
        <v>679</v>
      </c>
      <c r="AT8" s="164">
        <v>770</v>
      </c>
      <c r="AU8" s="159">
        <v>531</v>
      </c>
      <c r="AV8" s="160">
        <v>623</v>
      </c>
      <c r="AW8" s="165">
        <v>1154</v>
      </c>
      <c r="AX8" s="162">
        <v>0</v>
      </c>
      <c r="AY8" s="160">
        <v>3720</v>
      </c>
      <c r="AZ8" s="160">
        <v>4146</v>
      </c>
      <c r="BA8" s="160">
        <v>3416</v>
      </c>
      <c r="BB8" s="160">
        <v>3301</v>
      </c>
      <c r="BC8" s="160">
        <v>2598</v>
      </c>
      <c r="BD8" s="163">
        <v>17181</v>
      </c>
      <c r="BE8" s="164">
        <v>18335</v>
      </c>
      <c r="BF8" s="159">
        <v>0</v>
      </c>
      <c r="BG8" s="160">
        <v>0</v>
      </c>
      <c r="BH8" s="165">
        <v>0</v>
      </c>
      <c r="BI8" s="162">
        <v>0</v>
      </c>
      <c r="BJ8" s="160">
        <v>3849</v>
      </c>
      <c r="BK8" s="160">
        <v>3121</v>
      </c>
      <c r="BL8" s="160">
        <v>1653</v>
      </c>
      <c r="BM8" s="160">
        <v>932</v>
      </c>
      <c r="BN8" s="160">
        <v>470</v>
      </c>
      <c r="BO8" s="165">
        <v>10025</v>
      </c>
      <c r="BP8" s="164">
        <v>10025</v>
      </c>
      <c r="BQ8" s="159">
        <v>118</v>
      </c>
      <c r="BR8" s="160">
        <v>217</v>
      </c>
      <c r="BS8" s="165">
        <v>335</v>
      </c>
      <c r="BT8" s="162">
        <v>0</v>
      </c>
      <c r="BU8" s="160">
        <v>679</v>
      </c>
      <c r="BV8" s="160">
        <v>733</v>
      </c>
      <c r="BW8" s="160">
        <v>448</v>
      </c>
      <c r="BX8" s="160">
        <v>279</v>
      </c>
      <c r="BY8" s="160">
        <v>118</v>
      </c>
      <c r="BZ8" s="165">
        <v>2257</v>
      </c>
      <c r="CA8" s="164">
        <v>2592</v>
      </c>
      <c r="CB8" s="159">
        <v>5</v>
      </c>
      <c r="CC8" s="160">
        <v>19</v>
      </c>
      <c r="CD8" s="165">
        <v>24</v>
      </c>
      <c r="CE8" s="162">
        <v>0</v>
      </c>
      <c r="CF8" s="160">
        <v>242</v>
      </c>
      <c r="CG8" s="160">
        <v>440</v>
      </c>
      <c r="CH8" s="160">
        <v>541</v>
      </c>
      <c r="CI8" s="160">
        <v>387</v>
      </c>
      <c r="CJ8" s="160">
        <v>229</v>
      </c>
      <c r="CK8" s="165">
        <v>1839</v>
      </c>
      <c r="CL8" s="164">
        <v>1863</v>
      </c>
      <c r="CM8" s="159">
        <v>0</v>
      </c>
      <c r="CN8" s="160">
        <v>2</v>
      </c>
      <c r="CO8" s="165">
        <v>2</v>
      </c>
      <c r="CP8" s="162">
        <v>0</v>
      </c>
      <c r="CQ8" s="160">
        <v>39</v>
      </c>
      <c r="CR8" s="160">
        <v>72</v>
      </c>
      <c r="CS8" s="160">
        <v>69</v>
      </c>
      <c r="CT8" s="160">
        <v>62</v>
      </c>
      <c r="CU8" s="160">
        <v>51</v>
      </c>
      <c r="CV8" s="165">
        <v>293</v>
      </c>
      <c r="CW8" s="164">
        <v>295</v>
      </c>
      <c r="CX8" s="159">
        <v>0</v>
      </c>
      <c r="CY8" s="160">
        <v>0</v>
      </c>
      <c r="CZ8" s="165">
        <v>0</v>
      </c>
      <c r="DA8" s="162">
        <v>0</v>
      </c>
      <c r="DB8" s="160">
        <v>0</v>
      </c>
      <c r="DC8" s="160">
        <v>0</v>
      </c>
      <c r="DD8" s="160">
        <v>0</v>
      </c>
      <c r="DE8" s="160">
        <v>0</v>
      </c>
      <c r="DF8" s="160">
        <v>0</v>
      </c>
      <c r="DG8" s="165">
        <v>0</v>
      </c>
      <c r="DH8" s="164">
        <v>0</v>
      </c>
      <c r="DI8" s="159">
        <v>0</v>
      </c>
      <c r="DJ8" s="160">
        <v>0</v>
      </c>
      <c r="DK8" s="165">
        <v>0</v>
      </c>
      <c r="DL8" s="162">
        <v>0</v>
      </c>
      <c r="DM8" s="160">
        <v>0</v>
      </c>
      <c r="DN8" s="160">
        <v>0</v>
      </c>
      <c r="DO8" s="160">
        <v>0</v>
      </c>
      <c r="DP8" s="160">
        <v>0</v>
      </c>
      <c r="DQ8" s="160">
        <v>0</v>
      </c>
      <c r="DR8" s="165">
        <v>0</v>
      </c>
      <c r="DS8" s="164">
        <v>0</v>
      </c>
      <c r="DT8" s="159">
        <v>1731</v>
      </c>
      <c r="DU8" s="160">
        <v>3036</v>
      </c>
      <c r="DV8" s="165">
        <v>4767</v>
      </c>
      <c r="DW8" s="162">
        <v>0</v>
      </c>
      <c r="DX8" s="160">
        <v>5148</v>
      </c>
      <c r="DY8" s="160">
        <v>6403</v>
      </c>
      <c r="DZ8" s="160">
        <v>3831</v>
      </c>
      <c r="EA8" s="160">
        <v>3026</v>
      </c>
      <c r="EB8" s="160">
        <v>2057</v>
      </c>
      <c r="EC8" s="165">
        <v>20465</v>
      </c>
      <c r="ED8" s="164">
        <v>25232</v>
      </c>
      <c r="EE8" s="159">
        <v>239</v>
      </c>
      <c r="EF8" s="160">
        <v>155</v>
      </c>
      <c r="EG8" s="165">
        <v>394</v>
      </c>
      <c r="EH8" s="162">
        <v>0</v>
      </c>
      <c r="EI8" s="160">
        <v>967</v>
      </c>
      <c r="EJ8" s="160">
        <v>824</v>
      </c>
      <c r="EK8" s="160">
        <v>722</v>
      </c>
      <c r="EL8" s="160">
        <v>810</v>
      </c>
      <c r="EM8" s="160">
        <v>524</v>
      </c>
      <c r="EN8" s="165">
        <v>3847</v>
      </c>
      <c r="EO8" s="164">
        <v>4241</v>
      </c>
      <c r="EP8" s="159">
        <v>2124</v>
      </c>
      <c r="EQ8" s="160">
        <v>3551</v>
      </c>
      <c r="ER8" s="165">
        <v>5675</v>
      </c>
      <c r="ES8" s="162">
        <v>0</v>
      </c>
      <c r="ET8" s="160">
        <v>9674</v>
      </c>
      <c r="EU8" s="160">
        <v>8311</v>
      </c>
      <c r="EV8" s="160">
        <v>4402</v>
      </c>
      <c r="EW8" s="160">
        <v>3158</v>
      </c>
      <c r="EX8" s="160">
        <v>2067</v>
      </c>
      <c r="EY8" s="165">
        <v>27612</v>
      </c>
      <c r="EZ8" s="164">
        <v>33287</v>
      </c>
    </row>
    <row r="9" spans="2:156" ht="21" customHeight="1" x14ac:dyDescent="0.2">
      <c r="B9" s="166" t="s">
        <v>14</v>
      </c>
      <c r="C9" s="159">
        <v>0</v>
      </c>
      <c r="D9" s="160">
        <v>0</v>
      </c>
      <c r="E9" s="161">
        <v>0</v>
      </c>
      <c r="F9" s="162">
        <v>0</v>
      </c>
      <c r="G9" s="160">
        <v>1155</v>
      </c>
      <c r="H9" s="160">
        <v>1788</v>
      </c>
      <c r="I9" s="160">
        <v>1065</v>
      </c>
      <c r="J9" s="160">
        <v>781</v>
      </c>
      <c r="K9" s="160">
        <v>545</v>
      </c>
      <c r="L9" s="163">
        <v>5334</v>
      </c>
      <c r="M9" s="164">
        <v>5334</v>
      </c>
      <c r="N9" s="159">
        <v>0</v>
      </c>
      <c r="O9" s="160">
        <v>2</v>
      </c>
      <c r="P9" s="165">
        <v>2</v>
      </c>
      <c r="Q9" s="162">
        <v>0</v>
      </c>
      <c r="R9" s="160">
        <v>0</v>
      </c>
      <c r="S9" s="160">
        <v>24</v>
      </c>
      <c r="T9" s="160">
        <v>51</v>
      </c>
      <c r="U9" s="160">
        <v>147</v>
      </c>
      <c r="V9" s="160">
        <v>209</v>
      </c>
      <c r="W9" s="165">
        <v>431</v>
      </c>
      <c r="X9" s="164">
        <v>433</v>
      </c>
      <c r="Y9" s="159">
        <v>114</v>
      </c>
      <c r="Z9" s="160">
        <v>422</v>
      </c>
      <c r="AA9" s="165">
        <v>536</v>
      </c>
      <c r="AB9" s="162">
        <v>0</v>
      </c>
      <c r="AC9" s="160">
        <v>744</v>
      </c>
      <c r="AD9" s="160">
        <v>1284</v>
      </c>
      <c r="AE9" s="160">
        <v>883</v>
      </c>
      <c r="AF9" s="160">
        <v>669</v>
      </c>
      <c r="AG9" s="160">
        <v>450</v>
      </c>
      <c r="AH9" s="165">
        <v>4030</v>
      </c>
      <c r="AI9" s="164">
        <v>4566</v>
      </c>
      <c r="AJ9" s="159">
        <v>7</v>
      </c>
      <c r="AK9" s="160">
        <v>34</v>
      </c>
      <c r="AL9" s="165">
        <v>41</v>
      </c>
      <c r="AM9" s="162">
        <v>0</v>
      </c>
      <c r="AN9" s="160">
        <v>20</v>
      </c>
      <c r="AO9" s="160">
        <v>62</v>
      </c>
      <c r="AP9" s="160">
        <v>42</v>
      </c>
      <c r="AQ9" s="160">
        <v>41</v>
      </c>
      <c r="AR9" s="160">
        <v>21</v>
      </c>
      <c r="AS9" s="165">
        <v>186</v>
      </c>
      <c r="AT9" s="164">
        <v>227</v>
      </c>
      <c r="AU9" s="159">
        <v>241</v>
      </c>
      <c r="AV9" s="160">
        <v>416</v>
      </c>
      <c r="AW9" s="165">
        <v>657</v>
      </c>
      <c r="AX9" s="162">
        <v>0</v>
      </c>
      <c r="AY9" s="160">
        <v>1373</v>
      </c>
      <c r="AZ9" s="160">
        <v>1988</v>
      </c>
      <c r="BA9" s="160">
        <v>1919</v>
      </c>
      <c r="BB9" s="160">
        <v>1614</v>
      </c>
      <c r="BC9" s="160">
        <v>1127</v>
      </c>
      <c r="BD9" s="163">
        <v>8021</v>
      </c>
      <c r="BE9" s="164">
        <v>8678</v>
      </c>
      <c r="BF9" s="159">
        <v>0</v>
      </c>
      <c r="BG9" s="160">
        <v>0</v>
      </c>
      <c r="BH9" s="165">
        <v>0</v>
      </c>
      <c r="BI9" s="162">
        <v>0</v>
      </c>
      <c r="BJ9" s="160">
        <v>1635</v>
      </c>
      <c r="BK9" s="160">
        <v>1953</v>
      </c>
      <c r="BL9" s="160">
        <v>1143</v>
      </c>
      <c r="BM9" s="160">
        <v>593</v>
      </c>
      <c r="BN9" s="160">
        <v>269</v>
      </c>
      <c r="BO9" s="165">
        <v>5593</v>
      </c>
      <c r="BP9" s="164">
        <v>5593</v>
      </c>
      <c r="BQ9" s="159">
        <v>92</v>
      </c>
      <c r="BR9" s="160">
        <v>172</v>
      </c>
      <c r="BS9" s="165">
        <v>264</v>
      </c>
      <c r="BT9" s="162">
        <v>0</v>
      </c>
      <c r="BU9" s="160">
        <v>150</v>
      </c>
      <c r="BV9" s="160">
        <v>395</v>
      </c>
      <c r="BW9" s="160">
        <v>237</v>
      </c>
      <c r="BX9" s="160">
        <v>128</v>
      </c>
      <c r="BY9" s="160">
        <v>47</v>
      </c>
      <c r="BZ9" s="165">
        <v>957</v>
      </c>
      <c r="CA9" s="164">
        <v>1221</v>
      </c>
      <c r="CB9" s="159">
        <v>6</v>
      </c>
      <c r="CC9" s="160">
        <v>23</v>
      </c>
      <c r="CD9" s="165">
        <v>29</v>
      </c>
      <c r="CE9" s="162">
        <v>0</v>
      </c>
      <c r="CF9" s="160">
        <v>140</v>
      </c>
      <c r="CG9" s="160">
        <v>265</v>
      </c>
      <c r="CH9" s="160">
        <v>363</v>
      </c>
      <c r="CI9" s="160">
        <v>274</v>
      </c>
      <c r="CJ9" s="160">
        <v>133</v>
      </c>
      <c r="CK9" s="165">
        <v>1175</v>
      </c>
      <c r="CL9" s="164">
        <v>1204</v>
      </c>
      <c r="CM9" s="159">
        <v>0</v>
      </c>
      <c r="CN9" s="160">
        <v>1</v>
      </c>
      <c r="CO9" s="165">
        <v>1</v>
      </c>
      <c r="CP9" s="162">
        <v>0</v>
      </c>
      <c r="CQ9" s="160">
        <v>3</v>
      </c>
      <c r="CR9" s="160">
        <v>8</v>
      </c>
      <c r="CS9" s="160">
        <v>9</v>
      </c>
      <c r="CT9" s="160">
        <v>9</v>
      </c>
      <c r="CU9" s="160">
        <v>7</v>
      </c>
      <c r="CV9" s="165">
        <v>36</v>
      </c>
      <c r="CW9" s="164">
        <v>37</v>
      </c>
      <c r="CX9" s="159">
        <v>0</v>
      </c>
      <c r="CY9" s="160">
        <v>0</v>
      </c>
      <c r="CZ9" s="165">
        <v>0</v>
      </c>
      <c r="DA9" s="162">
        <v>0</v>
      </c>
      <c r="DB9" s="160">
        <v>0</v>
      </c>
      <c r="DC9" s="160">
        <v>0</v>
      </c>
      <c r="DD9" s="160">
        <v>0</v>
      </c>
      <c r="DE9" s="160">
        <v>0</v>
      </c>
      <c r="DF9" s="160">
        <v>0</v>
      </c>
      <c r="DG9" s="165">
        <v>0</v>
      </c>
      <c r="DH9" s="164">
        <v>0</v>
      </c>
      <c r="DI9" s="159">
        <v>0</v>
      </c>
      <c r="DJ9" s="160">
        <v>0</v>
      </c>
      <c r="DK9" s="165">
        <v>0</v>
      </c>
      <c r="DL9" s="162">
        <v>0</v>
      </c>
      <c r="DM9" s="160">
        <v>0</v>
      </c>
      <c r="DN9" s="160">
        <v>0</v>
      </c>
      <c r="DO9" s="160">
        <v>0</v>
      </c>
      <c r="DP9" s="160">
        <v>0</v>
      </c>
      <c r="DQ9" s="160">
        <v>0</v>
      </c>
      <c r="DR9" s="165">
        <v>0</v>
      </c>
      <c r="DS9" s="164">
        <v>0</v>
      </c>
      <c r="DT9" s="159">
        <v>932</v>
      </c>
      <c r="DU9" s="160">
        <v>2537</v>
      </c>
      <c r="DV9" s="165">
        <v>3469</v>
      </c>
      <c r="DW9" s="162">
        <v>0</v>
      </c>
      <c r="DX9" s="160">
        <v>1976</v>
      </c>
      <c r="DY9" s="160">
        <v>4005</v>
      </c>
      <c r="DZ9" s="160">
        <v>2441</v>
      </c>
      <c r="EA9" s="160">
        <v>1745</v>
      </c>
      <c r="EB9" s="160">
        <v>974</v>
      </c>
      <c r="EC9" s="165">
        <v>11141</v>
      </c>
      <c r="ED9" s="164">
        <v>14610</v>
      </c>
      <c r="EE9" s="159">
        <v>120</v>
      </c>
      <c r="EF9" s="160">
        <v>116</v>
      </c>
      <c r="EG9" s="165">
        <v>236</v>
      </c>
      <c r="EH9" s="162">
        <v>0</v>
      </c>
      <c r="EI9" s="160">
        <v>335</v>
      </c>
      <c r="EJ9" s="160">
        <v>307</v>
      </c>
      <c r="EK9" s="160">
        <v>297</v>
      </c>
      <c r="EL9" s="160">
        <v>311</v>
      </c>
      <c r="EM9" s="160">
        <v>170</v>
      </c>
      <c r="EN9" s="165">
        <v>1420</v>
      </c>
      <c r="EO9" s="164">
        <v>1656</v>
      </c>
      <c r="EP9" s="159">
        <v>1076</v>
      </c>
      <c r="EQ9" s="160">
        <v>2805</v>
      </c>
      <c r="ER9" s="165">
        <v>3881</v>
      </c>
      <c r="ES9" s="162">
        <v>0</v>
      </c>
      <c r="ET9" s="160">
        <v>4035</v>
      </c>
      <c r="EU9" s="160">
        <v>5242</v>
      </c>
      <c r="EV9" s="160">
        <v>2906</v>
      </c>
      <c r="EW9" s="160">
        <v>1841</v>
      </c>
      <c r="EX9" s="160">
        <v>1012</v>
      </c>
      <c r="EY9" s="165">
        <v>15036</v>
      </c>
      <c r="EZ9" s="164">
        <v>18917</v>
      </c>
    </row>
    <row r="10" spans="2:156" ht="21" customHeight="1" x14ac:dyDescent="0.2">
      <c r="B10" s="166" t="s">
        <v>7</v>
      </c>
      <c r="C10" s="159">
        <v>0</v>
      </c>
      <c r="D10" s="160">
        <v>0</v>
      </c>
      <c r="E10" s="161">
        <v>0</v>
      </c>
      <c r="F10" s="162">
        <v>0</v>
      </c>
      <c r="G10" s="160">
        <v>1532</v>
      </c>
      <c r="H10" s="160">
        <v>1105</v>
      </c>
      <c r="I10" s="160">
        <v>618</v>
      </c>
      <c r="J10" s="160">
        <v>604</v>
      </c>
      <c r="K10" s="160">
        <v>397</v>
      </c>
      <c r="L10" s="163">
        <v>4256</v>
      </c>
      <c r="M10" s="164">
        <v>4256</v>
      </c>
      <c r="N10" s="159">
        <v>0</v>
      </c>
      <c r="O10" s="160">
        <v>0</v>
      </c>
      <c r="P10" s="165">
        <v>0</v>
      </c>
      <c r="Q10" s="162">
        <v>0</v>
      </c>
      <c r="R10" s="160">
        <v>13</v>
      </c>
      <c r="S10" s="160">
        <v>38</v>
      </c>
      <c r="T10" s="160">
        <v>42</v>
      </c>
      <c r="U10" s="160">
        <v>165</v>
      </c>
      <c r="V10" s="160">
        <v>205</v>
      </c>
      <c r="W10" s="165">
        <v>463</v>
      </c>
      <c r="X10" s="164">
        <v>463</v>
      </c>
      <c r="Y10" s="159">
        <v>27</v>
      </c>
      <c r="Z10" s="160">
        <v>45</v>
      </c>
      <c r="AA10" s="165">
        <v>72</v>
      </c>
      <c r="AB10" s="162">
        <v>0</v>
      </c>
      <c r="AC10" s="160">
        <v>624</v>
      </c>
      <c r="AD10" s="160">
        <v>551</v>
      </c>
      <c r="AE10" s="160">
        <v>340</v>
      </c>
      <c r="AF10" s="160">
        <v>365</v>
      </c>
      <c r="AG10" s="160">
        <v>328</v>
      </c>
      <c r="AH10" s="165">
        <v>2208</v>
      </c>
      <c r="AI10" s="164">
        <v>2280</v>
      </c>
      <c r="AJ10" s="159">
        <v>4</v>
      </c>
      <c r="AK10" s="160">
        <v>10</v>
      </c>
      <c r="AL10" s="165">
        <v>14</v>
      </c>
      <c r="AM10" s="162">
        <v>0</v>
      </c>
      <c r="AN10" s="160">
        <v>68</v>
      </c>
      <c r="AO10" s="160">
        <v>80</v>
      </c>
      <c r="AP10" s="160">
        <v>39</v>
      </c>
      <c r="AQ10" s="160">
        <v>55</v>
      </c>
      <c r="AR10" s="160">
        <v>29</v>
      </c>
      <c r="AS10" s="165">
        <v>271</v>
      </c>
      <c r="AT10" s="164">
        <v>285</v>
      </c>
      <c r="AU10" s="159">
        <v>169</v>
      </c>
      <c r="AV10" s="160">
        <v>120</v>
      </c>
      <c r="AW10" s="165">
        <v>289</v>
      </c>
      <c r="AX10" s="162">
        <v>0</v>
      </c>
      <c r="AY10" s="160">
        <v>1320</v>
      </c>
      <c r="AZ10" s="160">
        <v>1217</v>
      </c>
      <c r="BA10" s="160">
        <v>995</v>
      </c>
      <c r="BB10" s="160">
        <v>1068</v>
      </c>
      <c r="BC10" s="160">
        <v>721</v>
      </c>
      <c r="BD10" s="163">
        <v>5321</v>
      </c>
      <c r="BE10" s="164">
        <v>5610</v>
      </c>
      <c r="BF10" s="159">
        <v>0</v>
      </c>
      <c r="BG10" s="160">
        <v>0</v>
      </c>
      <c r="BH10" s="165">
        <v>0</v>
      </c>
      <c r="BI10" s="162">
        <v>0</v>
      </c>
      <c r="BJ10" s="160">
        <v>1812</v>
      </c>
      <c r="BK10" s="160">
        <v>1071</v>
      </c>
      <c r="BL10" s="160">
        <v>532</v>
      </c>
      <c r="BM10" s="160">
        <v>274</v>
      </c>
      <c r="BN10" s="160">
        <v>148</v>
      </c>
      <c r="BO10" s="165">
        <v>3837</v>
      </c>
      <c r="BP10" s="164">
        <v>3837</v>
      </c>
      <c r="BQ10" s="159">
        <v>41</v>
      </c>
      <c r="BR10" s="160">
        <v>71</v>
      </c>
      <c r="BS10" s="165">
        <v>112</v>
      </c>
      <c r="BT10" s="162">
        <v>0</v>
      </c>
      <c r="BU10" s="160">
        <v>295</v>
      </c>
      <c r="BV10" s="160">
        <v>220</v>
      </c>
      <c r="BW10" s="160">
        <v>120</v>
      </c>
      <c r="BX10" s="160">
        <v>78</v>
      </c>
      <c r="BY10" s="160">
        <v>32</v>
      </c>
      <c r="BZ10" s="165">
        <v>745</v>
      </c>
      <c r="CA10" s="164">
        <v>857</v>
      </c>
      <c r="CB10" s="159">
        <v>3</v>
      </c>
      <c r="CC10" s="160">
        <v>4</v>
      </c>
      <c r="CD10" s="165">
        <v>7</v>
      </c>
      <c r="CE10" s="162">
        <v>0</v>
      </c>
      <c r="CF10" s="160">
        <v>248</v>
      </c>
      <c r="CG10" s="160">
        <v>274</v>
      </c>
      <c r="CH10" s="160">
        <v>272</v>
      </c>
      <c r="CI10" s="160">
        <v>196</v>
      </c>
      <c r="CJ10" s="160">
        <v>118</v>
      </c>
      <c r="CK10" s="165">
        <v>1108</v>
      </c>
      <c r="CL10" s="164">
        <v>1115</v>
      </c>
      <c r="CM10" s="159">
        <v>0</v>
      </c>
      <c r="CN10" s="160">
        <v>0</v>
      </c>
      <c r="CO10" s="165">
        <v>0</v>
      </c>
      <c r="CP10" s="162">
        <v>0</v>
      </c>
      <c r="CQ10" s="160">
        <v>9</v>
      </c>
      <c r="CR10" s="160">
        <v>12</v>
      </c>
      <c r="CS10" s="160">
        <v>6</v>
      </c>
      <c r="CT10" s="160">
        <v>19</v>
      </c>
      <c r="CU10" s="160">
        <v>9</v>
      </c>
      <c r="CV10" s="165">
        <v>55</v>
      </c>
      <c r="CW10" s="164">
        <v>55</v>
      </c>
      <c r="CX10" s="159">
        <v>0</v>
      </c>
      <c r="CY10" s="160">
        <v>0</v>
      </c>
      <c r="CZ10" s="165">
        <v>0</v>
      </c>
      <c r="DA10" s="162">
        <v>0</v>
      </c>
      <c r="DB10" s="160">
        <v>0</v>
      </c>
      <c r="DC10" s="160">
        <v>0</v>
      </c>
      <c r="DD10" s="160">
        <v>0</v>
      </c>
      <c r="DE10" s="160">
        <v>0</v>
      </c>
      <c r="DF10" s="160">
        <v>0</v>
      </c>
      <c r="DG10" s="165">
        <v>0</v>
      </c>
      <c r="DH10" s="164">
        <v>0</v>
      </c>
      <c r="DI10" s="159">
        <v>0</v>
      </c>
      <c r="DJ10" s="160">
        <v>0</v>
      </c>
      <c r="DK10" s="165">
        <v>0</v>
      </c>
      <c r="DL10" s="162">
        <v>0</v>
      </c>
      <c r="DM10" s="160">
        <v>0</v>
      </c>
      <c r="DN10" s="160">
        <v>0</v>
      </c>
      <c r="DO10" s="160">
        <v>0</v>
      </c>
      <c r="DP10" s="160">
        <v>0</v>
      </c>
      <c r="DQ10" s="160">
        <v>0</v>
      </c>
      <c r="DR10" s="165">
        <v>0</v>
      </c>
      <c r="DS10" s="164">
        <v>0</v>
      </c>
      <c r="DT10" s="159">
        <v>456</v>
      </c>
      <c r="DU10" s="160">
        <v>838</v>
      </c>
      <c r="DV10" s="165">
        <v>1294</v>
      </c>
      <c r="DW10" s="162">
        <v>0</v>
      </c>
      <c r="DX10" s="160">
        <v>2249</v>
      </c>
      <c r="DY10" s="160">
        <v>2298</v>
      </c>
      <c r="DZ10" s="160">
        <v>1224</v>
      </c>
      <c r="EA10" s="160">
        <v>1022</v>
      </c>
      <c r="EB10" s="160">
        <v>645</v>
      </c>
      <c r="EC10" s="165">
        <v>7438</v>
      </c>
      <c r="ED10" s="164">
        <v>8732</v>
      </c>
      <c r="EE10" s="159">
        <v>104</v>
      </c>
      <c r="EF10" s="160">
        <v>48</v>
      </c>
      <c r="EG10" s="165">
        <v>152</v>
      </c>
      <c r="EH10" s="162">
        <v>0</v>
      </c>
      <c r="EI10" s="160">
        <v>462</v>
      </c>
      <c r="EJ10" s="160">
        <v>331</v>
      </c>
      <c r="EK10" s="160">
        <v>274</v>
      </c>
      <c r="EL10" s="160">
        <v>295</v>
      </c>
      <c r="EM10" s="160">
        <v>166</v>
      </c>
      <c r="EN10" s="165">
        <v>1528</v>
      </c>
      <c r="EO10" s="164">
        <v>1680</v>
      </c>
      <c r="EP10" s="159">
        <v>525</v>
      </c>
      <c r="EQ10" s="160">
        <v>920</v>
      </c>
      <c r="ER10" s="165">
        <v>1445</v>
      </c>
      <c r="ES10" s="162">
        <v>0</v>
      </c>
      <c r="ET10" s="160">
        <v>4686</v>
      </c>
      <c r="EU10" s="160">
        <v>3080</v>
      </c>
      <c r="EV10" s="160">
        <v>1509</v>
      </c>
      <c r="EW10" s="160">
        <v>1128</v>
      </c>
      <c r="EX10" s="160">
        <v>663</v>
      </c>
      <c r="EY10" s="165">
        <v>11066</v>
      </c>
      <c r="EZ10" s="164">
        <v>12511</v>
      </c>
    </row>
    <row r="11" spans="2:156" ht="21" customHeight="1" x14ac:dyDescent="0.2">
      <c r="B11" s="166" t="s">
        <v>8</v>
      </c>
      <c r="C11" s="159">
        <v>0</v>
      </c>
      <c r="D11" s="160">
        <v>0</v>
      </c>
      <c r="E11" s="161">
        <v>0</v>
      </c>
      <c r="F11" s="162">
        <v>0</v>
      </c>
      <c r="G11" s="160">
        <v>485</v>
      </c>
      <c r="H11" s="160">
        <v>653</v>
      </c>
      <c r="I11" s="160">
        <v>407</v>
      </c>
      <c r="J11" s="160">
        <v>307</v>
      </c>
      <c r="K11" s="160">
        <v>265</v>
      </c>
      <c r="L11" s="163">
        <v>2117</v>
      </c>
      <c r="M11" s="164">
        <v>2117</v>
      </c>
      <c r="N11" s="159">
        <v>0</v>
      </c>
      <c r="O11" s="160">
        <v>0</v>
      </c>
      <c r="P11" s="165">
        <v>0</v>
      </c>
      <c r="Q11" s="162">
        <v>0</v>
      </c>
      <c r="R11" s="160">
        <v>6</v>
      </c>
      <c r="S11" s="160">
        <v>13</v>
      </c>
      <c r="T11" s="160">
        <v>24</v>
      </c>
      <c r="U11" s="160">
        <v>47</v>
      </c>
      <c r="V11" s="160">
        <v>83</v>
      </c>
      <c r="W11" s="165">
        <v>173</v>
      </c>
      <c r="X11" s="164">
        <v>173</v>
      </c>
      <c r="Y11" s="159">
        <v>66</v>
      </c>
      <c r="Z11" s="160">
        <v>99</v>
      </c>
      <c r="AA11" s="165">
        <v>165</v>
      </c>
      <c r="AB11" s="162">
        <v>0</v>
      </c>
      <c r="AC11" s="160">
        <v>329</v>
      </c>
      <c r="AD11" s="160">
        <v>452</v>
      </c>
      <c r="AE11" s="160">
        <v>283</v>
      </c>
      <c r="AF11" s="160">
        <v>255</v>
      </c>
      <c r="AG11" s="160">
        <v>199</v>
      </c>
      <c r="AH11" s="165">
        <v>1518</v>
      </c>
      <c r="AI11" s="164">
        <v>1683</v>
      </c>
      <c r="AJ11" s="159">
        <v>11</v>
      </c>
      <c r="AK11" s="160">
        <v>22</v>
      </c>
      <c r="AL11" s="165">
        <v>33</v>
      </c>
      <c r="AM11" s="162">
        <v>0</v>
      </c>
      <c r="AN11" s="160">
        <v>74</v>
      </c>
      <c r="AO11" s="160">
        <v>98</v>
      </c>
      <c r="AP11" s="160">
        <v>50</v>
      </c>
      <c r="AQ11" s="160">
        <v>44</v>
      </c>
      <c r="AR11" s="160">
        <v>29</v>
      </c>
      <c r="AS11" s="165">
        <v>295</v>
      </c>
      <c r="AT11" s="164">
        <v>328</v>
      </c>
      <c r="AU11" s="159">
        <v>72</v>
      </c>
      <c r="AV11" s="160">
        <v>51</v>
      </c>
      <c r="AW11" s="165">
        <v>123</v>
      </c>
      <c r="AX11" s="162">
        <v>0</v>
      </c>
      <c r="AY11" s="160">
        <v>509</v>
      </c>
      <c r="AZ11" s="160">
        <v>623</v>
      </c>
      <c r="BA11" s="160">
        <v>593</v>
      </c>
      <c r="BB11" s="160">
        <v>547</v>
      </c>
      <c r="BC11" s="160">
        <v>456</v>
      </c>
      <c r="BD11" s="163">
        <v>2728</v>
      </c>
      <c r="BE11" s="164">
        <v>2851</v>
      </c>
      <c r="BF11" s="159">
        <v>0</v>
      </c>
      <c r="BG11" s="160">
        <v>0</v>
      </c>
      <c r="BH11" s="165">
        <v>0</v>
      </c>
      <c r="BI11" s="162">
        <v>0</v>
      </c>
      <c r="BJ11" s="160">
        <v>625</v>
      </c>
      <c r="BK11" s="160">
        <v>642</v>
      </c>
      <c r="BL11" s="160">
        <v>358</v>
      </c>
      <c r="BM11" s="160">
        <v>224</v>
      </c>
      <c r="BN11" s="160">
        <v>111</v>
      </c>
      <c r="BO11" s="165">
        <v>1960</v>
      </c>
      <c r="BP11" s="164">
        <v>1960</v>
      </c>
      <c r="BQ11" s="159">
        <v>72</v>
      </c>
      <c r="BR11" s="160">
        <v>65</v>
      </c>
      <c r="BS11" s="165">
        <v>137</v>
      </c>
      <c r="BT11" s="162">
        <v>0</v>
      </c>
      <c r="BU11" s="160">
        <v>160</v>
      </c>
      <c r="BV11" s="160">
        <v>163</v>
      </c>
      <c r="BW11" s="160">
        <v>107</v>
      </c>
      <c r="BX11" s="160">
        <v>66</v>
      </c>
      <c r="BY11" s="160">
        <v>19</v>
      </c>
      <c r="BZ11" s="165">
        <v>515</v>
      </c>
      <c r="CA11" s="164">
        <v>652</v>
      </c>
      <c r="CB11" s="159">
        <v>4</v>
      </c>
      <c r="CC11" s="160">
        <v>9</v>
      </c>
      <c r="CD11" s="165">
        <v>13</v>
      </c>
      <c r="CE11" s="162">
        <v>0</v>
      </c>
      <c r="CF11" s="160">
        <v>100</v>
      </c>
      <c r="CG11" s="160">
        <v>169</v>
      </c>
      <c r="CH11" s="160">
        <v>216</v>
      </c>
      <c r="CI11" s="160">
        <v>138</v>
      </c>
      <c r="CJ11" s="160">
        <v>63</v>
      </c>
      <c r="CK11" s="165">
        <v>686</v>
      </c>
      <c r="CL11" s="164">
        <v>699</v>
      </c>
      <c r="CM11" s="159">
        <v>0</v>
      </c>
      <c r="CN11" s="160">
        <v>0</v>
      </c>
      <c r="CO11" s="165">
        <v>0</v>
      </c>
      <c r="CP11" s="162">
        <v>0</v>
      </c>
      <c r="CQ11" s="160">
        <v>3</v>
      </c>
      <c r="CR11" s="160">
        <v>7</v>
      </c>
      <c r="CS11" s="160">
        <v>3</v>
      </c>
      <c r="CT11" s="160">
        <v>8</v>
      </c>
      <c r="CU11" s="160">
        <v>3</v>
      </c>
      <c r="CV11" s="165">
        <v>24</v>
      </c>
      <c r="CW11" s="164">
        <v>24</v>
      </c>
      <c r="CX11" s="159">
        <v>0</v>
      </c>
      <c r="CY11" s="160">
        <v>0</v>
      </c>
      <c r="CZ11" s="165">
        <v>0</v>
      </c>
      <c r="DA11" s="162">
        <v>0</v>
      </c>
      <c r="DB11" s="160">
        <v>0</v>
      </c>
      <c r="DC11" s="160">
        <v>0</v>
      </c>
      <c r="DD11" s="160">
        <v>0</v>
      </c>
      <c r="DE11" s="160">
        <v>0</v>
      </c>
      <c r="DF11" s="160">
        <v>0</v>
      </c>
      <c r="DG11" s="165">
        <v>0</v>
      </c>
      <c r="DH11" s="164">
        <v>0</v>
      </c>
      <c r="DI11" s="159">
        <v>0</v>
      </c>
      <c r="DJ11" s="160">
        <v>0</v>
      </c>
      <c r="DK11" s="165">
        <v>0</v>
      </c>
      <c r="DL11" s="162">
        <v>0</v>
      </c>
      <c r="DM11" s="160">
        <v>0</v>
      </c>
      <c r="DN11" s="160">
        <v>0</v>
      </c>
      <c r="DO11" s="160">
        <v>0</v>
      </c>
      <c r="DP11" s="160">
        <v>0</v>
      </c>
      <c r="DQ11" s="160">
        <v>0</v>
      </c>
      <c r="DR11" s="165">
        <v>0</v>
      </c>
      <c r="DS11" s="164">
        <v>0</v>
      </c>
      <c r="DT11" s="159">
        <v>494</v>
      </c>
      <c r="DU11" s="160">
        <v>632</v>
      </c>
      <c r="DV11" s="165">
        <v>1126</v>
      </c>
      <c r="DW11" s="162">
        <v>0</v>
      </c>
      <c r="DX11" s="160">
        <v>1076</v>
      </c>
      <c r="DY11" s="160">
        <v>1609</v>
      </c>
      <c r="DZ11" s="160">
        <v>900</v>
      </c>
      <c r="EA11" s="160">
        <v>645</v>
      </c>
      <c r="EB11" s="160">
        <v>400</v>
      </c>
      <c r="EC11" s="165">
        <v>4630</v>
      </c>
      <c r="ED11" s="164">
        <v>5756</v>
      </c>
      <c r="EE11" s="159">
        <v>50</v>
      </c>
      <c r="EF11" s="160">
        <v>18</v>
      </c>
      <c r="EG11" s="165">
        <v>68</v>
      </c>
      <c r="EH11" s="162">
        <v>0</v>
      </c>
      <c r="EI11" s="160">
        <v>152</v>
      </c>
      <c r="EJ11" s="160">
        <v>130</v>
      </c>
      <c r="EK11" s="160">
        <v>109</v>
      </c>
      <c r="EL11" s="160">
        <v>132</v>
      </c>
      <c r="EM11" s="160">
        <v>75</v>
      </c>
      <c r="EN11" s="165">
        <v>598</v>
      </c>
      <c r="EO11" s="164">
        <v>666</v>
      </c>
      <c r="EP11" s="159">
        <v>594</v>
      </c>
      <c r="EQ11" s="160">
        <v>708</v>
      </c>
      <c r="ER11" s="165">
        <v>1302</v>
      </c>
      <c r="ES11" s="162">
        <v>0</v>
      </c>
      <c r="ET11" s="160">
        <v>1982</v>
      </c>
      <c r="EU11" s="160">
        <v>1998</v>
      </c>
      <c r="EV11" s="160">
        <v>1041</v>
      </c>
      <c r="EW11" s="160">
        <v>697</v>
      </c>
      <c r="EX11" s="160">
        <v>429</v>
      </c>
      <c r="EY11" s="165">
        <v>6147</v>
      </c>
      <c r="EZ11" s="164">
        <v>7449</v>
      </c>
    </row>
    <row r="12" spans="2:156" ht="21" customHeight="1" x14ac:dyDescent="0.2">
      <c r="B12" s="166" t="s">
        <v>9</v>
      </c>
      <c r="C12" s="159">
        <v>0</v>
      </c>
      <c r="D12" s="160">
        <v>0</v>
      </c>
      <c r="E12" s="161">
        <v>0</v>
      </c>
      <c r="F12" s="162">
        <v>0</v>
      </c>
      <c r="G12" s="160">
        <v>661</v>
      </c>
      <c r="H12" s="160">
        <v>536</v>
      </c>
      <c r="I12" s="160">
        <v>388</v>
      </c>
      <c r="J12" s="160">
        <v>360</v>
      </c>
      <c r="K12" s="160">
        <v>253</v>
      </c>
      <c r="L12" s="163">
        <v>2198</v>
      </c>
      <c r="M12" s="164">
        <v>2198</v>
      </c>
      <c r="N12" s="159">
        <v>0</v>
      </c>
      <c r="O12" s="160">
        <v>0</v>
      </c>
      <c r="P12" s="165">
        <v>0</v>
      </c>
      <c r="Q12" s="162">
        <v>0</v>
      </c>
      <c r="R12" s="160">
        <v>1</v>
      </c>
      <c r="S12" s="160">
        <v>12</v>
      </c>
      <c r="T12" s="160">
        <v>18</v>
      </c>
      <c r="U12" s="160">
        <v>57</v>
      </c>
      <c r="V12" s="160">
        <v>98</v>
      </c>
      <c r="W12" s="165">
        <v>186</v>
      </c>
      <c r="X12" s="164">
        <v>186</v>
      </c>
      <c r="Y12" s="159">
        <v>70</v>
      </c>
      <c r="Z12" s="160">
        <v>101</v>
      </c>
      <c r="AA12" s="165">
        <v>171</v>
      </c>
      <c r="AB12" s="162">
        <v>0</v>
      </c>
      <c r="AC12" s="160">
        <v>397</v>
      </c>
      <c r="AD12" s="160">
        <v>373</v>
      </c>
      <c r="AE12" s="160">
        <v>266</v>
      </c>
      <c r="AF12" s="160">
        <v>264</v>
      </c>
      <c r="AG12" s="160">
        <v>222</v>
      </c>
      <c r="AH12" s="165">
        <v>1522</v>
      </c>
      <c r="AI12" s="164">
        <v>1693</v>
      </c>
      <c r="AJ12" s="159">
        <v>3</v>
      </c>
      <c r="AK12" s="160">
        <v>11</v>
      </c>
      <c r="AL12" s="165">
        <v>14</v>
      </c>
      <c r="AM12" s="162">
        <v>0</v>
      </c>
      <c r="AN12" s="160">
        <v>39</v>
      </c>
      <c r="AO12" s="160">
        <v>43</v>
      </c>
      <c r="AP12" s="160">
        <v>27</v>
      </c>
      <c r="AQ12" s="160">
        <v>38</v>
      </c>
      <c r="AR12" s="160">
        <v>29</v>
      </c>
      <c r="AS12" s="165">
        <v>176</v>
      </c>
      <c r="AT12" s="164">
        <v>190</v>
      </c>
      <c r="AU12" s="159">
        <v>98</v>
      </c>
      <c r="AV12" s="160">
        <v>68</v>
      </c>
      <c r="AW12" s="165">
        <v>166</v>
      </c>
      <c r="AX12" s="162">
        <v>0</v>
      </c>
      <c r="AY12" s="160">
        <v>564</v>
      </c>
      <c r="AZ12" s="160">
        <v>633</v>
      </c>
      <c r="BA12" s="160">
        <v>598</v>
      </c>
      <c r="BB12" s="160">
        <v>621</v>
      </c>
      <c r="BC12" s="160">
        <v>448</v>
      </c>
      <c r="BD12" s="163">
        <v>2864</v>
      </c>
      <c r="BE12" s="164">
        <v>3030</v>
      </c>
      <c r="BF12" s="159">
        <v>0</v>
      </c>
      <c r="BG12" s="160">
        <v>0</v>
      </c>
      <c r="BH12" s="165">
        <v>0</v>
      </c>
      <c r="BI12" s="162">
        <v>0</v>
      </c>
      <c r="BJ12" s="160">
        <v>605</v>
      </c>
      <c r="BK12" s="160">
        <v>425</v>
      </c>
      <c r="BL12" s="160">
        <v>268</v>
      </c>
      <c r="BM12" s="160">
        <v>157</v>
      </c>
      <c r="BN12" s="160">
        <v>69</v>
      </c>
      <c r="BO12" s="165">
        <v>1524</v>
      </c>
      <c r="BP12" s="164">
        <v>1524</v>
      </c>
      <c r="BQ12" s="159">
        <v>51</v>
      </c>
      <c r="BR12" s="160">
        <v>79</v>
      </c>
      <c r="BS12" s="165">
        <v>130</v>
      </c>
      <c r="BT12" s="162">
        <v>0</v>
      </c>
      <c r="BU12" s="160">
        <v>164</v>
      </c>
      <c r="BV12" s="160">
        <v>127</v>
      </c>
      <c r="BW12" s="160">
        <v>89</v>
      </c>
      <c r="BX12" s="160">
        <v>88</v>
      </c>
      <c r="BY12" s="160">
        <v>28</v>
      </c>
      <c r="BZ12" s="165">
        <v>496</v>
      </c>
      <c r="CA12" s="164">
        <v>626</v>
      </c>
      <c r="CB12" s="159">
        <v>0</v>
      </c>
      <c r="CC12" s="160">
        <v>6</v>
      </c>
      <c r="CD12" s="165">
        <v>6</v>
      </c>
      <c r="CE12" s="162">
        <v>0</v>
      </c>
      <c r="CF12" s="160">
        <v>74</v>
      </c>
      <c r="CG12" s="160">
        <v>99</v>
      </c>
      <c r="CH12" s="160">
        <v>124</v>
      </c>
      <c r="CI12" s="160">
        <v>97</v>
      </c>
      <c r="CJ12" s="160">
        <v>58</v>
      </c>
      <c r="CK12" s="165">
        <v>452</v>
      </c>
      <c r="CL12" s="164">
        <v>458</v>
      </c>
      <c r="CM12" s="159">
        <v>0</v>
      </c>
      <c r="CN12" s="160">
        <v>0</v>
      </c>
      <c r="CO12" s="165">
        <v>0</v>
      </c>
      <c r="CP12" s="162">
        <v>0</v>
      </c>
      <c r="CQ12" s="160">
        <v>10</v>
      </c>
      <c r="CR12" s="160">
        <v>10</v>
      </c>
      <c r="CS12" s="160">
        <v>23</v>
      </c>
      <c r="CT12" s="160">
        <v>17</v>
      </c>
      <c r="CU12" s="160">
        <v>16</v>
      </c>
      <c r="CV12" s="165">
        <v>76</v>
      </c>
      <c r="CW12" s="164">
        <v>76</v>
      </c>
      <c r="CX12" s="159">
        <v>0</v>
      </c>
      <c r="CY12" s="160">
        <v>0</v>
      </c>
      <c r="CZ12" s="165">
        <v>0</v>
      </c>
      <c r="DA12" s="162">
        <v>0</v>
      </c>
      <c r="DB12" s="160">
        <v>0</v>
      </c>
      <c r="DC12" s="160">
        <v>0</v>
      </c>
      <c r="DD12" s="160">
        <v>0</v>
      </c>
      <c r="DE12" s="160">
        <v>0</v>
      </c>
      <c r="DF12" s="160">
        <v>0</v>
      </c>
      <c r="DG12" s="165">
        <v>0</v>
      </c>
      <c r="DH12" s="164">
        <v>0</v>
      </c>
      <c r="DI12" s="159">
        <v>0</v>
      </c>
      <c r="DJ12" s="160">
        <v>0</v>
      </c>
      <c r="DK12" s="165">
        <v>0</v>
      </c>
      <c r="DL12" s="162">
        <v>0</v>
      </c>
      <c r="DM12" s="160">
        <v>0</v>
      </c>
      <c r="DN12" s="160">
        <v>0</v>
      </c>
      <c r="DO12" s="160">
        <v>0</v>
      </c>
      <c r="DP12" s="160">
        <v>0</v>
      </c>
      <c r="DQ12" s="160">
        <v>0</v>
      </c>
      <c r="DR12" s="165">
        <v>0</v>
      </c>
      <c r="DS12" s="164">
        <v>0</v>
      </c>
      <c r="DT12" s="159">
        <v>374</v>
      </c>
      <c r="DU12" s="160">
        <v>482</v>
      </c>
      <c r="DV12" s="165">
        <v>856</v>
      </c>
      <c r="DW12" s="162">
        <v>0</v>
      </c>
      <c r="DX12" s="160">
        <v>947</v>
      </c>
      <c r="DY12" s="160">
        <v>1012</v>
      </c>
      <c r="DZ12" s="160">
        <v>680</v>
      </c>
      <c r="EA12" s="160">
        <v>583</v>
      </c>
      <c r="EB12" s="160">
        <v>393</v>
      </c>
      <c r="EC12" s="165">
        <v>3615</v>
      </c>
      <c r="ED12" s="164">
        <v>4471</v>
      </c>
      <c r="EE12" s="159">
        <v>65</v>
      </c>
      <c r="EF12" s="160">
        <v>18</v>
      </c>
      <c r="EG12" s="165">
        <v>83</v>
      </c>
      <c r="EH12" s="162">
        <v>0</v>
      </c>
      <c r="EI12" s="160">
        <v>214</v>
      </c>
      <c r="EJ12" s="160">
        <v>171</v>
      </c>
      <c r="EK12" s="160">
        <v>162</v>
      </c>
      <c r="EL12" s="160">
        <v>174</v>
      </c>
      <c r="EM12" s="160">
        <v>120</v>
      </c>
      <c r="EN12" s="165">
        <v>841</v>
      </c>
      <c r="EO12" s="164">
        <v>924</v>
      </c>
      <c r="EP12" s="159">
        <v>455</v>
      </c>
      <c r="EQ12" s="160">
        <v>564</v>
      </c>
      <c r="ER12" s="165">
        <v>1019</v>
      </c>
      <c r="ES12" s="162">
        <v>0</v>
      </c>
      <c r="ET12" s="160">
        <v>1774</v>
      </c>
      <c r="EU12" s="160">
        <v>1313</v>
      </c>
      <c r="EV12" s="160">
        <v>788</v>
      </c>
      <c r="EW12" s="160">
        <v>629</v>
      </c>
      <c r="EX12" s="160">
        <v>383</v>
      </c>
      <c r="EY12" s="165">
        <v>4887</v>
      </c>
      <c r="EZ12" s="164">
        <v>5906</v>
      </c>
    </row>
    <row r="13" spans="2:156" ht="21" customHeight="1" x14ac:dyDescent="0.2">
      <c r="B13" s="166" t="s">
        <v>10</v>
      </c>
      <c r="C13" s="159">
        <v>0</v>
      </c>
      <c r="D13" s="160">
        <v>0</v>
      </c>
      <c r="E13" s="161">
        <v>0</v>
      </c>
      <c r="F13" s="162">
        <v>0</v>
      </c>
      <c r="G13" s="160">
        <v>1373</v>
      </c>
      <c r="H13" s="160">
        <v>792</v>
      </c>
      <c r="I13" s="160">
        <v>528</v>
      </c>
      <c r="J13" s="160">
        <v>494</v>
      </c>
      <c r="K13" s="160">
        <v>369</v>
      </c>
      <c r="L13" s="163">
        <v>3556</v>
      </c>
      <c r="M13" s="164">
        <v>3556</v>
      </c>
      <c r="N13" s="159">
        <v>0</v>
      </c>
      <c r="O13" s="160">
        <v>0</v>
      </c>
      <c r="P13" s="165">
        <v>0</v>
      </c>
      <c r="Q13" s="162">
        <v>0</v>
      </c>
      <c r="R13" s="160">
        <v>6</v>
      </c>
      <c r="S13" s="160">
        <v>31</v>
      </c>
      <c r="T13" s="160">
        <v>43</v>
      </c>
      <c r="U13" s="160">
        <v>83</v>
      </c>
      <c r="V13" s="160">
        <v>166</v>
      </c>
      <c r="W13" s="165">
        <v>329</v>
      </c>
      <c r="X13" s="164">
        <v>329</v>
      </c>
      <c r="Y13" s="159">
        <v>178</v>
      </c>
      <c r="Z13" s="160">
        <v>300</v>
      </c>
      <c r="AA13" s="165">
        <v>478</v>
      </c>
      <c r="AB13" s="162">
        <v>0</v>
      </c>
      <c r="AC13" s="160">
        <v>876</v>
      </c>
      <c r="AD13" s="160">
        <v>587</v>
      </c>
      <c r="AE13" s="160">
        <v>368</v>
      </c>
      <c r="AF13" s="160">
        <v>341</v>
      </c>
      <c r="AG13" s="160">
        <v>285</v>
      </c>
      <c r="AH13" s="165">
        <v>2457</v>
      </c>
      <c r="AI13" s="164">
        <v>2935</v>
      </c>
      <c r="AJ13" s="159">
        <v>24</v>
      </c>
      <c r="AK13" s="160">
        <v>48</v>
      </c>
      <c r="AL13" s="165">
        <v>72</v>
      </c>
      <c r="AM13" s="162">
        <v>0</v>
      </c>
      <c r="AN13" s="160">
        <v>114</v>
      </c>
      <c r="AO13" s="160">
        <v>93</v>
      </c>
      <c r="AP13" s="160">
        <v>62</v>
      </c>
      <c r="AQ13" s="160">
        <v>39</v>
      </c>
      <c r="AR13" s="160">
        <v>51</v>
      </c>
      <c r="AS13" s="165">
        <v>359</v>
      </c>
      <c r="AT13" s="164">
        <v>431</v>
      </c>
      <c r="AU13" s="159">
        <v>214</v>
      </c>
      <c r="AV13" s="160">
        <v>289</v>
      </c>
      <c r="AW13" s="165">
        <v>503</v>
      </c>
      <c r="AX13" s="162">
        <v>0</v>
      </c>
      <c r="AY13" s="160">
        <v>1387</v>
      </c>
      <c r="AZ13" s="160">
        <v>1162</v>
      </c>
      <c r="BA13" s="160">
        <v>1031</v>
      </c>
      <c r="BB13" s="160">
        <v>1014</v>
      </c>
      <c r="BC13" s="160">
        <v>778</v>
      </c>
      <c r="BD13" s="163">
        <v>5372</v>
      </c>
      <c r="BE13" s="164">
        <v>5875</v>
      </c>
      <c r="BF13" s="159">
        <v>0</v>
      </c>
      <c r="BG13" s="160">
        <v>0</v>
      </c>
      <c r="BH13" s="165">
        <v>0</v>
      </c>
      <c r="BI13" s="162">
        <v>0</v>
      </c>
      <c r="BJ13" s="160">
        <v>1760</v>
      </c>
      <c r="BK13" s="160">
        <v>879</v>
      </c>
      <c r="BL13" s="160">
        <v>453</v>
      </c>
      <c r="BM13" s="160">
        <v>295</v>
      </c>
      <c r="BN13" s="160">
        <v>137</v>
      </c>
      <c r="BO13" s="165">
        <v>3524</v>
      </c>
      <c r="BP13" s="164">
        <v>3524</v>
      </c>
      <c r="BQ13" s="159">
        <v>46</v>
      </c>
      <c r="BR13" s="160">
        <v>81</v>
      </c>
      <c r="BS13" s="165">
        <v>127</v>
      </c>
      <c r="BT13" s="162">
        <v>0</v>
      </c>
      <c r="BU13" s="160">
        <v>242</v>
      </c>
      <c r="BV13" s="160">
        <v>202</v>
      </c>
      <c r="BW13" s="160">
        <v>113</v>
      </c>
      <c r="BX13" s="160">
        <v>58</v>
      </c>
      <c r="BY13" s="160">
        <v>36</v>
      </c>
      <c r="BZ13" s="165">
        <v>651</v>
      </c>
      <c r="CA13" s="164">
        <v>778</v>
      </c>
      <c r="CB13" s="159">
        <v>7</v>
      </c>
      <c r="CC13" s="160">
        <v>22</v>
      </c>
      <c r="CD13" s="165">
        <v>29</v>
      </c>
      <c r="CE13" s="162">
        <v>0</v>
      </c>
      <c r="CF13" s="160">
        <v>212</v>
      </c>
      <c r="CG13" s="160">
        <v>173</v>
      </c>
      <c r="CH13" s="160">
        <v>185</v>
      </c>
      <c r="CI13" s="160">
        <v>142</v>
      </c>
      <c r="CJ13" s="160">
        <v>87</v>
      </c>
      <c r="CK13" s="165">
        <v>799</v>
      </c>
      <c r="CL13" s="164">
        <v>828</v>
      </c>
      <c r="CM13" s="159">
        <v>2</v>
      </c>
      <c r="CN13" s="160">
        <v>0</v>
      </c>
      <c r="CO13" s="165">
        <v>2</v>
      </c>
      <c r="CP13" s="162">
        <v>0</v>
      </c>
      <c r="CQ13" s="160">
        <v>5</v>
      </c>
      <c r="CR13" s="160">
        <v>12</v>
      </c>
      <c r="CS13" s="160">
        <v>23</v>
      </c>
      <c r="CT13" s="160">
        <v>13</v>
      </c>
      <c r="CU13" s="160">
        <v>13</v>
      </c>
      <c r="CV13" s="165">
        <v>66</v>
      </c>
      <c r="CW13" s="164">
        <v>68</v>
      </c>
      <c r="CX13" s="159">
        <v>0</v>
      </c>
      <c r="CY13" s="160">
        <v>0</v>
      </c>
      <c r="CZ13" s="165">
        <v>0</v>
      </c>
      <c r="DA13" s="162">
        <v>0</v>
      </c>
      <c r="DB13" s="160">
        <v>0</v>
      </c>
      <c r="DC13" s="160">
        <v>0</v>
      </c>
      <c r="DD13" s="160">
        <v>0</v>
      </c>
      <c r="DE13" s="160">
        <v>0</v>
      </c>
      <c r="DF13" s="160">
        <v>0</v>
      </c>
      <c r="DG13" s="165">
        <v>0</v>
      </c>
      <c r="DH13" s="164">
        <v>0</v>
      </c>
      <c r="DI13" s="159">
        <v>0</v>
      </c>
      <c r="DJ13" s="160">
        <v>0</v>
      </c>
      <c r="DK13" s="165">
        <v>0</v>
      </c>
      <c r="DL13" s="162">
        <v>0</v>
      </c>
      <c r="DM13" s="160">
        <v>0</v>
      </c>
      <c r="DN13" s="160">
        <v>0</v>
      </c>
      <c r="DO13" s="160">
        <v>0</v>
      </c>
      <c r="DP13" s="160">
        <v>0</v>
      </c>
      <c r="DQ13" s="160">
        <v>0</v>
      </c>
      <c r="DR13" s="165">
        <v>0</v>
      </c>
      <c r="DS13" s="164">
        <v>0</v>
      </c>
      <c r="DT13" s="159">
        <v>1027</v>
      </c>
      <c r="DU13" s="160">
        <v>1328</v>
      </c>
      <c r="DV13" s="165">
        <v>2355</v>
      </c>
      <c r="DW13" s="162">
        <v>0</v>
      </c>
      <c r="DX13" s="160">
        <v>2121</v>
      </c>
      <c r="DY13" s="160">
        <v>1665</v>
      </c>
      <c r="DZ13" s="160">
        <v>1042</v>
      </c>
      <c r="EA13" s="160">
        <v>905</v>
      </c>
      <c r="EB13" s="160">
        <v>601</v>
      </c>
      <c r="EC13" s="165">
        <v>6334</v>
      </c>
      <c r="ED13" s="164">
        <v>8689</v>
      </c>
      <c r="EE13" s="159">
        <v>71</v>
      </c>
      <c r="EF13" s="160">
        <v>66</v>
      </c>
      <c r="EG13" s="165">
        <v>137</v>
      </c>
      <c r="EH13" s="162">
        <v>0</v>
      </c>
      <c r="EI13" s="160">
        <v>308</v>
      </c>
      <c r="EJ13" s="160">
        <v>263</v>
      </c>
      <c r="EK13" s="160">
        <v>227</v>
      </c>
      <c r="EL13" s="160">
        <v>242</v>
      </c>
      <c r="EM13" s="160">
        <v>145</v>
      </c>
      <c r="EN13" s="165">
        <v>1185</v>
      </c>
      <c r="EO13" s="164">
        <v>1322</v>
      </c>
      <c r="EP13" s="159">
        <v>1212</v>
      </c>
      <c r="EQ13" s="160">
        <v>1518</v>
      </c>
      <c r="ER13" s="165">
        <v>2730</v>
      </c>
      <c r="ES13" s="162">
        <v>0</v>
      </c>
      <c r="ET13" s="160">
        <v>3734</v>
      </c>
      <c r="EU13" s="160">
        <v>2032</v>
      </c>
      <c r="EV13" s="160">
        <v>1142</v>
      </c>
      <c r="EW13" s="160">
        <v>887</v>
      </c>
      <c r="EX13" s="160">
        <v>571</v>
      </c>
      <c r="EY13" s="165">
        <v>8366</v>
      </c>
      <c r="EZ13" s="164">
        <v>11096</v>
      </c>
    </row>
    <row r="14" spans="2:156" ht="21" customHeight="1" x14ac:dyDescent="0.2">
      <c r="B14" s="166" t="s">
        <v>11</v>
      </c>
      <c r="C14" s="159">
        <v>0</v>
      </c>
      <c r="D14" s="160">
        <v>0</v>
      </c>
      <c r="E14" s="161">
        <v>0</v>
      </c>
      <c r="F14" s="162">
        <v>0</v>
      </c>
      <c r="G14" s="160">
        <v>516</v>
      </c>
      <c r="H14" s="160">
        <v>380</v>
      </c>
      <c r="I14" s="160">
        <v>264</v>
      </c>
      <c r="J14" s="160">
        <v>236</v>
      </c>
      <c r="K14" s="160">
        <v>187</v>
      </c>
      <c r="L14" s="163">
        <v>1583</v>
      </c>
      <c r="M14" s="164">
        <v>1583</v>
      </c>
      <c r="N14" s="159">
        <v>0</v>
      </c>
      <c r="O14" s="160">
        <v>0</v>
      </c>
      <c r="P14" s="165">
        <v>0</v>
      </c>
      <c r="Q14" s="162">
        <v>0</v>
      </c>
      <c r="R14" s="160">
        <v>3</v>
      </c>
      <c r="S14" s="160">
        <v>9</v>
      </c>
      <c r="T14" s="160">
        <v>20</v>
      </c>
      <c r="U14" s="160">
        <v>51</v>
      </c>
      <c r="V14" s="160">
        <v>75</v>
      </c>
      <c r="W14" s="165">
        <v>158</v>
      </c>
      <c r="X14" s="164">
        <v>158</v>
      </c>
      <c r="Y14" s="159">
        <v>49</v>
      </c>
      <c r="Z14" s="160">
        <v>74</v>
      </c>
      <c r="AA14" s="165">
        <v>123</v>
      </c>
      <c r="AB14" s="162">
        <v>0</v>
      </c>
      <c r="AC14" s="160">
        <v>353</v>
      </c>
      <c r="AD14" s="160">
        <v>256</v>
      </c>
      <c r="AE14" s="160">
        <v>216</v>
      </c>
      <c r="AF14" s="160">
        <v>207</v>
      </c>
      <c r="AG14" s="160">
        <v>165</v>
      </c>
      <c r="AH14" s="165">
        <v>1197</v>
      </c>
      <c r="AI14" s="164">
        <v>1320</v>
      </c>
      <c r="AJ14" s="159">
        <v>2</v>
      </c>
      <c r="AK14" s="160">
        <v>9</v>
      </c>
      <c r="AL14" s="165">
        <v>11</v>
      </c>
      <c r="AM14" s="162">
        <v>0</v>
      </c>
      <c r="AN14" s="160">
        <v>27</v>
      </c>
      <c r="AO14" s="160">
        <v>20</v>
      </c>
      <c r="AP14" s="160">
        <v>22</v>
      </c>
      <c r="AQ14" s="160">
        <v>17</v>
      </c>
      <c r="AR14" s="160">
        <v>8</v>
      </c>
      <c r="AS14" s="165">
        <v>94</v>
      </c>
      <c r="AT14" s="164">
        <v>105</v>
      </c>
      <c r="AU14" s="159">
        <v>49</v>
      </c>
      <c r="AV14" s="160">
        <v>55</v>
      </c>
      <c r="AW14" s="165">
        <v>104</v>
      </c>
      <c r="AX14" s="162">
        <v>0</v>
      </c>
      <c r="AY14" s="160">
        <v>459</v>
      </c>
      <c r="AZ14" s="160">
        <v>508</v>
      </c>
      <c r="BA14" s="160">
        <v>458</v>
      </c>
      <c r="BB14" s="160">
        <v>462</v>
      </c>
      <c r="BC14" s="160">
        <v>327</v>
      </c>
      <c r="BD14" s="163">
        <v>2214</v>
      </c>
      <c r="BE14" s="164">
        <v>2318</v>
      </c>
      <c r="BF14" s="159">
        <v>0</v>
      </c>
      <c r="BG14" s="160">
        <v>0</v>
      </c>
      <c r="BH14" s="165">
        <v>0</v>
      </c>
      <c r="BI14" s="162">
        <v>0</v>
      </c>
      <c r="BJ14" s="160">
        <v>673</v>
      </c>
      <c r="BK14" s="160">
        <v>423</v>
      </c>
      <c r="BL14" s="160">
        <v>266</v>
      </c>
      <c r="BM14" s="160">
        <v>177</v>
      </c>
      <c r="BN14" s="160">
        <v>84</v>
      </c>
      <c r="BO14" s="165">
        <v>1623</v>
      </c>
      <c r="BP14" s="164">
        <v>1623</v>
      </c>
      <c r="BQ14" s="159">
        <v>120</v>
      </c>
      <c r="BR14" s="160">
        <v>85</v>
      </c>
      <c r="BS14" s="165">
        <v>205</v>
      </c>
      <c r="BT14" s="162">
        <v>0</v>
      </c>
      <c r="BU14" s="160">
        <v>247</v>
      </c>
      <c r="BV14" s="160">
        <v>154</v>
      </c>
      <c r="BW14" s="160">
        <v>86</v>
      </c>
      <c r="BX14" s="160">
        <v>72</v>
      </c>
      <c r="BY14" s="160">
        <v>25</v>
      </c>
      <c r="BZ14" s="165">
        <v>584</v>
      </c>
      <c r="CA14" s="164">
        <v>789</v>
      </c>
      <c r="CB14" s="159">
        <v>7</v>
      </c>
      <c r="CC14" s="160">
        <v>12</v>
      </c>
      <c r="CD14" s="165">
        <v>19</v>
      </c>
      <c r="CE14" s="162">
        <v>0</v>
      </c>
      <c r="CF14" s="160">
        <v>77</v>
      </c>
      <c r="CG14" s="160">
        <v>91</v>
      </c>
      <c r="CH14" s="160">
        <v>103</v>
      </c>
      <c r="CI14" s="160">
        <v>82</v>
      </c>
      <c r="CJ14" s="160">
        <v>42</v>
      </c>
      <c r="CK14" s="165">
        <v>395</v>
      </c>
      <c r="CL14" s="164">
        <v>414</v>
      </c>
      <c r="CM14" s="159">
        <v>0</v>
      </c>
      <c r="CN14" s="160">
        <v>1</v>
      </c>
      <c r="CO14" s="165">
        <v>1</v>
      </c>
      <c r="CP14" s="162">
        <v>0</v>
      </c>
      <c r="CQ14" s="160">
        <v>7</v>
      </c>
      <c r="CR14" s="160">
        <v>3</v>
      </c>
      <c r="CS14" s="160">
        <v>7</v>
      </c>
      <c r="CT14" s="160">
        <v>7</v>
      </c>
      <c r="CU14" s="160">
        <v>11</v>
      </c>
      <c r="CV14" s="165">
        <v>35</v>
      </c>
      <c r="CW14" s="164">
        <v>36</v>
      </c>
      <c r="CX14" s="159">
        <v>0</v>
      </c>
      <c r="CY14" s="160">
        <v>0</v>
      </c>
      <c r="CZ14" s="165">
        <v>0</v>
      </c>
      <c r="DA14" s="162">
        <v>0</v>
      </c>
      <c r="DB14" s="160">
        <v>0</v>
      </c>
      <c r="DC14" s="160">
        <v>0</v>
      </c>
      <c r="DD14" s="160">
        <v>0</v>
      </c>
      <c r="DE14" s="160">
        <v>0</v>
      </c>
      <c r="DF14" s="160">
        <v>0</v>
      </c>
      <c r="DG14" s="165">
        <v>0</v>
      </c>
      <c r="DH14" s="164">
        <v>0</v>
      </c>
      <c r="DI14" s="159">
        <v>0</v>
      </c>
      <c r="DJ14" s="160">
        <v>0</v>
      </c>
      <c r="DK14" s="165">
        <v>0</v>
      </c>
      <c r="DL14" s="162">
        <v>0</v>
      </c>
      <c r="DM14" s="160">
        <v>0</v>
      </c>
      <c r="DN14" s="160">
        <v>0</v>
      </c>
      <c r="DO14" s="160">
        <v>0</v>
      </c>
      <c r="DP14" s="160">
        <v>0</v>
      </c>
      <c r="DQ14" s="160">
        <v>0</v>
      </c>
      <c r="DR14" s="165">
        <v>0</v>
      </c>
      <c r="DS14" s="164">
        <v>0</v>
      </c>
      <c r="DT14" s="159">
        <v>406</v>
      </c>
      <c r="DU14" s="160">
        <v>518</v>
      </c>
      <c r="DV14" s="165">
        <v>924</v>
      </c>
      <c r="DW14" s="162">
        <v>0</v>
      </c>
      <c r="DX14" s="160">
        <v>996</v>
      </c>
      <c r="DY14" s="160">
        <v>891</v>
      </c>
      <c r="DZ14" s="160">
        <v>649</v>
      </c>
      <c r="EA14" s="160">
        <v>509</v>
      </c>
      <c r="EB14" s="160">
        <v>304</v>
      </c>
      <c r="EC14" s="165">
        <v>3349</v>
      </c>
      <c r="ED14" s="164">
        <v>4273</v>
      </c>
      <c r="EE14" s="159">
        <v>38</v>
      </c>
      <c r="EF14" s="160">
        <v>27</v>
      </c>
      <c r="EG14" s="165">
        <v>65</v>
      </c>
      <c r="EH14" s="162">
        <v>0</v>
      </c>
      <c r="EI14" s="160">
        <v>183</v>
      </c>
      <c r="EJ14" s="160">
        <v>157</v>
      </c>
      <c r="EK14" s="160">
        <v>108</v>
      </c>
      <c r="EL14" s="160">
        <v>167</v>
      </c>
      <c r="EM14" s="160">
        <v>79</v>
      </c>
      <c r="EN14" s="165">
        <v>694</v>
      </c>
      <c r="EO14" s="164">
        <v>759</v>
      </c>
      <c r="EP14" s="159">
        <v>511</v>
      </c>
      <c r="EQ14" s="160">
        <v>605</v>
      </c>
      <c r="ER14" s="165">
        <v>1116</v>
      </c>
      <c r="ES14" s="162">
        <v>0</v>
      </c>
      <c r="ET14" s="160">
        <v>1843</v>
      </c>
      <c r="EU14" s="160">
        <v>1152</v>
      </c>
      <c r="EV14" s="160">
        <v>746</v>
      </c>
      <c r="EW14" s="160">
        <v>551</v>
      </c>
      <c r="EX14" s="160">
        <v>310</v>
      </c>
      <c r="EY14" s="165">
        <v>4602</v>
      </c>
      <c r="EZ14" s="164">
        <v>5718</v>
      </c>
    </row>
    <row r="15" spans="2:156" ht="21" customHeight="1" x14ac:dyDescent="0.2">
      <c r="B15" s="166" t="s">
        <v>12</v>
      </c>
      <c r="C15" s="159">
        <v>0</v>
      </c>
      <c r="D15" s="160">
        <v>0</v>
      </c>
      <c r="E15" s="161">
        <v>0</v>
      </c>
      <c r="F15" s="162">
        <v>0</v>
      </c>
      <c r="G15" s="160">
        <v>531</v>
      </c>
      <c r="H15" s="160">
        <v>508</v>
      </c>
      <c r="I15" s="160">
        <v>332</v>
      </c>
      <c r="J15" s="160">
        <v>301</v>
      </c>
      <c r="K15" s="160">
        <v>228</v>
      </c>
      <c r="L15" s="163">
        <v>1900</v>
      </c>
      <c r="M15" s="164">
        <v>1900</v>
      </c>
      <c r="N15" s="159">
        <v>0</v>
      </c>
      <c r="O15" s="160">
        <v>4</v>
      </c>
      <c r="P15" s="165">
        <v>4</v>
      </c>
      <c r="Q15" s="162">
        <v>0</v>
      </c>
      <c r="R15" s="160">
        <v>2</v>
      </c>
      <c r="S15" s="160">
        <v>18</v>
      </c>
      <c r="T15" s="160">
        <v>17</v>
      </c>
      <c r="U15" s="160">
        <v>68</v>
      </c>
      <c r="V15" s="160">
        <v>73</v>
      </c>
      <c r="W15" s="165">
        <v>178</v>
      </c>
      <c r="X15" s="164">
        <v>182</v>
      </c>
      <c r="Y15" s="159">
        <v>118</v>
      </c>
      <c r="Z15" s="160">
        <v>308</v>
      </c>
      <c r="AA15" s="165">
        <v>426</v>
      </c>
      <c r="AB15" s="162">
        <v>0</v>
      </c>
      <c r="AC15" s="160">
        <v>371</v>
      </c>
      <c r="AD15" s="160">
        <v>438</v>
      </c>
      <c r="AE15" s="160">
        <v>264</v>
      </c>
      <c r="AF15" s="160">
        <v>240</v>
      </c>
      <c r="AG15" s="160">
        <v>174</v>
      </c>
      <c r="AH15" s="165">
        <v>1487</v>
      </c>
      <c r="AI15" s="164">
        <v>1913</v>
      </c>
      <c r="AJ15" s="159">
        <v>8</v>
      </c>
      <c r="AK15" s="160">
        <v>32</v>
      </c>
      <c r="AL15" s="165">
        <v>40</v>
      </c>
      <c r="AM15" s="162">
        <v>0</v>
      </c>
      <c r="AN15" s="160">
        <v>16</v>
      </c>
      <c r="AO15" s="160">
        <v>43</v>
      </c>
      <c r="AP15" s="160">
        <v>26</v>
      </c>
      <c r="AQ15" s="160">
        <v>20</v>
      </c>
      <c r="AR15" s="160">
        <v>16</v>
      </c>
      <c r="AS15" s="165">
        <v>121</v>
      </c>
      <c r="AT15" s="164">
        <v>161</v>
      </c>
      <c r="AU15" s="159">
        <v>77</v>
      </c>
      <c r="AV15" s="160">
        <v>128</v>
      </c>
      <c r="AW15" s="165">
        <v>205</v>
      </c>
      <c r="AX15" s="162">
        <v>0</v>
      </c>
      <c r="AY15" s="160">
        <v>356</v>
      </c>
      <c r="AZ15" s="160">
        <v>424</v>
      </c>
      <c r="BA15" s="160">
        <v>395</v>
      </c>
      <c r="BB15" s="160">
        <v>498</v>
      </c>
      <c r="BC15" s="160">
        <v>368</v>
      </c>
      <c r="BD15" s="163">
        <v>2041</v>
      </c>
      <c r="BE15" s="164">
        <v>2246</v>
      </c>
      <c r="BF15" s="159">
        <v>0</v>
      </c>
      <c r="BG15" s="160">
        <v>0</v>
      </c>
      <c r="BH15" s="165">
        <v>0</v>
      </c>
      <c r="BI15" s="162">
        <v>0</v>
      </c>
      <c r="BJ15" s="160">
        <v>690</v>
      </c>
      <c r="BK15" s="160">
        <v>491</v>
      </c>
      <c r="BL15" s="160">
        <v>273</v>
      </c>
      <c r="BM15" s="160">
        <v>189</v>
      </c>
      <c r="BN15" s="160">
        <v>94</v>
      </c>
      <c r="BO15" s="165">
        <v>1737</v>
      </c>
      <c r="BP15" s="164">
        <v>1737</v>
      </c>
      <c r="BQ15" s="159">
        <v>104</v>
      </c>
      <c r="BR15" s="160">
        <v>142</v>
      </c>
      <c r="BS15" s="165">
        <v>246</v>
      </c>
      <c r="BT15" s="162">
        <v>0</v>
      </c>
      <c r="BU15" s="160">
        <v>121</v>
      </c>
      <c r="BV15" s="160">
        <v>188</v>
      </c>
      <c r="BW15" s="160">
        <v>119</v>
      </c>
      <c r="BX15" s="160">
        <v>78</v>
      </c>
      <c r="BY15" s="160">
        <v>25</v>
      </c>
      <c r="BZ15" s="165">
        <v>531</v>
      </c>
      <c r="CA15" s="164">
        <v>777</v>
      </c>
      <c r="CB15" s="159">
        <v>5</v>
      </c>
      <c r="CC15" s="160">
        <v>13</v>
      </c>
      <c r="CD15" s="165">
        <v>18</v>
      </c>
      <c r="CE15" s="162">
        <v>0</v>
      </c>
      <c r="CF15" s="160">
        <v>98</v>
      </c>
      <c r="CG15" s="160">
        <v>115</v>
      </c>
      <c r="CH15" s="160">
        <v>133</v>
      </c>
      <c r="CI15" s="160">
        <v>105</v>
      </c>
      <c r="CJ15" s="160">
        <v>54</v>
      </c>
      <c r="CK15" s="165">
        <v>505</v>
      </c>
      <c r="CL15" s="164">
        <v>523</v>
      </c>
      <c r="CM15" s="159">
        <v>0</v>
      </c>
      <c r="CN15" s="160">
        <v>0</v>
      </c>
      <c r="CO15" s="165">
        <v>0</v>
      </c>
      <c r="CP15" s="162">
        <v>0</v>
      </c>
      <c r="CQ15" s="160">
        <v>6</v>
      </c>
      <c r="CR15" s="160">
        <v>4</v>
      </c>
      <c r="CS15" s="160">
        <v>7</v>
      </c>
      <c r="CT15" s="160">
        <v>5</v>
      </c>
      <c r="CU15" s="160">
        <v>1</v>
      </c>
      <c r="CV15" s="165">
        <v>23</v>
      </c>
      <c r="CW15" s="164">
        <v>23</v>
      </c>
      <c r="CX15" s="159">
        <v>0</v>
      </c>
      <c r="CY15" s="160">
        <v>0</v>
      </c>
      <c r="CZ15" s="165">
        <v>0</v>
      </c>
      <c r="DA15" s="162">
        <v>0</v>
      </c>
      <c r="DB15" s="160">
        <v>0</v>
      </c>
      <c r="DC15" s="160">
        <v>0</v>
      </c>
      <c r="DD15" s="160">
        <v>0</v>
      </c>
      <c r="DE15" s="160">
        <v>0</v>
      </c>
      <c r="DF15" s="160">
        <v>0</v>
      </c>
      <c r="DG15" s="165">
        <v>0</v>
      </c>
      <c r="DH15" s="164">
        <v>0</v>
      </c>
      <c r="DI15" s="159">
        <v>0</v>
      </c>
      <c r="DJ15" s="160">
        <v>0</v>
      </c>
      <c r="DK15" s="165">
        <v>0</v>
      </c>
      <c r="DL15" s="162">
        <v>0</v>
      </c>
      <c r="DM15" s="160">
        <v>0</v>
      </c>
      <c r="DN15" s="160">
        <v>0</v>
      </c>
      <c r="DO15" s="160">
        <v>0</v>
      </c>
      <c r="DP15" s="160">
        <v>0</v>
      </c>
      <c r="DQ15" s="160">
        <v>0</v>
      </c>
      <c r="DR15" s="165">
        <v>0</v>
      </c>
      <c r="DS15" s="164">
        <v>0</v>
      </c>
      <c r="DT15" s="159">
        <v>474</v>
      </c>
      <c r="DU15" s="160">
        <v>929</v>
      </c>
      <c r="DV15" s="165">
        <v>1403</v>
      </c>
      <c r="DW15" s="162">
        <v>0</v>
      </c>
      <c r="DX15" s="160">
        <v>615</v>
      </c>
      <c r="DY15" s="160">
        <v>1004</v>
      </c>
      <c r="DZ15" s="160">
        <v>661</v>
      </c>
      <c r="EA15" s="160">
        <v>591</v>
      </c>
      <c r="EB15" s="160">
        <v>360</v>
      </c>
      <c r="EC15" s="165">
        <v>3231</v>
      </c>
      <c r="ED15" s="164">
        <v>4634</v>
      </c>
      <c r="EE15" s="159">
        <v>41</v>
      </c>
      <c r="EF15" s="160">
        <v>37</v>
      </c>
      <c r="EG15" s="165">
        <v>78</v>
      </c>
      <c r="EH15" s="162">
        <v>0</v>
      </c>
      <c r="EI15" s="160">
        <v>126</v>
      </c>
      <c r="EJ15" s="160">
        <v>124</v>
      </c>
      <c r="EK15" s="160">
        <v>119</v>
      </c>
      <c r="EL15" s="160">
        <v>139</v>
      </c>
      <c r="EM15" s="160">
        <v>75</v>
      </c>
      <c r="EN15" s="165">
        <v>583</v>
      </c>
      <c r="EO15" s="164">
        <v>661</v>
      </c>
      <c r="EP15" s="159">
        <v>671</v>
      </c>
      <c r="EQ15" s="160">
        <v>1176</v>
      </c>
      <c r="ER15" s="165">
        <v>1847</v>
      </c>
      <c r="ES15" s="162">
        <v>0</v>
      </c>
      <c r="ET15" s="160">
        <v>1596</v>
      </c>
      <c r="EU15" s="160">
        <v>1359</v>
      </c>
      <c r="EV15" s="160">
        <v>792</v>
      </c>
      <c r="EW15" s="160">
        <v>636</v>
      </c>
      <c r="EX15" s="160">
        <v>349</v>
      </c>
      <c r="EY15" s="165">
        <v>4732</v>
      </c>
      <c r="EZ15" s="164">
        <v>6579</v>
      </c>
    </row>
    <row r="16" spans="2:156" ht="21" customHeight="1" x14ac:dyDescent="0.2">
      <c r="B16" s="166" t="s">
        <v>13</v>
      </c>
      <c r="C16" s="159">
        <v>0</v>
      </c>
      <c r="D16" s="160">
        <v>0</v>
      </c>
      <c r="E16" s="161">
        <v>0</v>
      </c>
      <c r="F16" s="162">
        <v>0</v>
      </c>
      <c r="G16" s="160">
        <v>242</v>
      </c>
      <c r="H16" s="160">
        <v>259</v>
      </c>
      <c r="I16" s="160">
        <v>157</v>
      </c>
      <c r="J16" s="160">
        <v>117</v>
      </c>
      <c r="K16" s="160">
        <v>101</v>
      </c>
      <c r="L16" s="163">
        <v>876</v>
      </c>
      <c r="M16" s="164">
        <v>876</v>
      </c>
      <c r="N16" s="159">
        <v>0</v>
      </c>
      <c r="O16" s="160">
        <v>0</v>
      </c>
      <c r="P16" s="165">
        <v>0</v>
      </c>
      <c r="Q16" s="162">
        <v>0</v>
      </c>
      <c r="R16" s="160">
        <v>1</v>
      </c>
      <c r="S16" s="160">
        <v>3</v>
      </c>
      <c r="T16" s="160">
        <v>3</v>
      </c>
      <c r="U16" s="160">
        <v>21</v>
      </c>
      <c r="V16" s="160">
        <v>44</v>
      </c>
      <c r="W16" s="165">
        <v>72</v>
      </c>
      <c r="X16" s="164">
        <v>72</v>
      </c>
      <c r="Y16" s="159">
        <v>13</v>
      </c>
      <c r="Z16" s="160">
        <v>27</v>
      </c>
      <c r="AA16" s="165">
        <v>40</v>
      </c>
      <c r="AB16" s="162">
        <v>0</v>
      </c>
      <c r="AC16" s="160">
        <v>133</v>
      </c>
      <c r="AD16" s="160">
        <v>186</v>
      </c>
      <c r="AE16" s="160">
        <v>99</v>
      </c>
      <c r="AF16" s="160">
        <v>80</v>
      </c>
      <c r="AG16" s="160">
        <v>74</v>
      </c>
      <c r="AH16" s="165">
        <v>572</v>
      </c>
      <c r="AI16" s="164">
        <v>612</v>
      </c>
      <c r="AJ16" s="159">
        <v>2</v>
      </c>
      <c r="AK16" s="160">
        <v>3</v>
      </c>
      <c r="AL16" s="165">
        <v>5</v>
      </c>
      <c r="AM16" s="162">
        <v>0</v>
      </c>
      <c r="AN16" s="160">
        <v>16</v>
      </c>
      <c r="AO16" s="160">
        <v>18</v>
      </c>
      <c r="AP16" s="160">
        <v>16</v>
      </c>
      <c r="AQ16" s="160">
        <v>4</v>
      </c>
      <c r="AR16" s="160">
        <v>11</v>
      </c>
      <c r="AS16" s="165">
        <v>65</v>
      </c>
      <c r="AT16" s="164">
        <v>70</v>
      </c>
      <c r="AU16" s="159">
        <v>32</v>
      </c>
      <c r="AV16" s="160">
        <v>27</v>
      </c>
      <c r="AW16" s="165">
        <v>59</v>
      </c>
      <c r="AX16" s="162">
        <v>0</v>
      </c>
      <c r="AY16" s="160">
        <v>215</v>
      </c>
      <c r="AZ16" s="160">
        <v>235</v>
      </c>
      <c r="BA16" s="160">
        <v>204</v>
      </c>
      <c r="BB16" s="160">
        <v>206</v>
      </c>
      <c r="BC16" s="160">
        <v>185</v>
      </c>
      <c r="BD16" s="163">
        <v>1045</v>
      </c>
      <c r="BE16" s="164">
        <v>1104</v>
      </c>
      <c r="BF16" s="159">
        <v>0</v>
      </c>
      <c r="BG16" s="160">
        <v>0</v>
      </c>
      <c r="BH16" s="165">
        <v>0</v>
      </c>
      <c r="BI16" s="162">
        <v>0</v>
      </c>
      <c r="BJ16" s="160">
        <v>196</v>
      </c>
      <c r="BK16" s="160">
        <v>200</v>
      </c>
      <c r="BL16" s="160">
        <v>91</v>
      </c>
      <c r="BM16" s="160">
        <v>70</v>
      </c>
      <c r="BN16" s="160">
        <v>31</v>
      </c>
      <c r="BO16" s="165">
        <v>588</v>
      </c>
      <c r="BP16" s="164">
        <v>588</v>
      </c>
      <c r="BQ16" s="159">
        <v>14</v>
      </c>
      <c r="BR16" s="160">
        <v>16</v>
      </c>
      <c r="BS16" s="165">
        <v>30</v>
      </c>
      <c r="BT16" s="162">
        <v>0</v>
      </c>
      <c r="BU16" s="160">
        <v>39</v>
      </c>
      <c r="BV16" s="160">
        <v>37</v>
      </c>
      <c r="BW16" s="160">
        <v>27</v>
      </c>
      <c r="BX16" s="160">
        <v>18</v>
      </c>
      <c r="BY16" s="160">
        <v>13</v>
      </c>
      <c r="BZ16" s="165">
        <v>134</v>
      </c>
      <c r="CA16" s="164">
        <v>164</v>
      </c>
      <c r="CB16" s="159">
        <v>0</v>
      </c>
      <c r="CC16" s="160">
        <v>0</v>
      </c>
      <c r="CD16" s="165">
        <v>0</v>
      </c>
      <c r="CE16" s="162">
        <v>0</v>
      </c>
      <c r="CF16" s="160">
        <v>13</v>
      </c>
      <c r="CG16" s="160">
        <v>36</v>
      </c>
      <c r="CH16" s="160">
        <v>45</v>
      </c>
      <c r="CI16" s="160">
        <v>35</v>
      </c>
      <c r="CJ16" s="160">
        <v>28</v>
      </c>
      <c r="CK16" s="165">
        <v>157</v>
      </c>
      <c r="CL16" s="164">
        <v>157</v>
      </c>
      <c r="CM16" s="159">
        <v>0</v>
      </c>
      <c r="CN16" s="160">
        <v>0</v>
      </c>
      <c r="CO16" s="165">
        <v>0</v>
      </c>
      <c r="CP16" s="162">
        <v>0</v>
      </c>
      <c r="CQ16" s="160">
        <v>1</v>
      </c>
      <c r="CR16" s="160">
        <v>3</v>
      </c>
      <c r="CS16" s="160">
        <v>4</v>
      </c>
      <c r="CT16" s="160">
        <v>7</v>
      </c>
      <c r="CU16" s="160">
        <v>2</v>
      </c>
      <c r="CV16" s="165">
        <v>17</v>
      </c>
      <c r="CW16" s="164">
        <v>17</v>
      </c>
      <c r="CX16" s="159">
        <v>0</v>
      </c>
      <c r="CY16" s="160">
        <v>0</v>
      </c>
      <c r="CZ16" s="165">
        <v>0</v>
      </c>
      <c r="DA16" s="162">
        <v>0</v>
      </c>
      <c r="DB16" s="160">
        <v>0</v>
      </c>
      <c r="DC16" s="160">
        <v>0</v>
      </c>
      <c r="DD16" s="160">
        <v>0</v>
      </c>
      <c r="DE16" s="160">
        <v>0</v>
      </c>
      <c r="DF16" s="160">
        <v>0</v>
      </c>
      <c r="DG16" s="165">
        <v>0</v>
      </c>
      <c r="DH16" s="164">
        <v>0</v>
      </c>
      <c r="DI16" s="159">
        <v>0</v>
      </c>
      <c r="DJ16" s="160">
        <v>0</v>
      </c>
      <c r="DK16" s="165">
        <v>0</v>
      </c>
      <c r="DL16" s="162">
        <v>0</v>
      </c>
      <c r="DM16" s="160">
        <v>0</v>
      </c>
      <c r="DN16" s="160">
        <v>0</v>
      </c>
      <c r="DO16" s="160">
        <v>0</v>
      </c>
      <c r="DP16" s="160">
        <v>0</v>
      </c>
      <c r="DQ16" s="160">
        <v>0</v>
      </c>
      <c r="DR16" s="165">
        <v>0</v>
      </c>
      <c r="DS16" s="164">
        <v>0</v>
      </c>
      <c r="DT16" s="159">
        <v>78</v>
      </c>
      <c r="DU16" s="160">
        <v>177</v>
      </c>
      <c r="DV16" s="165">
        <v>255</v>
      </c>
      <c r="DW16" s="162">
        <v>0</v>
      </c>
      <c r="DX16" s="160">
        <v>275</v>
      </c>
      <c r="DY16" s="160">
        <v>441</v>
      </c>
      <c r="DZ16" s="160">
        <v>248</v>
      </c>
      <c r="EA16" s="160">
        <v>193</v>
      </c>
      <c r="EB16" s="160">
        <v>134</v>
      </c>
      <c r="EC16" s="165">
        <v>1291</v>
      </c>
      <c r="ED16" s="164">
        <v>1546</v>
      </c>
      <c r="EE16" s="159">
        <v>15</v>
      </c>
      <c r="EF16" s="160">
        <v>13</v>
      </c>
      <c r="EG16" s="165">
        <v>28</v>
      </c>
      <c r="EH16" s="162">
        <v>0</v>
      </c>
      <c r="EI16" s="160">
        <v>83</v>
      </c>
      <c r="EJ16" s="160">
        <v>71</v>
      </c>
      <c r="EK16" s="160">
        <v>76</v>
      </c>
      <c r="EL16" s="160">
        <v>69</v>
      </c>
      <c r="EM16" s="160">
        <v>46</v>
      </c>
      <c r="EN16" s="165">
        <v>345</v>
      </c>
      <c r="EO16" s="164">
        <v>373</v>
      </c>
      <c r="EP16" s="159">
        <v>100</v>
      </c>
      <c r="EQ16" s="160">
        <v>195</v>
      </c>
      <c r="ER16" s="165">
        <v>295</v>
      </c>
      <c r="ES16" s="162">
        <v>0</v>
      </c>
      <c r="ET16" s="160">
        <v>602</v>
      </c>
      <c r="EU16" s="160">
        <v>618</v>
      </c>
      <c r="EV16" s="160">
        <v>296</v>
      </c>
      <c r="EW16" s="160">
        <v>220</v>
      </c>
      <c r="EX16" s="160">
        <v>152</v>
      </c>
      <c r="EY16" s="165">
        <v>1888</v>
      </c>
      <c r="EZ16" s="164">
        <v>2183</v>
      </c>
    </row>
    <row r="17" spans="2:156" ht="21" customHeight="1" x14ac:dyDescent="0.2">
      <c r="B17" s="166" t="s">
        <v>15</v>
      </c>
      <c r="C17" s="159">
        <v>0</v>
      </c>
      <c r="D17" s="160">
        <v>0</v>
      </c>
      <c r="E17" s="161">
        <v>0</v>
      </c>
      <c r="F17" s="162">
        <v>0</v>
      </c>
      <c r="G17" s="160">
        <v>126</v>
      </c>
      <c r="H17" s="160">
        <v>175</v>
      </c>
      <c r="I17" s="160">
        <v>94</v>
      </c>
      <c r="J17" s="160">
        <v>65</v>
      </c>
      <c r="K17" s="160">
        <v>45</v>
      </c>
      <c r="L17" s="163">
        <v>505</v>
      </c>
      <c r="M17" s="164">
        <v>505</v>
      </c>
      <c r="N17" s="159">
        <v>0</v>
      </c>
      <c r="O17" s="160">
        <v>0</v>
      </c>
      <c r="P17" s="165">
        <v>0</v>
      </c>
      <c r="Q17" s="162">
        <v>0</v>
      </c>
      <c r="R17" s="160">
        <v>1</v>
      </c>
      <c r="S17" s="160">
        <v>3</v>
      </c>
      <c r="T17" s="160">
        <v>10</v>
      </c>
      <c r="U17" s="160">
        <v>17</v>
      </c>
      <c r="V17" s="160">
        <v>22</v>
      </c>
      <c r="W17" s="165">
        <v>53</v>
      </c>
      <c r="X17" s="164">
        <v>53</v>
      </c>
      <c r="Y17" s="159">
        <v>7</v>
      </c>
      <c r="Z17" s="160">
        <v>17</v>
      </c>
      <c r="AA17" s="165">
        <v>24</v>
      </c>
      <c r="AB17" s="162">
        <v>0</v>
      </c>
      <c r="AC17" s="160">
        <v>64</v>
      </c>
      <c r="AD17" s="160">
        <v>86</v>
      </c>
      <c r="AE17" s="160">
        <v>52</v>
      </c>
      <c r="AF17" s="160">
        <v>50</v>
      </c>
      <c r="AG17" s="160">
        <v>36</v>
      </c>
      <c r="AH17" s="165">
        <v>288</v>
      </c>
      <c r="AI17" s="164">
        <v>312</v>
      </c>
      <c r="AJ17" s="159">
        <v>0</v>
      </c>
      <c r="AK17" s="160">
        <v>2</v>
      </c>
      <c r="AL17" s="165">
        <v>2</v>
      </c>
      <c r="AM17" s="162">
        <v>0</v>
      </c>
      <c r="AN17" s="160">
        <v>14</v>
      </c>
      <c r="AO17" s="160">
        <v>14</v>
      </c>
      <c r="AP17" s="160">
        <v>4</v>
      </c>
      <c r="AQ17" s="160">
        <v>5</v>
      </c>
      <c r="AR17" s="160">
        <v>5</v>
      </c>
      <c r="AS17" s="165">
        <v>42</v>
      </c>
      <c r="AT17" s="164">
        <v>44</v>
      </c>
      <c r="AU17" s="159">
        <v>11</v>
      </c>
      <c r="AV17" s="160">
        <v>11</v>
      </c>
      <c r="AW17" s="165">
        <v>22</v>
      </c>
      <c r="AX17" s="162">
        <v>0</v>
      </c>
      <c r="AY17" s="160">
        <v>123</v>
      </c>
      <c r="AZ17" s="160">
        <v>113</v>
      </c>
      <c r="BA17" s="160">
        <v>105</v>
      </c>
      <c r="BB17" s="160">
        <v>116</v>
      </c>
      <c r="BC17" s="160">
        <v>81</v>
      </c>
      <c r="BD17" s="163">
        <v>538</v>
      </c>
      <c r="BE17" s="164">
        <v>560</v>
      </c>
      <c r="BF17" s="159">
        <v>0</v>
      </c>
      <c r="BG17" s="160">
        <v>0</v>
      </c>
      <c r="BH17" s="165">
        <v>0</v>
      </c>
      <c r="BI17" s="162">
        <v>0</v>
      </c>
      <c r="BJ17" s="160">
        <v>96</v>
      </c>
      <c r="BK17" s="160">
        <v>106</v>
      </c>
      <c r="BL17" s="160">
        <v>53</v>
      </c>
      <c r="BM17" s="160">
        <v>31</v>
      </c>
      <c r="BN17" s="160">
        <v>9</v>
      </c>
      <c r="BO17" s="165">
        <v>295</v>
      </c>
      <c r="BP17" s="164">
        <v>295</v>
      </c>
      <c r="BQ17" s="159">
        <v>4</v>
      </c>
      <c r="BR17" s="160">
        <v>5</v>
      </c>
      <c r="BS17" s="165">
        <v>9</v>
      </c>
      <c r="BT17" s="162">
        <v>0</v>
      </c>
      <c r="BU17" s="160">
        <v>27</v>
      </c>
      <c r="BV17" s="160">
        <v>41</v>
      </c>
      <c r="BW17" s="160">
        <v>20</v>
      </c>
      <c r="BX17" s="160">
        <v>14</v>
      </c>
      <c r="BY17" s="160">
        <v>8</v>
      </c>
      <c r="BZ17" s="165">
        <v>110</v>
      </c>
      <c r="CA17" s="164">
        <v>119</v>
      </c>
      <c r="CB17" s="159">
        <v>0</v>
      </c>
      <c r="CC17" s="160">
        <v>0</v>
      </c>
      <c r="CD17" s="165">
        <v>0</v>
      </c>
      <c r="CE17" s="162">
        <v>0</v>
      </c>
      <c r="CF17" s="160">
        <v>13</v>
      </c>
      <c r="CG17" s="160">
        <v>30</v>
      </c>
      <c r="CH17" s="160">
        <v>43</v>
      </c>
      <c r="CI17" s="160">
        <v>43</v>
      </c>
      <c r="CJ17" s="160">
        <v>20</v>
      </c>
      <c r="CK17" s="165">
        <v>149</v>
      </c>
      <c r="CL17" s="164">
        <v>149</v>
      </c>
      <c r="CM17" s="159">
        <v>0</v>
      </c>
      <c r="CN17" s="160">
        <v>0</v>
      </c>
      <c r="CO17" s="165">
        <v>0</v>
      </c>
      <c r="CP17" s="162">
        <v>0</v>
      </c>
      <c r="CQ17" s="160">
        <v>3</v>
      </c>
      <c r="CR17" s="160">
        <v>8</v>
      </c>
      <c r="CS17" s="160">
        <v>0</v>
      </c>
      <c r="CT17" s="160">
        <v>2</v>
      </c>
      <c r="CU17" s="160">
        <v>2</v>
      </c>
      <c r="CV17" s="165">
        <v>15</v>
      </c>
      <c r="CW17" s="164">
        <v>15</v>
      </c>
      <c r="CX17" s="159">
        <v>0</v>
      </c>
      <c r="CY17" s="160">
        <v>0</v>
      </c>
      <c r="CZ17" s="165">
        <v>0</v>
      </c>
      <c r="DA17" s="162">
        <v>0</v>
      </c>
      <c r="DB17" s="160">
        <v>0</v>
      </c>
      <c r="DC17" s="160">
        <v>0</v>
      </c>
      <c r="DD17" s="160">
        <v>0</v>
      </c>
      <c r="DE17" s="160">
        <v>0</v>
      </c>
      <c r="DF17" s="160">
        <v>0</v>
      </c>
      <c r="DG17" s="165">
        <v>0</v>
      </c>
      <c r="DH17" s="164">
        <v>0</v>
      </c>
      <c r="DI17" s="159">
        <v>0</v>
      </c>
      <c r="DJ17" s="160">
        <v>0</v>
      </c>
      <c r="DK17" s="165">
        <v>0</v>
      </c>
      <c r="DL17" s="162">
        <v>0</v>
      </c>
      <c r="DM17" s="160">
        <v>0</v>
      </c>
      <c r="DN17" s="160">
        <v>0</v>
      </c>
      <c r="DO17" s="160">
        <v>0</v>
      </c>
      <c r="DP17" s="160">
        <v>0</v>
      </c>
      <c r="DQ17" s="160">
        <v>0</v>
      </c>
      <c r="DR17" s="165">
        <v>0</v>
      </c>
      <c r="DS17" s="164">
        <v>0</v>
      </c>
      <c r="DT17" s="159">
        <v>82</v>
      </c>
      <c r="DU17" s="160">
        <v>177</v>
      </c>
      <c r="DV17" s="165">
        <v>259</v>
      </c>
      <c r="DW17" s="162">
        <v>0</v>
      </c>
      <c r="DX17" s="160">
        <v>234</v>
      </c>
      <c r="DY17" s="160">
        <v>369</v>
      </c>
      <c r="DZ17" s="160">
        <v>172</v>
      </c>
      <c r="EA17" s="160">
        <v>135</v>
      </c>
      <c r="EB17" s="160">
        <v>83</v>
      </c>
      <c r="EC17" s="165">
        <v>993</v>
      </c>
      <c r="ED17" s="164">
        <v>1252</v>
      </c>
      <c r="EE17" s="159">
        <v>18</v>
      </c>
      <c r="EF17" s="160">
        <v>10</v>
      </c>
      <c r="EG17" s="165">
        <v>28</v>
      </c>
      <c r="EH17" s="162">
        <v>0</v>
      </c>
      <c r="EI17" s="160">
        <v>57</v>
      </c>
      <c r="EJ17" s="160">
        <v>26</v>
      </c>
      <c r="EK17" s="160">
        <v>25</v>
      </c>
      <c r="EL17" s="160">
        <v>44</v>
      </c>
      <c r="EM17" s="160">
        <v>18</v>
      </c>
      <c r="EN17" s="165">
        <v>170</v>
      </c>
      <c r="EO17" s="164">
        <v>198</v>
      </c>
      <c r="EP17" s="159">
        <v>95</v>
      </c>
      <c r="EQ17" s="160">
        <v>190</v>
      </c>
      <c r="ER17" s="165">
        <v>285</v>
      </c>
      <c r="ES17" s="162">
        <v>0</v>
      </c>
      <c r="ET17" s="160">
        <v>448</v>
      </c>
      <c r="EU17" s="160">
        <v>493</v>
      </c>
      <c r="EV17" s="160">
        <v>228</v>
      </c>
      <c r="EW17" s="160">
        <v>152</v>
      </c>
      <c r="EX17" s="160">
        <v>90</v>
      </c>
      <c r="EY17" s="165">
        <v>1411</v>
      </c>
      <c r="EZ17" s="164">
        <v>1696</v>
      </c>
    </row>
    <row r="18" spans="2:156" ht="21" customHeight="1" x14ac:dyDescent="0.2">
      <c r="B18" s="166" t="s">
        <v>16</v>
      </c>
      <c r="C18" s="159">
        <v>0</v>
      </c>
      <c r="D18" s="160">
        <v>0</v>
      </c>
      <c r="E18" s="161">
        <v>0</v>
      </c>
      <c r="F18" s="162">
        <v>0</v>
      </c>
      <c r="G18" s="160">
        <v>203</v>
      </c>
      <c r="H18" s="160">
        <v>309</v>
      </c>
      <c r="I18" s="160">
        <v>159</v>
      </c>
      <c r="J18" s="160">
        <v>143</v>
      </c>
      <c r="K18" s="160">
        <v>86</v>
      </c>
      <c r="L18" s="163">
        <v>900</v>
      </c>
      <c r="M18" s="164">
        <v>900</v>
      </c>
      <c r="N18" s="159">
        <v>0</v>
      </c>
      <c r="O18" s="160">
        <v>0</v>
      </c>
      <c r="P18" s="165">
        <v>0</v>
      </c>
      <c r="Q18" s="162">
        <v>0</v>
      </c>
      <c r="R18" s="160">
        <v>2</v>
      </c>
      <c r="S18" s="160">
        <v>4</v>
      </c>
      <c r="T18" s="160">
        <v>10</v>
      </c>
      <c r="U18" s="160">
        <v>26</v>
      </c>
      <c r="V18" s="160">
        <v>44</v>
      </c>
      <c r="W18" s="165">
        <v>86</v>
      </c>
      <c r="X18" s="164">
        <v>86</v>
      </c>
      <c r="Y18" s="159">
        <v>33</v>
      </c>
      <c r="Z18" s="160">
        <v>67</v>
      </c>
      <c r="AA18" s="165">
        <v>100</v>
      </c>
      <c r="AB18" s="162">
        <v>0</v>
      </c>
      <c r="AC18" s="160">
        <v>165</v>
      </c>
      <c r="AD18" s="160">
        <v>313</v>
      </c>
      <c r="AE18" s="160">
        <v>164</v>
      </c>
      <c r="AF18" s="160">
        <v>168</v>
      </c>
      <c r="AG18" s="160">
        <v>112</v>
      </c>
      <c r="AH18" s="165">
        <v>922</v>
      </c>
      <c r="AI18" s="164">
        <v>1022</v>
      </c>
      <c r="AJ18" s="159">
        <v>6</v>
      </c>
      <c r="AK18" s="160">
        <v>8</v>
      </c>
      <c r="AL18" s="165">
        <v>14</v>
      </c>
      <c r="AM18" s="162">
        <v>0</v>
      </c>
      <c r="AN18" s="160">
        <v>8</v>
      </c>
      <c r="AO18" s="160">
        <v>30</v>
      </c>
      <c r="AP18" s="160">
        <v>13</v>
      </c>
      <c r="AQ18" s="160">
        <v>10</v>
      </c>
      <c r="AR18" s="160">
        <v>10</v>
      </c>
      <c r="AS18" s="165">
        <v>71</v>
      </c>
      <c r="AT18" s="164">
        <v>85</v>
      </c>
      <c r="AU18" s="159">
        <v>39</v>
      </c>
      <c r="AV18" s="160">
        <v>43</v>
      </c>
      <c r="AW18" s="165">
        <v>82</v>
      </c>
      <c r="AX18" s="162">
        <v>0</v>
      </c>
      <c r="AY18" s="160">
        <v>237</v>
      </c>
      <c r="AZ18" s="160">
        <v>371</v>
      </c>
      <c r="BA18" s="160">
        <v>283</v>
      </c>
      <c r="BB18" s="160">
        <v>308</v>
      </c>
      <c r="BC18" s="160">
        <v>200</v>
      </c>
      <c r="BD18" s="163">
        <v>1399</v>
      </c>
      <c r="BE18" s="164">
        <v>1481</v>
      </c>
      <c r="BF18" s="159">
        <v>0</v>
      </c>
      <c r="BG18" s="160">
        <v>0</v>
      </c>
      <c r="BH18" s="165">
        <v>0</v>
      </c>
      <c r="BI18" s="162">
        <v>0</v>
      </c>
      <c r="BJ18" s="160">
        <v>358</v>
      </c>
      <c r="BK18" s="160">
        <v>444</v>
      </c>
      <c r="BL18" s="160">
        <v>234</v>
      </c>
      <c r="BM18" s="160">
        <v>178</v>
      </c>
      <c r="BN18" s="160">
        <v>85</v>
      </c>
      <c r="BO18" s="165">
        <v>1299</v>
      </c>
      <c r="BP18" s="164">
        <v>1299</v>
      </c>
      <c r="BQ18" s="159">
        <v>44</v>
      </c>
      <c r="BR18" s="160">
        <v>108</v>
      </c>
      <c r="BS18" s="165">
        <v>152</v>
      </c>
      <c r="BT18" s="162">
        <v>0</v>
      </c>
      <c r="BU18" s="160">
        <v>177</v>
      </c>
      <c r="BV18" s="160">
        <v>264</v>
      </c>
      <c r="BW18" s="160">
        <v>102</v>
      </c>
      <c r="BX18" s="160">
        <v>61</v>
      </c>
      <c r="BY18" s="160">
        <v>22</v>
      </c>
      <c r="BZ18" s="165">
        <v>626</v>
      </c>
      <c r="CA18" s="164">
        <v>778</v>
      </c>
      <c r="CB18" s="159">
        <v>0</v>
      </c>
      <c r="CC18" s="160">
        <v>5</v>
      </c>
      <c r="CD18" s="165">
        <v>5</v>
      </c>
      <c r="CE18" s="162">
        <v>0</v>
      </c>
      <c r="CF18" s="160">
        <v>43</v>
      </c>
      <c r="CG18" s="160">
        <v>74</v>
      </c>
      <c r="CH18" s="160">
        <v>75</v>
      </c>
      <c r="CI18" s="160">
        <v>51</v>
      </c>
      <c r="CJ18" s="160">
        <v>25</v>
      </c>
      <c r="CK18" s="165">
        <v>268</v>
      </c>
      <c r="CL18" s="164">
        <v>273</v>
      </c>
      <c r="CM18" s="159">
        <v>0</v>
      </c>
      <c r="CN18" s="160">
        <v>0</v>
      </c>
      <c r="CO18" s="165">
        <v>0</v>
      </c>
      <c r="CP18" s="162">
        <v>0</v>
      </c>
      <c r="CQ18" s="160">
        <v>2</v>
      </c>
      <c r="CR18" s="160">
        <v>6</v>
      </c>
      <c r="CS18" s="160">
        <v>7</v>
      </c>
      <c r="CT18" s="160">
        <v>11</v>
      </c>
      <c r="CU18" s="160">
        <v>5</v>
      </c>
      <c r="CV18" s="165">
        <v>31</v>
      </c>
      <c r="CW18" s="164">
        <v>31</v>
      </c>
      <c r="CX18" s="159">
        <v>0</v>
      </c>
      <c r="CY18" s="160">
        <v>0</v>
      </c>
      <c r="CZ18" s="165">
        <v>0</v>
      </c>
      <c r="DA18" s="162">
        <v>0</v>
      </c>
      <c r="DB18" s="160">
        <v>0</v>
      </c>
      <c r="DC18" s="160">
        <v>0</v>
      </c>
      <c r="DD18" s="160">
        <v>0</v>
      </c>
      <c r="DE18" s="160">
        <v>0</v>
      </c>
      <c r="DF18" s="160">
        <v>0</v>
      </c>
      <c r="DG18" s="165">
        <v>0</v>
      </c>
      <c r="DH18" s="164">
        <v>0</v>
      </c>
      <c r="DI18" s="159">
        <v>0</v>
      </c>
      <c r="DJ18" s="160">
        <v>0</v>
      </c>
      <c r="DK18" s="165">
        <v>0</v>
      </c>
      <c r="DL18" s="162">
        <v>0</v>
      </c>
      <c r="DM18" s="160">
        <v>0</v>
      </c>
      <c r="DN18" s="160">
        <v>0</v>
      </c>
      <c r="DO18" s="160">
        <v>0</v>
      </c>
      <c r="DP18" s="160">
        <v>0</v>
      </c>
      <c r="DQ18" s="160">
        <v>0</v>
      </c>
      <c r="DR18" s="165">
        <v>0</v>
      </c>
      <c r="DS18" s="164">
        <v>0</v>
      </c>
      <c r="DT18" s="159">
        <v>168</v>
      </c>
      <c r="DU18" s="160">
        <v>408</v>
      </c>
      <c r="DV18" s="165">
        <v>576</v>
      </c>
      <c r="DW18" s="162">
        <v>0</v>
      </c>
      <c r="DX18" s="160">
        <v>417</v>
      </c>
      <c r="DY18" s="160">
        <v>880</v>
      </c>
      <c r="DZ18" s="160">
        <v>466</v>
      </c>
      <c r="EA18" s="160">
        <v>370</v>
      </c>
      <c r="EB18" s="160">
        <v>213</v>
      </c>
      <c r="EC18" s="165">
        <v>2346</v>
      </c>
      <c r="ED18" s="164">
        <v>2922</v>
      </c>
      <c r="EE18" s="159">
        <v>27</v>
      </c>
      <c r="EF18" s="160">
        <v>17</v>
      </c>
      <c r="EG18" s="165">
        <v>44</v>
      </c>
      <c r="EH18" s="162">
        <v>0</v>
      </c>
      <c r="EI18" s="160">
        <v>110</v>
      </c>
      <c r="EJ18" s="160">
        <v>114</v>
      </c>
      <c r="EK18" s="160">
        <v>94</v>
      </c>
      <c r="EL18" s="160">
        <v>122</v>
      </c>
      <c r="EM18" s="160">
        <v>64</v>
      </c>
      <c r="EN18" s="165">
        <v>504</v>
      </c>
      <c r="EO18" s="164">
        <v>548</v>
      </c>
      <c r="EP18" s="159">
        <v>231</v>
      </c>
      <c r="EQ18" s="160">
        <v>508</v>
      </c>
      <c r="ER18" s="165">
        <v>739</v>
      </c>
      <c r="ES18" s="162">
        <v>0</v>
      </c>
      <c r="ET18" s="160">
        <v>868</v>
      </c>
      <c r="EU18" s="160">
        <v>1207</v>
      </c>
      <c r="EV18" s="160">
        <v>576</v>
      </c>
      <c r="EW18" s="160">
        <v>403</v>
      </c>
      <c r="EX18" s="160">
        <v>210</v>
      </c>
      <c r="EY18" s="165">
        <v>3264</v>
      </c>
      <c r="EZ18" s="164">
        <v>4003</v>
      </c>
    </row>
    <row r="19" spans="2:156" ht="21" customHeight="1" x14ac:dyDescent="0.2">
      <c r="B19" s="166" t="s">
        <v>17</v>
      </c>
      <c r="C19" s="159">
        <v>0</v>
      </c>
      <c r="D19" s="160">
        <v>0</v>
      </c>
      <c r="E19" s="161">
        <v>0</v>
      </c>
      <c r="F19" s="162">
        <v>0</v>
      </c>
      <c r="G19" s="160">
        <v>221</v>
      </c>
      <c r="H19" s="160">
        <v>472</v>
      </c>
      <c r="I19" s="160">
        <v>318</v>
      </c>
      <c r="J19" s="160">
        <v>248</v>
      </c>
      <c r="K19" s="160">
        <v>161</v>
      </c>
      <c r="L19" s="163">
        <v>1420</v>
      </c>
      <c r="M19" s="164">
        <v>1420</v>
      </c>
      <c r="N19" s="159">
        <v>0</v>
      </c>
      <c r="O19" s="160">
        <v>2</v>
      </c>
      <c r="P19" s="165">
        <v>2</v>
      </c>
      <c r="Q19" s="162">
        <v>0</v>
      </c>
      <c r="R19" s="160">
        <v>0</v>
      </c>
      <c r="S19" s="160">
        <v>6</v>
      </c>
      <c r="T19" s="160">
        <v>18</v>
      </c>
      <c r="U19" s="160">
        <v>48</v>
      </c>
      <c r="V19" s="160">
        <v>71</v>
      </c>
      <c r="W19" s="165">
        <v>143</v>
      </c>
      <c r="X19" s="164">
        <v>145</v>
      </c>
      <c r="Y19" s="159">
        <v>36</v>
      </c>
      <c r="Z19" s="160">
        <v>94</v>
      </c>
      <c r="AA19" s="165">
        <v>130</v>
      </c>
      <c r="AB19" s="162">
        <v>0</v>
      </c>
      <c r="AC19" s="160">
        <v>192</v>
      </c>
      <c r="AD19" s="160">
        <v>398</v>
      </c>
      <c r="AE19" s="160">
        <v>258</v>
      </c>
      <c r="AF19" s="160">
        <v>207</v>
      </c>
      <c r="AG19" s="160">
        <v>132</v>
      </c>
      <c r="AH19" s="165">
        <v>1187</v>
      </c>
      <c r="AI19" s="164">
        <v>1317</v>
      </c>
      <c r="AJ19" s="159">
        <v>8</v>
      </c>
      <c r="AK19" s="160">
        <v>11</v>
      </c>
      <c r="AL19" s="165">
        <v>19</v>
      </c>
      <c r="AM19" s="162">
        <v>0</v>
      </c>
      <c r="AN19" s="160">
        <v>12</v>
      </c>
      <c r="AO19" s="160">
        <v>42</v>
      </c>
      <c r="AP19" s="160">
        <v>26</v>
      </c>
      <c r="AQ19" s="160">
        <v>26</v>
      </c>
      <c r="AR19" s="160">
        <v>20</v>
      </c>
      <c r="AS19" s="165">
        <v>126</v>
      </c>
      <c r="AT19" s="164">
        <v>145</v>
      </c>
      <c r="AU19" s="159">
        <v>52</v>
      </c>
      <c r="AV19" s="160">
        <v>59</v>
      </c>
      <c r="AW19" s="165">
        <v>111</v>
      </c>
      <c r="AX19" s="162">
        <v>0</v>
      </c>
      <c r="AY19" s="160">
        <v>254</v>
      </c>
      <c r="AZ19" s="160">
        <v>507</v>
      </c>
      <c r="BA19" s="160">
        <v>492</v>
      </c>
      <c r="BB19" s="160">
        <v>473</v>
      </c>
      <c r="BC19" s="160">
        <v>326</v>
      </c>
      <c r="BD19" s="163">
        <v>2052</v>
      </c>
      <c r="BE19" s="164">
        <v>2163</v>
      </c>
      <c r="BF19" s="159">
        <v>0</v>
      </c>
      <c r="BG19" s="160">
        <v>0</v>
      </c>
      <c r="BH19" s="165">
        <v>0</v>
      </c>
      <c r="BI19" s="162">
        <v>0</v>
      </c>
      <c r="BJ19" s="160">
        <v>315</v>
      </c>
      <c r="BK19" s="160">
        <v>501</v>
      </c>
      <c r="BL19" s="160">
        <v>342</v>
      </c>
      <c r="BM19" s="160">
        <v>181</v>
      </c>
      <c r="BN19" s="160">
        <v>102</v>
      </c>
      <c r="BO19" s="165">
        <v>1441</v>
      </c>
      <c r="BP19" s="164">
        <v>1441</v>
      </c>
      <c r="BQ19" s="159">
        <v>37</v>
      </c>
      <c r="BR19" s="160">
        <v>81</v>
      </c>
      <c r="BS19" s="165">
        <v>118</v>
      </c>
      <c r="BT19" s="162">
        <v>0</v>
      </c>
      <c r="BU19" s="160">
        <v>69</v>
      </c>
      <c r="BV19" s="160">
        <v>214</v>
      </c>
      <c r="BW19" s="160">
        <v>105</v>
      </c>
      <c r="BX19" s="160">
        <v>44</v>
      </c>
      <c r="BY19" s="160">
        <v>19</v>
      </c>
      <c r="BZ19" s="165">
        <v>451</v>
      </c>
      <c r="CA19" s="164">
        <v>569</v>
      </c>
      <c r="CB19" s="159">
        <v>1</v>
      </c>
      <c r="CC19" s="160">
        <v>7</v>
      </c>
      <c r="CD19" s="165">
        <v>8</v>
      </c>
      <c r="CE19" s="162">
        <v>0</v>
      </c>
      <c r="CF19" s="160">
        <v>35</v>
      </c>
      <c r="CG19" s="160">
        <v>107</v>
      </c>
      <c r="CH19" s="160">
        <v>108</v>
      </c>
      <c r="CI19" s="160">
        <v>86</v>
      </c>
      <c r="CJ19" s="160">
        <v>51</v>
      </c>
      <c r="CK19" s="165">
        <v>387</v>
      </c>
      <c r="CL19" s="164">
        <v>395</v>
      </c>
      <c r="CM19" s="159">
        <v>0</v>
      </c>
      <c r="CN19" s="160">
        <v>0</v>
      </c>
      <c r="CO19" s="165">
        <v>0</v>
      </c>
      <c r="CP19" s="162">
        <v>0</v>
      </c>
      <c r="CQ19" s="160">
        <v>4</v>
      </c>
      <c r="CR19" s="160">
        <v>16</v>
      </c>
      <c r="CS19" s="160">
        <v>13</v>
      </c>
      <c r="CT19" s="160">
        <v>12</v>
      </c>
      <c r="CU19" s="160">
        <v>6</v>
      </c>
      <c r="CV19" s="165">
        <v>51</v>
      </c>
      <c r="CW19" s="164">
        <v>51</v>
      </c>
      <c r="CX19" s="159">
        <v>0</v>
      </c>
      <c r="CY19" s="160">
        <v>0</v>
      </c>
      <c r="CZ19" s="165">
        <v>0</v>
      </c>
      <c r="DA19" s="162">
        <v>0</v>
      </c>
      <c r="DB19" s="160">
        <v>0</v>
      </c>
      <c r="DC19" s="160">
        <v>0</v>
      </c>
      <c r="DD19" s="160">
        <v>0</v>
      </c>
      <c r="DE19" s="160">
        <v>0</v>
      </c>
      <c r="DF19" s="160">
        <v>0</v>
      </c>
      <c r="DG19" s="165">
        <v>0</v>
      </c>
      <c r="DH19" s="164">
        <v>0</v>
      </c>
      <c r="DI19" s="159">
        <v>0</v>
      </c>
      <c r="DJ19" s="160">
        <v>0</v>
      </c>
      <c r="DK19" s="165">
        <v>0</v>
      </c>
      <c r="DL19" s="162">
        <v>0</v>
      </c>
      <c r="DM19" s="160">
        <v>0</v>
      </c>
      <c r="DN19" s="160">
        <v>0</v>
      </c>
      <c r="DO19" s="160">
        <v>0</v>
      </c>
      <c r="DP19" s="160">
        <v>0</v>
      </c>
      <c r="DQ19" s="160">
        <v>0</v>
      </c>
      <c r="DR19" s="165">
        <v>0</v>
      </c>
      <c r="DS19" s="164">
        <v>0</v>
      </c>
      <c r="DT19" s="159">
        <v>194</v>
      </c>
      <c r="DU19" s="160">
        <v>528</v>
      </c>
      <c r="DV19" s="165">
        <v>722</v>
      </c>
      <c r="DW19" s="162">
        <v>0</v>
      </c>
      <c r="DX19" s="160">
        <v>396</v>
      </c>
      <c r="DY19" s="160">
        <v>1240</v>
      </c>
      <c r="DZ19" s="160">
        <v>774</v>
      </c>
      <c r="EA19" s="160">
        <v>584</v>
      </c>
      <c r="EB19" s="160">
        <v>321</v>
      </c>
      <c r="EC19" s="165">
        <v>3315</v>
      </c>
      <c r="ED19" s="164">
        <v>4037</v>
      </c>
      <c r="EE19" s="159">
        <v>31</v>
      </c>
      <c r="EF19" s="160">
        <v>34</v>
      </c>
      <c r="EG19" s="165">
        <v>65</v>
      </c>
      <c r="EH19" s="162">
        <v>0</v>
      </c>
      <c r="EI19" s="160">
        <v>95</v>
      </c>
      <c r="EJ19" s="160">
        <v>139</v>
      </c>
      <c r="EK19" s="160">
        <v>92</v>
      </c>
      <c r="EL19" s="160">
        <v>101</v>
      </c>
      <c r="EM19" s="160">
        <v>66</v>
      </c>
      <c r="EN19" s="165">
        <v>493</v>
      </c>
      <c r="EO19" s="164">
        <v>558</v>
      </c>
      <c r="EP19" s="159">
        <v>254</v>
      </c>
      <c r="EQ19" s="160">
        <v>614</v>
      </c>
      <c r="ER19" s="165">
        <v>868</v>
      </c>
      <c r="ES19" s="162">
        <v>0</v>
      </c>
      <c r="ET19" s="160">
        <v>940</v>
      </c>
      <c r="EU19" s="160">
        <v>1601</v>
      </c>
      <c r="EV19" s="160">
        <v>904</v>
      </c>
      <c r="EW19" s="160">
        <v>621</v>
      </c>
      <c r="EX19" s="160">
        <v>316</v>
      </c>
      <c r="EY19" s="165">
        <v>4382</v>
      </c>
      <c r="EZ19" s="164">
        <v>5250</v>
      </c>
    </row>
    <row r="20" spans="2:156" ht="21" customHeight="1" x14ac:dyDescent="0.2">
      <c r="B20" s="166" t="s">
        <v>18</v>
      </c>
      <c r="C20" s="159">
        <v>0</v>
      </c>
      <c r="D20" s="160">
        <v>0</v>
      </c>
      <c r="E20" s="161">
        <v>0</v>
      </c>
      <c r="F20" s="162">
        <v>0</v>
      </c>
      <c r="G20" s="160">
        <v>468</v>
      </c>
      <c r="H20" s="160">
        <v>526</v>
      </c>
      <c r="I20" s="160">
        <v>317</v>
      </c>
      <c r="J20" s="160">
        <v>238</v>
      </c>
      <c r="K20" s="160">
        <v>211</v>
      </c>
      <c r="L20" s="163">
        <v>1760</v>
      </c>
      <c r="M20" s="164">
        <v>1760</v>
      </c>
      <c r="N20" s="159">
        <v>0</v>
      </c>
      <c r="O20" s="160">
        <v>0</v>
      </c>
      <c r="P20" s="165">
        <v>0</v>
      </c>
      <c r="Q20" s="162">
        <v>0</v>
      </c>
      <c r="R20" s="160">
        <v>4</v>
      </c>
      <c r="S20" s="160">
        <v>6</v>
      </c>
      <c r="T20" s="160">
        <v>20</v>
      </c>
      <c r="U20" s="160">
        <v>52</v>
      </c>
      <c r="V20" s="160">
        <v>78</v>
      </c>
      <c r="W20" s="165">
        <v>160</v>
      </c>
      <c r="X20" s="164">
        <v>160</v>
      </c>
      <c r="Y20" s="159">
        <v>59</v>
      </c>
      <c r="Z20" s="160">
        <v>128</v>
      </c>
      <c r="AA20" s="165">
        <v>187</v>
      </c>
      <c r="AB20" s="162">
        <v>0</v>
      </c>
      <c r="AC20" s="160">
        <v>361</v>
      </c>
      <c r="AD20" s="160">
        <v>414</v>
      </c>
      <c r="AE20" s="160">
        <v>271</v>
      </c>
      <c r="AF20" s="160">
        <v>203</v>
      </c>
      <c r="AG20" s="160">
        <v>152</v>
      </c>
      <c r="AH20" s="165">
        <v>1401</v>
      </c>
      <c r="AI20" s="164">
        <v>1588</v>
      </c>
      <c r="AJ20" s="159">
        <v>10</v>
      </c>
      <c r="AK20" s="160">
        <v>16</v>
      </c>
      <c r="AL20" s="165">
        <v>26</v>
      </c>
      <c r="AM20" s="162">
        <v>0</v>
      </c>
      <c r="AN20" s="160">
        <v>41</v>
      </c>
      <c r="AO20" s="160">
        <v>53</v>
      </c>
      <c r="AP20" s="160">
        <v>33</v>
      </c>
      <c r="AQ20" s="160">
        <v>19</v>
      </c>
      <c r="AR20" s="160">
        <v>15</v>
      </c>
      <c r="AS20" s="165">
        <v>161</v>
      </c>
      <c r="AT20" s="164">
        <v>187</v>
      </c>
      <c r="AU20" s="159">
        <v>58</v>
      </c>
      <c r="AV20" s="160">
        <v>72</v>
      </c>
      <c r="AW20" s="165">
        <v>130</v>
      </c>
      <c r="AX20" s="162">
        <v>0</v>
      </c>
      <c r="AY20" s="160">
        <v>501</v>
      </c>
      <c r="AZ20" s="160">
        <v>625</v>
      </c>
      <c r="BA20" s="160">
        <v>557</v>
      </c>
      <c r="BB20" s="160">
        <v>535</v>
      </c>
      <c r="BC20" s="160">
        <v>411</v>
      </c>
      <c r="BD20" s="163">
        <v>2629</v>
      </c>
      <c r="BE20" s="164">
        <v>2759</v>
      </c>
      <c r="BF20" s="159">
        <v>0</v>
      </c>
      <c r="BG20" s="160">
        <v>0</v>
      </c>
      <c r="BH20" s="165">
        <v>0</v>
      </c>
      <c r="BI20" s="162">
        <v>0</v>
      </c>
      <c r="BJ20" s="160">
        <v>710</v>
      </c>
      <c r="BK20" s="160">
        <v>678</v>
      </c>
      <c r="BL20" s="160">
        <v>399</v>
      </c>
      <c r="BM20" s="160">
        <v>212</v>
      </c>
      <c r="BN20" s="160">
        <v>98</v>
      </c>
      <c r="BO20" s="165">
        <v>2097</v>
      </c>
      <c r="BP20" s="164">
        <v>2097</v>
      </c>
      <c r="BQ20" s="159">
        <v>65</v>
      </c>
      <c r="BR20" s="160">
        <v>118</v>
      </c>
      <c r="BS20" s="165">
        <v>183</v>
      </c>
      <c r="BT20" s="162">
        <v>0</v>
      </c>
      <c r="BU20" s="160">
        <v>186</v>
      </c>
      <c r="BV20" s="160">
        <v>195</v>
      </c>
      <c r="BW20" s="160">
        <v>118</v>
      </c>
      <c r="BX20" s="160">
        <v>63</v>
      </c>
      <c r="BY20" s="160">
        <v>23</v>
      </c>
      <c r="BZ20" s="165">
        <v>585</v>
      </c>
      <c r="CA20" s="164">
        <v>768</v>
      </c>
      <c r="CB20" s="159">
        <v>3</v>
      </c>
      <c r="CC20" s="160">
        <v>6</v>
      </c>
      <c r="CD20" s="165">
        <v>9</v>
      </c>
      <c r="CE20" s="162">
        <v>0</v>
      </c>
      <c r="CF20" s="160">
        <v>53</v>
      </c>
      <c r="CG20" s="160">
        <v>86</v>
      </c>
      <c r="CH20" s="160">
        <v>133</v>
      </c>
      <c r="CI20" s="160">
        <v>92</v>
      </c>
      <c r="CJ20" s="160">
        <v>53</v>
      </c>
      <c r="CK20" s="165">
        <v>417</v>
      </c>
      <c r="CL20" s="164">
        <v>426</v>
      </c>
      <c r="CM20" s="159">
        <v>0</v>
      </c>
      <c r="CN20" s="160">
        <v>0</v>
      </c>
      <c r="CO20" s="165">
        <v>0</v>
      </c>
      <c r="CP20" s="162">
        <v>0</v>
      </c>
      <c r="CQ20" s="160">
        <v>3</v>
      </c>
      <c r="CR20" s="160">
        <v>9</v>
      </c>
      <c r="CS20" s="160">
        <v>7</v>
      </c>
      <c r="CT20" s="160">
        <v>5</v>
      </c>
      <c r="CU20" s="160">
        <v>0</v>
      </c>
      <c r="CV20" s="165">
        <v>24</v>
      </c>
      <c r="CW20" s="164">
        <v>24</v>
      </c>
      <c r="CX20" s="159">
        <v>0</v>
      </c>
      <c r="CY20" s="160">
        <v>0</v>
      </c>
      <c r="CZ20" s="165">
        <v>0</v>
      </c>
      <c r="DA20" s="162">
        <v>0</v>
      </c>
      <c r="DB20" s="160">
        <v>0</v>
      </c>
      <c r="DC20" s="160">
        <v>0</v>
      </c>
      <c r="DD20" s="160">
        <v>0</v>
      </c>
      <c r="DE20" s="160">
        <v>0</v>
      </c>
      <c r="DF20" s="160">
        <v>0</v>
      </c>
      <c r="DG20" s="165">
        <v>0</v>
      </c>
      <c r="DH20" s="164">
        <v>0</v>
      </c>
      <c r="DI20" s="159">
        <v>0</v>
      </c>
      <c r="DJ20" s="160">
        <v>0</v>
      </c>
      <c r="DK20" s="165">
        <v>0</v>
      </c>
      <c r="DL20" s="162">
        <v>0</v>
      </c>
      <c r="DM20" s="160">
        <v>0</v>
      </c>
      <c r="DN20" s="160">
        <v>0</v>
      </c>
      <c r="DO20" s="160">
        <v>0</v>
      </c>
      <c r="DP20" s="160">
        <v>0</v>
      </c>
      <c r="DQ20" s="160">
        <v>0</v>
      </c>
      <c r="DR20" s="165">
        <v>0</v>
      </c>
      <c r="DS20" s="164">
        <v>0</v>
      </c>
      <c r="DT20" s="159">
        <v>236</v>
      </c>
      <c r="DU20" s="160">
        <v>563</v>
      </c>
      <c r="DV20" s="165">
        <v>799</v>
      </c>
      <c r="DW20" s="162">
        <v>0</v>
      </c>
      <c r="DX20" s="160">
        <v>825</v>
      </c>
      <c r="DY20" s="160">
        <v>1202</v>
      </c>
      <c r="DZ20" s="160">
        <v>737</v>
      </c>
      <c r="EA20" s="160">
        <v>542</v>
      </c>
      <c r="EB20" s="160">
        <v>372</v>
      </c>
      <c r="EC20" s="165">
        <v>3678</v>
      </c>
      <c r="ED20" s="164">
        <v>4477</v>
      </c>
      <c r="EE20" s="159">
        <v>32</v>
      </c>
      <c r="EF20" s="160">
        <v>9</v>
      </c>
      <c r="EG20" s="165">
        <v>41</v>
      </c>
      <c r="EH20" s="162">
        <v>0</v>
      </c>
      <c r="EI20" s="160">
        <v>135</v>
      </c>
      <c r="EJ20" s="160">
        <v>111</v>
      </c>
      <c r="EK20" s="160">
        <v>113</v>
      </c>
      <c r="EL20" s="160">
        <v>113</v>
      </c>
      <c r="EM20" s="160">
        <v>79</v>
      </c>
      <c r="EN20" s="165">
        <v>551</v>
      </c>
      <c r="EO20" s="164">
        <v>592</v>
      </c>
      <c r="EP20" s="159">
        <v>347</v>
      </c>
      <c r="EQ20" s="160">
        <v>694</v>
      </c>
      <c r="ER20" s="165">
        <v>1041</v>
      </c>
      <c r="ES20" s="162">
        <v>0</v>
      </c>
      <c r="ET20" s="160">
        <v>1674</v>
      </c>
      <c r="EU20" s="160">
        <v>1529</v>
      </c>
      <c r="EV20" s="160">
        <v>870</v>
      </c>
      <c r="EW20" s="160">
        <v>565</v>
      </c>
      <c r="EX20" s="160">
        <v>366</v>
      </c>
      <c r="EY20" s="165">
        <v>5004</v>
      </c>
      <c r="EZ20" s="164">
        <v>6045</v>
      </c>
    </row>
    <row r="21" spans="2:156" ht="21" customHeight="1" x14ac:dyDescent="0.2">
      <c r="B21" s="166" t="s">
        <v>19</v>
      </c>
      <c r="C21" s="159">
        <v>0</v>
      </c>
      <c r="D21" s="160">
        <v>0</v>
      </c>
      <c r="E21" s="161">
        <v>0</v>
      </c>
      <c r="F21" s="162">
        <v>0</v>
      </c>
      <c r="G21" s="160">
        <v>193</v>
      </c>
      <c r="H21" s="160">
        <v>151</v>
      </c>
      <c r="I21" s="160">
        <v>108</v>
      </c>
      <c r="J21" s="160">
        <v>80</v>
      </c>
      <c r="K21" s="160">
        <v>62</v>
      </c>
      <c r="L21" s="163">
        <v>594</v>
      </c>
      <c r="M21" s="164">
        <v>594</v>
      </c>
      <c r="N21" s="159">
        <v>0</v>
      </c>
      <c r="O21" s="160">
        <v>0</v>
      </c>
      <c r="P21" s="165">
        <v>0</v>
      </c>
      <c r="Q21" s="162">
        <v>0</v>
      </c>
      <c r="R21" s="160">
        <v>5</v>
      </c>
      <c r="S21" s="160">
        <v>6</v>
      </c>
      <c r="T21" s="160">
        <v>12</v>
      </c>
      <c r="U21" s="160">
        <v>22</v>
      </c>
      <c r="V21" s="160">
        <v>27</v>
      </c>
      <c r="W21" s="165">
        <v>72</v>
      </c>
      <c r="X21" s="164">
        <v>72</v>
      </c>
      <c r="Y21" s="159">
        <v>40</v>
      </c>
      <c r="Z21" s="160">
        <v>60</v>
      </c>
      <c r="AA21" s="165">
        <v>100</v>
      </c>
      <c r="AB21" s="162">
        <v>0</v>
      </c>
      <c r="AC21" s="160">
        <v>180</v>
      </c>
      <c r="AD21" s="160">
        <v>158</v>
      </c>
      <c r="AE21" s="160">
        <v>114</v>
      </c>
      <c r="AF21" s="160">
        <v>78</v>
      </c>
      <c r="AG21" s="160">
        <v>65</v>
      </c>
      <c r="AH21" s="165">
        <v>595</v>
      </c>
      <c r="AI21" s="164">
        <v>695</v>
      </c>
      <c r="AJ21" s="159">
        <v>1</v>
      </c>
      <c r="AK21" s="160">
        <v>5</v>
      </c>
      <c r="AL21" s="165">
        <v>6</v>
      </c>
      <c r="AM21" s="162">
        <v>0</v>
      </c>
      <c r="AN21" s="160">
        <v>22</v>
      </c>
      <c r="AO21" s="160">
        <v>15</v>
      </c>
      <c r="AP21" s="160">
        <v>7</v>
      </c>
      <c r="AQ21" s="160">
        <v>11</v>
      </c>
      <c r="AR21" s="160">
        <v>4</v>
      </c>
      <c r="AS21" s="165">
        <v>59</v>
      </c>
      <c r="AT21" s="164">
        <v>65</v>
      </c>
      <c r="AU21" s="159">
        <v>44</v>
      </c>
      <c r="AV21" s="160">
        <v>47</v>
      </c>
      <c r="AW21" s="165">
        <v>91</v>
      </c>
      <c r="AX21" s="162">
        <v>0</v>
      </c>
      <c r="AY21" s="160">
        <v>222</v>
      </c>
      <c r="AZ21" s="160">
        <v>221</v>
      </c>
      <c r="BA21" s="160">
        <v>185</v>
      </c>
      <c r="BB21" s="160">
        <v>171</v>
      </c>
      <c r="BC21" s="160">
        <v>151</v>
      </c>
      <c r="BD21" s="163">
        <v>950</v>
      </c>
      <c r="BE21" s="164">
        <v>1041</v>
      </c>
      <c r="BF21" s="159">
        <v>0</v>
      </c>
      <c r="BG21" s="160">
        <v>0</v>
      </c>
      <c r="BH21" s="165">
        <v>0</v>
      </c>
      <c r="BI21" s="162">
        <v>0</v>
      </c>
      <c r="BJ21" s="160">
        <v>273</v>
      </c>
      <c r="BK21" s="160">
        <v>238</v>
      </c>
      <c r="BL21" s="160">
        <v>126</v>
      </c>
      <c r="BM21" s="160">
        <v>61</v>
      </c>
      <c r="BN21" s="160">
        <v>41</v>
      </c>
      <c r="BO21" s="165">
        <v>739</v>
      </c>
      <c r="BP21" s="164">
        <v>739</v>
      </c>
      <c r="BQ21" s="159">
        <v>40</v>
      </c>
      <c r="BR21" s="160">
        <v>69</v>
      </c>
      <c r="BS21" s="165">
        <v>109</v>
      </c>
      <c r="BT21" s="162">
        <v>0</v>
      </c>
      <c r="BU21" s="160">
        <v>135</v>
      </c>
      <c r="BV21" s="160">
        <v>116</v>
      </c>
      <c r="BW21" s="160">
        <v>52</v>
      </c>
      <c r="BX21" s="160">
        <v>31</v>
      </c>
      <c r="BY21" s="160">
        <v>8</v>
      </c>
      <c r="BZ21" s="165">
        <v>342</v>
      </c>
      <c r="CA21" s="164">
        <v>451</v>
      </c>
      <c r="CB21" s="159">
        <v>5</v>
      </c>
      <c r="CC21" s="160">
        <v>3</v>
      </c>
      <c r="CD21" s="165">
        <v>8</v>
      </c>
      <c r="CE21" s="162">
        <v>0</v>
      </c>
      <c r="CF21" s="160">
        <v>28</v>
      </c>
      <c r="CG21" s="160">
        <v>55</v>
      </c>
      <c r="CH21" s="160">
        <v>46</v>
      </c>
      <c r="CI21" s="160">
        <v>20</v>
      </c>
      <c r="CJ21" s="160">
        <v>8</v>
      </c>
      <c r="CK21" s="165">
        <v>157</v>
      </c>
      <c r="CL21" s="164">
        <v>165</v>
      </c>
      <c r="CM21" s="159">
        <v>0</v>
      </c>
      <c r="CN21" s="160">
        <v>0</v>
      </c>
      <c r="CO21" s="165">
        <v>0</v>
      </c>
      <c r="CP21" s="162">
        <v>0</v>
      </c>
      <c r="CQ21" s="160">
        <v>9</v>
      </c>
      <c r="CR21" s="160">
        <v>9</v>
      </c>
      <c r="CS21" s="160">
        <v>10</v>
      </c>
      <c r="CT21" s="160">
        <v>10</v>
      </c>
      <c r="CU21" s="160">
        <v>4</v>
      </c>
      <c r="CV21" s="165">
        <v>42</v>
      </c>
      <c r="CW21" s="164">
        <v>42</v>
      </c>
      <c r="CX21" s="159">
        <v>0</v>
      </c>
      <c r="CY21" s="160">
        <v>0</v>
      </c>
      <c r="CZ21" s="165">
        <v>0</v>
      </c>
      <c r="DA21" s="162">
        <v>0</v>
      </c>
      <c r="DB21" s="160">
        <v>0</v>
      </c>
      <c r="DC21" s="160">
        <v>0</v>
      </c>
      <c r="DD21" s="160">
        <v>0</v>
      </c>
      <c r="DE21" s="160">
        <v>0</v>
      </c>
      <c r="DF21" s="160">
        <v>0</v>
      </c>
      <c r="DG21" s="165">
        <v>0</v>
      </c>
      <c r="DH21" s="164">
        <v>0</v>
      </c>
      <c r="DI21" s="159">
        <v>0</v>
      </c>
      <c r="DJ21" s="160">
        <v>0</v>
      </c>
      <c r="DK21" s="165">
        <v>0</v>
      </c>
      <c r="DL21" s="162">
        <v>0</v>
      </c>
      <c r="DM21" s="160">
        <v>0</v>
      </c>
      <c r="DN21" s="160">
        <v>0</v>
      </c>
      <c r="DO21" s="160">
        <v>0</v>
      </c>
      <c r="DP21" s="160">
        <v>0</v>
      </c>
      <c r="DQ21" s="160">
        <v>0</v>
      </c>
      <c r="DR21" s="165">
        <v>0</v>
      </c>
      <c r="DS21" s="164">
        <v>0</v>
      </c>
      <c r="DT21" s="159">
        <v>159</v>
      </c>
      <c r="DU21" s="160">
        <v>248</v>
      </c>
      <c r="DV21" s="165">
        <v>407</v>
      </c>
      <c r="DW21" s="162">
        <v>0</v>
      </c>
      <c r="DX21" s="160">
        <v>435</v>
      </c>
      <c r="DY21" s="160">
        <v>435</v>
      </c>
      <c r="DZ21" s="160">
        <v>268</v>
      </c>
      <c r="EA21" s="160">
        <v>189</v>
      </c>
      <c r="EB21" s="160">
        <v>130</v>
      </c>
      <c r="EC21" s="165">
        <v>1457</v>
      </c>
      <c r="ED21" s="164">
        <v>1864</v>
      </c>
      <c r="EE21" s="159">
        <v>16</v>
      </c>
      <c r="EF21" s="160">
        <v>16</v>
      </c>
      <c r="EG21" s="165">
        <v>32</v>
      </c>
      <c r="EH21" s="162">
        <v>0</v>
      </c>
      <c r="EI21" s="160">
        <v>60</v>
      </c>
      <c r="EJ21" s="160">
        <v>55</v>
      </c>
      <c r="EK21" s="160">
        <v>54</v>
      </c>
      <c r="EL21" s="160">
        <v>46</v>
      </c>
      <c r="EM21" s="160">
        <v>33</v>
      </c>
      <c r="EN21" s="165">
        <v>248</v>
      </c>
      <c r="EO21" s="164">
        <v>280</v>
      </c>
      <c r="EP21" s="159">
        <v>221</v>
      </c>
      <c r="EQ21" s="160">
        <v>309</v>
      </c>
      <c r="ER21" s="165">
        <v>530</v>
      </c>
      <c r="ES21" s="162">
        <v>0</v>
      </c>
      <c r="ET21" s="160">
        <v>759</v>
      </c>
      <c r="EU21" s="160">
        <v>590</v>
      </c>
      <c r="EV21" s="160">
        <v>299</v>
      </c>
      <c r="EW21" s="160">
        <v>183</v>
      </c>
      <c r="EX21" s="160">
        <v>119</v>
      </c>
      <c r="EY21" s="165">
        <v>1950</v>
      </c>
      <c r="EZ21" s="164">
        <v>2480</v>
      </c>
    </row>
    <row r="22" spans="2:156" ht="21" customHeight="1" x14ac:dyDescent="0.2">
      <c r="B22" s="166" t="s">
        <v>20</v>
      </c>
      <c r="C22" s="159">
        <v>0</v>
      </c>
      <c r="D22" s="160">
        <v>0</v>
      </c>
      <c r="E22" s="161">
        <v>0</v>
      </c>
      <c r="F22" s="162">
        <v>0</v>
      </c>
      <c r="G22" s="160">
        <v>297</v>
      </c>
      <c r="H22" s="160">
        <v>213</v>
      </c>
      <c r="I22" s="160">
        <v>146</v>
      </c>
      <c r="J22" s="160">
        <v>116</v>
      </c>
      <c r="K22" s="160">
        <v>100</v>
      </c>
      <c r="L22" s="163">
        <v>872</v>
      </c>
      <c r="M22" s="164">
        <v>872</v>
      </c>
      <c r="N22" s="159">
        <v>0</v>
      </c>
      <c r="O22" s="160">
        <v>0</v>
      </c>
      <c r="P22" s="165">
        <v>0</v>
      </c>
      <c r="Q22" s="162">
        <v>0</v>
      </c>
      <c r="R22" s="160">
        <v>1</v>
      </c>
      <c r="S22" s="160">
        <v>4</v>
      </c>
      <c r="T22" s="160">
        <v>6</v>
      </c>
      <c r="U22" s="160">
        <v>24</v>
      </c>
      <c r="V22" s="160">
        <v>35</v>
      </c>
      <c r="W22" s="165">
        <v>70</v>
      </c>
      <c r="X22" s="164">
        <v>70</v>
      </c>
      <c r="Y22" s="159">
        <v>47</v>
      </c>
      <c r="Z22" s="160">
        <v>89</v>
      </c>
      <c r="AA22" s="165">
        <v>136</v>
      </c>
      <c r="AB22" s="162">
        <v>0</v>
      </c>
      <c r="AC22" s="160">
        <v>263</v>
      </c>
      <c r="AD22" s="160">
        <v>217</v>
      </c>
      <c r="AE22" s="160">
        <v>143</v>
      </c>
      <c r="AF22" s="160">
        <v>105</v>
      </c>
      <c r="AG22" s="160">
        <v>56</v>
      </c>
      <c r="AH22" s="165">
        <v>784</v>
      </c>
      <c r="AI22" s="164">
        <v>920</v>
      </c>
      <c r="AJ22" s="159">
        <v>14</v>
      </c>
      <c r="AK22" s="160">
        <v>44</v>
      </c>
      <c r="AL22" s="165">
        <v>58</v>
      </c>
      <c r="AM22" s="162">
        <v>0</v>
      </c>
      <c r="AN22" s="160">
        <v>62</v>
      </c>
      <c r="AO22" s="160">
        <v>61</v>
      </c>
      <c r="AP22" s="160">
        <v>43</v>
      </c>
      <c r="AQ22" s="160">
        <v>31</v>
      </c>
      <c r="AR22" s="160">
        <v>13</v>
      </c>
      <c r="AS22" s="165">
        <v>210</v>
      </c>
      <c r="AT22" s="164">
        <v>268</v>
      </c>
      <c r="AU22" s="159">
        <v>27</v>
      </c>
      <c r="AV22" s="160">
        <v>45</v>
      </c>
      <c r="AW22" s="165">
        <v>72</v>
      </c>
      <c r="AX22" s="162">
        <v>0</v>
      </c>
      <c r="AY22" s="160">
        <v>260</v>
      </c>
      <c r="AZ22" s="160">
        <v>254</v>
      </c>
      <c r="BA22" s="160">
        <v>277</v>
      </c>
      <c r="BB22" s="160">
        <v>207</v>
      </c>
      <c r="BC22" s="160">
        <v>177</v>
      </c>
      <c r="BD22" s="163">
        <v>1175</v>
      </c>
      <c r="BE22" s="164">
        <v>1247</v>
      </c>
      <c r="BF22" s="159">
        <v>0</v>
      </c>
      <c r="BG22" s="160">
        <v>0</v>
      </c>
      <c r="BH22" s="165">
        <v>0</v>
      </c>
      <c r="BI22" s="162">
        <v>0</v>
      </c>
      <c r="BJ22" s="160">
        <v>345</v>
      </c>
      <c r="BK22" s="160">
        <v>222</v>
      </c>
      <c r="BL22" s="160">
        <v>153</v>
      </c>
      <c r="BM22" s="160">
        <v>72</v>
      </c>
      <c r="BN22" s="160">
        <v>33</v>
      </c>
      <c r="BO22" s="165">
        <v>825</v>
      </c>
      <c r="BP22" s="164">
        <v>825</v>
      </c>
      <c r="BQ22" s="159">
        <v>15</v>
      </c>
      <c r="BR22" s="160">
        <v>34</v>
      </c>
      <c r="BS22" s="165">
        <v>49</v>
      </c>
      <c r="BT22" s="162">
        <v>0</v>
      </c>
      <c r="BU22" s="160">
        <v>128</v>
      </c>
      <c r="BV22" s="160">
        <v>89</v>
      </c>
      <c r="BW22" s="160">
        <v>43</v>
      </c>
      <c r="BX22" s="160">
        <v>47</v>
      </c>
      <c r="BY22" s="160">
        <v>15</v>
      </c>
      <c r="BZ22" s="165">
        <v>322</v>
      </c>
      <c r="CA22" s="164">
        <v>371</v>
      </c>
      <c r="CB22" s="159">
        <v>2</v>
      </c>
      <c r="CC22" s="160">
        <v>3</v>
      </c>
      <c r="CD22" s="165">
        <v>5</v>
      </c>
      <c r="CE22" s="162">
        <v>0</v>
      </c>
      <c r="CF22" s="160">
        <v>61</v>
      </c>
      <c r="CG22" s="160">
        <v>54</v>
      </c>
      <c r="CH22" s="160">
        <v>79</v>
      </c>
      <c r="CI22" s="160">
        <v>41</v>
      </c>
      <c r="CJ22" s="160">
        <v>25</v>
      </c>
      <c r="CK22" s="165">
        <v>260</v>
      </c>
      <c r="CL22" s="164">
        <v>265</v>
      </c>
      <c r="CM22" s="159">
        <v>0</v>
      </c>
      <c r="CN22" s="160">
        <v>0</v>
      </c>
      <c r="CO22" s="165">
        <v>0</v>
      </c>
      <c r="CP22" s="162">
        <v>0</v>
      </c>
      <c r="CQ22" s="160">
        <v>5</v>
      </c>
      <c r="CR22" s="160">
        <v>8</v>
      </c>
      <c r="CS22" s="160">
        <v>2</v>
      </c>
      <c r="CT22" s="160">
        <v>10</v>
      </c>
      <c r="CU22" s="160">
        <v>5</v>
      </c>
      <c r="CV22" s="165">
        <v>30</v>
      </c>
      <c r="CW22" s="164">
        <v>30</v>
      </c>
      <c r="CX22" s="159">
        <v>0</v>
      </c>
      <c r="CY22" s="160">
        <v>0</v>
      </c>
      <c r="CZ22" s="165">
        <v>0</v>
      </c>
      <c r="DA22" s="162">
        <v>0</v>
      </c>
      <c r="DB22" s="160">
        <v>0</v>
      </c>
      <c r="DC22" s="160">
        <v>0</v>
      </c>
      <c r="DD22" s="160">
        <v>0</v>
      </c>
      <c r="DE22" s="160">
        <v>0</v>
      </c>
      <c r="DF22" s="160">
        <v>0</v>
      </c>
      <c r="DG22" s="165">
        <v>0</v>
      </c>
      <c r="DH22" s="164">
        <v>0</v>
      </c>
      <c r="DI22" s="159">
        <v>0</v>
      </c>
      <c r="DJ22" s="160">
        <v>0</v>
      </c>
      <c r="DK22" s="165">
        <v>0</v>
      </c>
      <c r="DL22" s="162">
        <v>0</v>
      </c>
      <c r="DM22" s="160">
        <v>0</v>
      </c>
      <c r="DN22" s="160">
        <v>0</v>
      </c>
      <c r="DO22" s="160">
        <v>0</v>
      </c>
      <c r="DP22" s="160">
        <v>0</v>
      </c>
      <c r="DQ22" s="160">
        <v>0</v>
      </c>
      <c r="DR22" s="165">
        <v>0</v>
      </c>
      <c r="DS22" s="164">
        <v>0</v>
      </c>
      <c r="DT22" s="159">
        <v>177</v>
      </c>
      <c r="DU22" s="160">
        <v>333</v>
      </c>
      <c r="DV22" s="165">
        <v>510</v>
      </c>
      <c r="DW22" s="162">
        <v>0</v>
      </c>
      <c r="DX22" s="160">
        <v>599</v>
      </c>
      <c r="DY22" s="160">
        <v>503</v>
      </c>
      <c r="DZ22" s="160">
        <v>354</v>
      </c>
      <c r="EA22" s="160">
        <v>250</v>
      </c>
      <c r="EB22" s="160">
        <v>142</v>
      </c>
      <c r="EC22" s="165">
        <v>1848</v>
      </c>
      <c r="ED22" s="164">
        <v>2358</v>
      </c>
      <c r="EE22" s="159">
        <v>14</v>
      </c>
      <c r="EF22" s="160">
        <v>11</v>
      </c>
      <c r="EG22" s="165">
        <v>25</v>
      </c>
      <c r="EH22" s="162">
        <v>0</v>
      </c>
      <c r="EI22" s="160">
        <v>78</v>
      </c>
      <c r="EJ22" s="160">
        <v>59</v>
      </c>
      <c r="EK22" s="160">
        <v>62</v>
      </c>
      <c r="EL22" s="160">
        <v>57</v>
      </c>
      <c r="EM22" s="160">
        <v>37</v>
      </c>
      <c r="EN22" s="165">
        <v>293</v>
      </c>
      <c r="EO22" s="164">
        <v>318</v>
      </c>
      <c r="EP22" s="159">
        <v>233</v>
      </c>
      <c r="EQ22" s="160">
        <v>416</v>
      </c>
      <c r="ER22" s="165">
        <v>649</v>
      </c>
      <c r="ES22" s="162">
        <v>0</v>
      </c>
      <c r="ET22" s="160">
        <v>1131</v>
      </c>
      <c r="EU22" s="160">
        <v>697</v>
      </c>
      <c r="EV22" s="160">
        <v>430</v>
      </c>
      <c r="EW22" s="160">
        <v>286</v>
      </c>
      <c r="EX22" s="160">
        <v>156</v>
      </c>
      <c r="EY22" s="165">
        <v>2700</v>
      </c>
      <c r="EZ22" s="164">
        <v>3349</v>
      </c>
    </row>
    <row r="23" spans="2:156" ht="21" customHeight="1" x14ac:dyDescent="0.2">
      <c r="B23" s="166" t="s">
        <v>21</v>
      </c>
      <c r="C23" s="159">
        <v>0</v>
      </c>
      <c r="D23" s="160">
        <v>0</v>
      </c>
      <c r="E23" s="161">
        <v>0</v>
      </c>
      <c r="F23" s="162">
        <v>0</v>
      </c>
      <c r="G23" s="160">
        <v>288</v>
      </c>
      <c r="H23" s="160">
        <v>355</v>
      </c>
      <c r="I23" s="160">
        <v>221</v>
      </c>
      <c r="J23" s="160">
        <v>125</v>
      </c>
      <c r="K23" s="160">
        <v>117</v>
      </c>
      <c r="L23" s="163">
        <v>1106</v>
      </c>
      <c r="M23" s="164">
        <v>1106</v>
      </c>
      <c r="N23" s="159">
        <v>0</v>
      </c>
      <c r="O23" s="160">
        <v>0</v>
      </c>
      <c r="P23" s="165">
        <v>0</v>
      </c>
      <c r="Q23" s="162">
        <v>0</v>
      </c>
      <c r="R23" s="160">
        <v>0</v>
      </c>
      <c r="S23" s="160">
        <v>2</v>
      </c>
      <c r="T23" s="160">
        <v>11</v>
      </c>
      <c r="U23" s="160">
        <v>24</v>
      </c>
      <c r="V23" s="160">
        <v>48</v>
      </c>
      <c r="W23" s="165">
        <v>85</v>
      </c>
      <c r="X23" s="164">
        <v>85</v>
      </c>
      <c r="Y23" s="159">
        <v>60</v>
      </c>
      <c r="Z23" s="160">
        <v>94</v>
      </c>
      <c r="AA23" s="165">
        <v>154</v>
      </c>
      <c r="AB23" s="162">
        <v>0</v>
      </c>
      <c r="AC23" s="160">
        <v>245</v>
      </c>
      <c r="AD23" s="160">
        <v>276</v>
      </c>
      <c r="AE23" s="160">
        <v>175</v>
      </c>
      <c r="AF23" s="160">
        <v>124</v>
      </c>
      <c r="AG23" s="160">
        <v>88</v>
      </c>
      <c r="AH23" s="165">
        <v>908</v>
      </c>
      <c r="AI23" s="164">
        <v>1062</v>
      </c>
      <c r="AJ23" s="159">
        <v>17</v>
      </c>
      <c r="AK23" s="160">
        <v>33</v>
      </c>
      <c r="AL23" s="165">
        <v>50</v>
      </c>
      <c r="AM23" s="162">
        <v>0</v>
      </c>
      <c r="AN23" s="160">
        <v>24</v>
      </c>
      <c r="AO23" s="160">
        <v>47</v>
      </c>
      <c r="AP23" s="160">
        <v>25</v>
      </c>
      <c r="AQ23" s="160">
        <v>11</v>
      </c>
      <c r="AR23" s="160">
        <v>8</v>
      </c>
      <c r="AS23" s="165">
        <v>115</v>
      </c>
      <c r="AT23" s="164">
        <v>165</v>
      </c>
      <c r="AU23" s="159">
        <v>48</v>
      </c>
      <c r="AV23" s="160">
        <v>44</v>
      </c>
      <c r="AW23" s="165">
        <v>92</v>
      </c>
      <c r="AX23" s="162">
        <v>0</v>
      </c>
      <c r="AY23" s="160">
        <v>300</v>
      </c>
      <c r="AZ23" s="160">
        <v>368</v>
      </c>
      <c r="BA23" s="160">
        <v>322</v>
      </c>
      <c r="BB23" s="160">
        <v>254</v>
      </c>
      <c r="BC23" s="160">
        <v>195</v>
      </c>
      <c r="BD23" s="163">
        <v>1439</v>
      </c>
      <c r="BE23" s="164">
        <v>1531</v>
      </c>
      <c r="BF23" s="159">
        <v>0</v>
      </c>
      <c r="BG23" s="160">
        <v>0</v>
      </c>
      <c r="BH23" s="165">
        <v>0</v>
      </c>
      <c r="BI23" s="162">
        <v>0</v>
      </c>
      <c r="BJ23" s="160">
        <v>372</v>
      </c>
      <c r="BK23" s="160">
        <v>397</v>
      </c>
      <c r="BL23" s="160">
        <v>220</v>
      </c>
      <c r="BM23" s="160">
        <v>95</v>
      </c>
      <c r="BN23" s="160">
        <v>41</v>
      </c>
      <c r="BO23" s="165">
        <v>1125</v>
      </c>
      <c r="BP23" s="164">
        <v>1125</v>
      </c>
      <c r="BQ23" s="159">
        <v>20</v>
      </c>
      <c r="BR23" s="160">
        <v>32</v>
      </c>
      <c r="BS23" s="165">
        <v>52</v>
      </c>
      <c r="BT23" s="162">
        <v>0</v>
      </c>
      <c r="BU23" s="160">
        <v>62</v>
      </c>
      <c r="BV23" s="160">
        <v>53</v>
      </c>
      <c r="BW23" s="160">
        <v>38</v>
      </c>
      <c r="BX23" s="160">
        <v>15</v>
      </c>
      <c r="BY23" s="160">
        <v>7</v>
      </c>
      <c r="BZ23" s="165">
        <v>175</v>
      </c>
      <c r="CA23" s="164">
        <v>227</v>
      </c>
      <c r="CB23" s="159">
        <v>1</v>
      </c>
      <c r="CC23" s="160">
        <v>2</v>
      </c>
      <c r="CD23" s="165">
        <v>3</v>
      </c>
      <c r="CE23" s="162">
        <v>0</v>
      </c>
      <c r="CF23" s="160">
        <v>30</v>
      </c>
      <c r="CG23" s="160">
        <v>54</v>
      </c>
      <c r="CH23" s="160">
        <v>62</v>
      </c>
      <c r="CI23" s="160">
        <v>44</v>
      </c>
      <c r="CJ23" s="160">
        <v>30</v>
      </c>
      <c r="CK23" s="165">
        <v>220</v>
      </c>
      <c r="CL23" s="164">
        <v>223</v>
      </c>
      <c r="CM23" s="159">
        <v>0</v>
      </c>
      <c r="CN23" s="160">
        <v>1</v>
      </c>
      <c r="CO23" s="165">
        <v>1</v>
      </c>
      <c r="CP23" s="162">
        <v>0</v>
      </c>
      <c r="CQ23" s="160">
        <v>0</v>
      </c>
      <c r="CR23" s="160">
        <v>1</v>
      </c>
      <c r="CS23" s="160">
        <v>4</v>
      </c>
      <c r="CT23" s="160">
        <v>4</v>
      </c>
      <c r="CU23" s="160">
        <v>4</v>
      </c>
      <c r="CV23" s="165">
        <v>13</v>
      </c>
      <c r="CW23" s="164">
        <v>14</v>
      </c>
      <c r="CX23" s="159">
        <v>0</v>
      </c>
      <c r="CY23" s="160">
        <v>0</v>
      </c>
      <c r="CZ23" s="165">
        <v>0</v>
      </c>
      <c r="DA23" s="162">
        <v>0</v>
      </c>
      <c r="DB23" s="160">
        <v>0</v>
      </c>
      <c r="DC23" s="160">
        <v>0</v>
      </c>
      <c r="DD23" s="160">
        <v>0</v>
      </c>
      <c r="DE23" s="160">
        <v>0</v>
      </c>
      <c r="DF23" s="160">
        <v>0</v>
      </c>
      <c r="DG23" s="165">
        <v>0</v>
      </c>
      <c r="DH23" s="164">
        <v>0</v>
      </c>
      <c r="DI23" s="159">
        <v>0</v>
      </c>
      <c r="DJ23" s="160">
        <v>0</v>
      </c>
      <c r="DK23" s="165">
        <v>0</v>
      </c>
      <c r="DL23" s="162">
        <v>0</v>
      </c>
      <c r="DM23" s="160">
        <v>0</v>
      </c>
      <c r="DN23" s="160">
        <v>0</v>
      </c>
      <c r="DO23" s="160">
        <v>0</v>
      </c>
      <c r="DP23" s="160">
        <v>0</v>
      </c>
      <c r="DQ23" s="160">
        <v>0</v>
      </c>
      <c r="DR23" s="165">
        <v>0</v>
      </c>
      <c r="DS23" s="164">
        <v>0</v>
      </c>
      <c r="DT23" s="159">
        <v>223</v>
      </c>
      <c r="DU23" s="160">
        <v>352</v>
      </c>
      <c r="DV23" s="165">
        <v>575</v>
      </c>
      <c r="DW23" s="162">
        <v>0</v>
      </c>
      <c r="DX23" s="160">
        <v>413</v>
      </c>
      <c r="DY23" s="160">
        <v>698</v>
      </c>
      <c r="DZ23" s="160">
        <v>423</v>
      </c>
      <c r="EA23" s="160">
        <v>259</v>
      </c>
      <c r="EB23" s="160">
        <v>173</v>
      </c>
      <c r="EC23" s="165">
        <v>1966</v>
      </c>
      <c r="ED23" s="164">
        <v>2541</v>
      </c>
      <c r="EE23" s="159">
        <v>19</v>
      </c>
      <c r="EF23" s="160">
        <v>12</v>
      </c>
      <c r="EG23" s="165">
        <v>31</v>
      </c>
      <c r="EH23" s="162">
        <v>0</v>
      </c>
      <c r="EI23" s="160">
        <v>83</v>
      </c>
      <c r="EJ23" s="160">
        <v>65</v>
      </c>
      <c r="EK23" s="160">
        <v>58</v>
      </c>
      <c r="EL23" s="160">
        <v>66</v>
      </c>
      <c r="EM23" s="160">
        <v>42</v>
      </c>
      <c r="EN23" s="165">
        <v>314</v>
      </c>
      <c r="EO23" s="164">
        <v>345</v>
      </c>
      <c r="EP23" s="159">
        <v>286</v>
      </c>
      <c r="EQ23" s="160">
        <v>436</v>
      </c>
      <c r="ER23" s="165">
        <v>722</v>
      </c>
      <c r="ES23" s="162">
        <v>0</v>
      </c>
      <c r="ET23" s="160">
        <v>937</v>
      </c>
      <c r="EU23" s="160">
        <v>941</v>
      </c>
      <c r="EV23" s="160">
        <v>506</v>
      </c>
      <c r="EW23" s="160">
        <v>285</v>
      </c>
      <c r="EX23" s="160">
        <v>184</v>
      </c>
      <c r="EY23" s="165">
        <v>2853</v>
      </c>
      <c r="EZ23" s="164">
        <v>3575</v>
      </c>
    </row>
    <row r="24" spans="2:156" ht="21" customHeight="1" x14ac:dyDescent="0.2">
      <c r="B24" s="166" t="s">
        <v>22</v>
      </c>
      <c r="C24" s="159">
        <v>0</v>
      </c>
      <c r="D24" s="160">
        <v>0</v>
      </c>
      <c r="E24" s="161">
        <v>0</v>
      </c>
      <c r="F24" s="162">
        <v>0</v>
      </c>
      <c r="G24" s="160">
        <v>70</v>
      </c>
      <c r="H24" s="160">
        <v>79</v>
      </c>
      <c r="I24" s="160">
        <v>35</v>
      </c>
      <c r="J24" s="160">
        <v>44</v>
      </c>
      <c r="K24" s="160">
        <v>31</v>
      </c>
      <c r="L24" s="163">
        <v>259</v>
      </c>
      <c r="M24" s="164">
        <v>259</v>
      </c>
      <c r="N24" s="159">
        <v>0</v>
      </c>
      <c r="O24" s="160">
        <v>0</v>
      </c>
      <c r="P24" s="165">
        <v>0</v>
      </c>
      <c r="Q24" s="162">
        <v>0</v>
      </c>
      <c r="R24" s="160">
        <v>2</v>
      </c>
      <c r="S24" s="160">
        <v>0</v>
      </c>
      <c r="T24" s="160">
        <v>1</v>
      </c>
      <c r="U24" s="160">
        <v>9</v>
      </c>
      <c r="V24" s="160">
        <v>20</v>
      </c>
      <c r="W24" s="165">
        <v>32</v>
      </c>
      <c r="X24" s="164">
        <v>32</v>
      </c>
      <c r="Y24" s="159">
        <v>7</v>
      </c>
      <c r="Z24" s="160">
        <v>16</v>
      </c>
      <c r="AA24" s="165">
        <v>23</v>
      </c>
      <c r="AB24" s="162">
        <v>0</v>
      </c>
      <c r="AC24" s="160">
        <v>55</v>
      </c>
      <c r="AD24" s="160">
        <v>80</v>
      </c>
      <c r="AE24" s="160">
        <v>38</v>
      </c>
      <c r="AF24" s="160">
        <v>53</v>
      </c>
      <c r="AG24" s="160">
        <v>28</v>
      </c>
      <c r="AH24" s="165">
        <v>254</v>
      </c>
      <c r="AI24" s="164">
        <v>277</v>
      </c>
      <c r="AJ24" s="159">
        <v>1</v>
      </c>
      <c r="AK24" s="160">
        <v>0</v>
      </c>
      <c r="AL24" s="165">
        <v>1</v>
      </c>
      <c r="AM24" s="162">
        <v>0</v>
      </c>
      <c r="AN24" s="160">
        <v>12</v>
      </c>
      <c r="AO24" s="160">
        <v>8</v>
      </c>
      <c r="AP24" s="160">
        <v>4</v>
      </c>
      <c r="AQ24" s="160">
        <v>5</v>
      </c>
      <c r="AR24" s="160">
        <v>1</v>
      </c>
      <c r="AS24" s="165">
        <v>30</v>
      </c>
      <c r="AT24" s="164">
        <v>31</v>
      </c>
      <c r="AU24" s="159">
        <v>7</v>
      </c>
      <c r="AV24" s="160">
        <v>8</v>
      </c>
      <c r="AW24" s="165">
        <v>15</v>
      </c>
      <c r="AX24" s="162">
        <v>0</v>
      </c>
      <c r="AY24" s="160">
        <v>74</v>
      </c>
      <c r="AZ24" s="160">
        <v>89</v>
      </c>
      <c r="BA24" s="160">
        <v>76</v>
      </c>
      <c r="BB24" s="160">
        <v>78</v>
      </c>
      <c r="BC24" s="160">
        <v>41</v>
      </c>
      <c r="BD24" s="163">
        <v>358</v>
      </c>
      <c r="BE24" s="164">
        <v>373</v>
      </c>
      <c r="BF24" s="159">
        <v>0</v>
      </c>
      <c r="BG24" s="160">
        <v>0</v>
      </c>
      <c r="BH24" s="165">
        <v>0</v>
      </c>
      <c r="BI24" s="162">
        <v>0</v>
      </c>
      <c r="BJ24" s="160">
        <v>109</v>
      </c>
      <c r="BK24" s="160">
        <v>131</v>
      </c>
      <c r="BL24" s="160">
        <v>67</v>
      </c>
      <c r="BM24" s="160">
        <v>37</v>
      </c>
      <c r="BN24" s="160">
        <v>12</v>
      </c>
      <c r="BO24" s="165">
        <v>356</v>
      </c>
      <c r="BP24" s="164">
        <v>356</v>
      </c>
      <c r="BQ24" s="159">
        <v>8</v>
      </c>
      <c r="BR24" s="160">
        <v>8</v>
      </c>
      <c r="BS24" s="165">
        <v>16</v>
      </c>
      <c r="BT24" s="162">
        <v>0</v>
      </c>
      <c r="BU24" s="160">
        <v>33</v>
      </c>
      <c r="BV24" s="160">
        <v>41</v>
      </c>
      <c r="BW24" s="160">
        <v>11</v>
      </c>
      <c r="BX24" s="160">
        <v>15</v>
      </c>
      <c r="BY24" s="160">
        <v>6</v>
      </c>
      <c r="BZ24" s="165">
        <v>106</v>
      </c>
      <c r="CA24" s="164">
        <v>122</v>
      </c>
      <c r="CB24" s="159">
        <v>0</v>
      </c>
      <c r="CC24" s="160">
        <v>1</v>
      </c>
      <c r="CD24" s="165">
        <v>1</v>
      </c>
      <c r="CE24" s="162">
        <v>0</v>
      </c>
      <c r="CF24" s="160">
        <v>10</v>
      </c>
      <c r="CG24" s="160">
        <v>19</v>
      </c>
      <c r="CH24" s="160">
        <v>21</v>
      </c>
      <c r="CI24" s="160">
        <v>18</v>
      </c>
      <c r="CJ24" s="160">
        <v>7</v>
      </c>
      <c r="CK24" s="165">
        <v>75</v>
      </c>
      <c r="CL24" s="164">
        <v>76</v>
      </c>
      <c r="CM24" s="159">
        <v>0</v>
      </c>
      <c r="CN24" s="160">
        <v>0</v>
      </c>
      <c r="CO24" s="165">
        <v>0</v>
      </c>
      <c r="CP24" s="162">
        <v>0</v>
      </c>
      <c r="CQ24" s="160">
        <v>2</v>
      </c>
      <c r="CR24" s="160">
        <v>2</v>
      </c>
      <c r="CS24" s="160">
        <v>3</v>
      </c>
      <c r="CT24" s="160">
        <v>3</v>
      </c>
      <c r="CU24" s="160">
        <v>3</v>
      </c>
      <c r="CV24" s="165">
        <v>13</v>
      </c>
      <c r="CW24" s="164">
        <v>13</v>
      </c>
      <c r="CX24" s="159">
        <v>0</v>
      </c>
      <c r="CY24" s="160">
        <v>0</v>
      </c>
      <c r="CZ24" s="165">
        <v>0</v>
      </c>
      <c r="DA24" s="162">
        <v>0</v>
      </c>
      <c r="DB24" s="160">
        <v>0</v>
      </c>
      <c r="DC24" s="160">
        <v>0</v>
      </c>
      <c r="DD24" s="160">
        <v>0</v>
      </c>
      <c r="DE24" s="160">
        <v>0</v>
      </c>
      <c r="DF24" s="160">
        <v>0</v>
      </c>
      <c r="DG24" s="165">
        <v>0</v>
      </c>
      <c r="DH24" s="164">
        <v>0</v>
      </c>
      <c r="DI24" s="159">
        <v>0</v>
      </c>
      <c r="DJ24" s="160">
        <v>0</v>
      </c>
      <c r="DK24" s="165">
        <v>0</v>
      </c>
      <c r="DL24" s="162">
        <v>0</v>
      </c>
      <c r="DM24" s="160">
        <v>0</v>
      </c>
      <c r="DN24" s="160">
        <v>0</v>
      </c>
      <c r="DO24" s="160">
        <v>0</v>
      </c>
      <c r="DP24" s="160">
        <v>0</v>
      </c>
      <c r="DQ24" s="160">
        <v>0</v>
      </c>
      <c r="DR24" s="165">
        <v>0</v>
      </c>
      <c r="DS24" s="164">
        <v>0</v>
      </c>
      <c r="DT24" s="159">
        <v>54</v>
      </c>
      <c r="DU24" s="160">
        <v>157</v>
      </c>
      <c r="DV24" s="165">
        <v>211</v>
      </c>
      <c r="DW24" s="162">
        <v>0</v>
      </c>
      <c r="DX24" s="160">
        <v>216</v>
      </c>
      <c r="DY24" s="160">
        <v>263</v>
      </c>
      <c r="DZ24" s="160">
        <v>140</v>
      </c>
      <c r="EA24" s="160">
        <v>117</v>
      </c>
      <c r="EB24" s="160">
        <v>59</v>
      </c>
      <c r="EC24" s="165">
        <v>795</v>
      </c>
      <c r="ED24" s="164">
        <v>1006</v>
      </c>
      <c r="EE24" s="159">
        <v>7</v>
      </c>
      <c r="EF24" s="160">
        <v>8</v>
      </c>
      <c r="EG24" s="165">
        <v>15</v>
      </c>
      <c r="EH24" s="162">
        <v>0</v>
      </c>
      <c r="EI24" s="160">
        <v>34</v>
      </c>
      <c r="EJ24" s="160">
        <v>22</v>
      </c>
      <c r="EK24" s="160">
        <v>23</v>
      </c>
      <c r="EL24" s="160">
        <v>26</v>
      </c>
      <c r="EM24" s="160">
        <v>11</v>
      </c>
      <c r="EN24" s="165">
        <v>116</v>
      </c>
      <c r="EO24" s="164">
        <v>131</v>
      </c>
      <c r="EP24" s="159">
        <v>65</v>
      </c>
      <c r="EQ24" s="160">
        <v>166</v>
      </c>
      <c r="ER24" s="165">
        <v>231</v>
      </c>
      <c r="ES24" s="162">
        <v>0</v>
      </c>
      <c r="ET24" s="160">
        <v>368</v>
      </c>
      <c r="EU24" s="160">
        <v>349</v>
      </c>
      <c r="EV24" s="160">
        <v>164</v>
      </c>
      <c r="EW24" s="160">
        <v>122</v>
      </c>
      <c r="EX24" s="160">
        <v>57</v>
      </c>
      <c r="EY24" s="165">
        <v>1060</v>
      </c>
      <c r="EZ24" s="164">
        <v>1291</v>
      </c>
    </row>
    <row r="25" spans="2:156" ht="21" customHeight="1" x14ac:dyDescent="0.2">
      <c r="B25" s="166" t="s">
        <v>23</v>
      </c>
      <c r="C25" s="159">
        <v>0</v>
      </c>
      <c r="D25" s="160">
        <v>0</v>
      </c>
      <c r="E25" s="161">
        <v>0</v>
      </c>
      <c r="F25" s="162">
        <v>0</v>
      </c>
      <c r="G25" s="160">
        <v>142</v>
      </c>
      <c r="H25" s="160">
        <v>144</v>
      </c>
      <c r="I25" s="160">
        <v>85</v>
      </c>
      <c r="J25" s="160">
        <v>73</v>
      </c>
      <c r="K25" s="160">
        <v>48</v>
      </c>
      <c r="L25" s="163">
        <v>492</v>
      </c>
      <c r="M25" s="164">
        <v>492</v>
      </c>
      <c r="N25" s="159">
        <v>0</v>
      </c>
      <c r="O25" s="160">
        <v>0</v>
      </c>
      <c r="P25" s="165">
        <v>0</v>
      </c>
      <c r="Q25" s="162">
        <v>0</v>
      </c>
      <c r="R25" s="160">
        <v>0</v>
      </c>
      <c r="S25" s="160">
        <v>4</v>
      </c>
      <c r="T25" s="160">
        <v>4</v>
      </c>
      <c r="U25" s="160">
        <v>20</v>
      </c>
      <c r="V25" s="160">
        <v>22</v>
      </c>
      <c r="W25" s="165">
        <v>50</v>
      </c>
      <c r="X25" s="164">
        <v>50</v>
      </c>
      <c r="Y25" s="159">
        <v>42</v>
      </c>
      <c r="Z25" s="160">
        <v>68</v>
      </c>
      <c r="AA25" s="165">
        <v>110</v>
      </c>
      <c r="AB25" s="162">
        <v>0</v>
      </c>
      <c r="AC25" s="160">
        <v>101</v>
      </c>
      <c r="AD25" s="160">
        <v>158</v>
      </c>
      <c r="AE25" s="160">
        <v>73</v>
      </c>
      <c r="AF25" s="160">
        <v>91</v>
      </c>
      <c r="AG25" s="160">
        <v>45</v>
      </c>
      <c r="AH25" s="165">
        <v>468</v>
      </c>
      <c r="AI25" s="164">
        <v>578</v>
      </c>
      <c r="AJ25" s="159">
        <v>6</v>
      </c>
      <c r="AK25" s="160">
        <v>13</v>
      </c>
      <c r="AL25" s="165">
        <v>19</v>
      </c>
      <c r="AM25" s="162">
        <v>0</v>
      </c>
      <c r="AN25" s="160">
        <v>9</v>
      </c>
      <c r="AO25" s="160">
        <v>21</v>
      </c>
      <c r="AP25" s="160">
        <v>11</v>
      </c>
      <c r="AQ25" s="160">
        <v>8</v>
      </c>
      <c r="AR25" s="160">
        <v>2</v>
      </c>
      <c r="AS25" s="165">
        <v>51</v>
      </c>
      <c r="AT25" s="164">
        <v>70</v>
      </c>
      <c r="AU25" s="159">
        <v>29</v>
      </c>
      <c r="AV25" s="160">
        <v>20</v>
      </c>
      <c r="AW25" s="165">
        <v>49</v>
      </c>
      <c r="AX25" s="162">
        <v>0</v>
      </c>
      <c r="AY25" s="160">
        <v>184</v>
      </c>
      <c r="AZ25" s="160">
        <v>166</v>
      </c>
      <c r="BA25" s="160">
        <v>135</v>
      </c>
      <c r="BB25" s="160">
        <v>177</v>
      </c>
      <c r="BC25" s="160">
        <v>117</v>
      </c>
      <c r="BD25" s="163">
        <v>779</v>
      </c>
      <c r="BE25" s="164">
        <v>828</v>
      </c>
      <c r="BF25" s="159">
        <v>0</v>
      </c>
      <c r="BG25" s="160">
        <v>0</v>
      </c>
      <c r="BH25" s="165">
        <v>0</v>
      </c>
      <c r="BI25" s="162">
        <v>0</v>
      </c>
      <c r="BJ25" s="160">
        <v>293</v>
      </c>
      <c r="BK25" s="160">
        <v>261</v>
      </c>
      <c r="BL25" s="160">
        <v>134</v>
      </c>
      <c r="BM25" s="160">
        <v>66</v>
      </c>
      <c r="BN25" s="160">
        <v>31</v>
      </c>
      <c r="BO25" s="165">
        <v>785</v>
      </c>
      <c r="BP25" s="164">
        <v>785</v>
      </c>
      <c r="BQ25" s="159">
        <v>3</v>
      </c>
      <c r="BR25" s="160">
        <v>12</v>
      </c>
      <c r="BS25" s="165">
        <v>15</v>
      </c>
      <c r="BT25" s="162">
        <v>0</v>
      </c>
      <c r="BU25" s="160">
        <v>35</v>
      </c>
      <c r="BV25" s="160">
        <v>47</v>
      </c>
      <c r="BW25" s="160">
        <v>30</v>
      </c>
      <c r="BX25" s="160">
        <v>27</v>
      </c>
      <c r="BY25" s="160">
        <v>4</v>
      </c>
      <c r="BZ25" s="165">
        <v>143</v>
      </c>
      <c r="CA25" s="164">
        <v>158</v>
      </c>
      <c r="CB25" s="159">
        <v>0</v>
      </c>
      <c r="CC25" s="160">
        <v>2</v>
      </c>
      <c r="CD25" s="165">
        <v>2</v>
      </c>
      <c r="CE25" s="162">
        <v>0</v>
      </c>
      <c r="CF25" s="160">
        <v>41</v>
      </c>
      <c r="CG25" s="160">
        <v>55</v>
      </c>
      <c r="CH25" s="160">
        <v>56</v>
      </c>
      <c r="CI25" s="160">
        <v>43</v>
      </c>
      <c r="CJ25" s="160">
        <v>13</v>
      </c>
      <c r="CK25" s="165">
        <v>208</v>
      </c>
      <c r="CL25" s="164">
        <v>210</v>
      </c>
      <c r="CM25" s="159">
        <v>0</v>
      </c>
      <c r="CN25" s="160">
        <v>0</v>
      </c>
      <c r="CO25" s="165">
        <v>0</v>
      </c>
      <c r="CP25" s="162">
        <v>0</v>
      </c>
      <c r="CQ25" s="160">
        <v>1</v>
      </c>
      <c r="CR25" s="160">
        <v>3</v>
      </c>
      <c r="CS25" s="160">
        <v>0</v>
      </c>
      <c r="CT25" s="160">
        <v>3</v>
      </c>
      <c r="CU25" s="160">
        <v>2</v>
      </c>
      <c r="CV25" s="165">
        <v>9</v>
      </c>
      <c r="CW25" s="164">
        <v>9</v>
      </c>
      <c r="CX25" s="159">
        <v>0</v>
      </c>
      <c r="CY25" s="160">
        <v>0</v>
      </c>
      <c r="CZ25" s="165">
        <v>0</v>
      </c>
      <c r="DA25" s="162">
        <v>0</v>
      </c>
      <c r="DB25" s="160">
        <v>0</v>
      </c>
      <c r="DC25" s="160">
        <v>0</v>
      </c>
      <c r="DD25" s="160">
        <v>0</v>
      </c>
      <c r="DE25" s="160">
        <v>0</v>
      </c>
      <c r="DF25" s="160">
        <v>0</v>
      </c>
      <c r="DG25" s="165">
        <v>0</v>
      </c>
      <c r="DH25" s="164">
        <v>0</v>
      </c>
      <c r="DI25" s="159">
        <v>0</v>
      </c>
      <c r="DJ25" s="160">
        <v>0</v>
      </c>
      <c r="DK25" s="165">
        <v>0</v>
      </c>
      <c r="DL25" s="162">
        <v>0</v>
      </c>
      <c r="DM25" s="160">
        <v>0</v>
      </c>
      <c r="DN25" s="160">
        <v>0</v>
      </c>
      <c r="DO25" s="160">
        <v>0</v>
      </c>
      <c r="DP25" s="160">
        <v>0</v>
      </c>
      <c r="DQ25" s="160">
        <v>0</v>
      </c>
      <c r="DR25" s="165">
        <v>0</v>
      </c>
      <c r="DS25" s="164">
        <v>0</v>
      </c>
      <c r="DT25" s="159">
        <v>104</v>
      </c>
      <c r="DU25" s="160">
        <v>264</v>
      </c>
      <c r="DV25" s="165">
        <v>368</v>
      </c>
      <c r="DW25" s="162">
        <v>0</v>
      </c>
      <c r="DX25" s="160">
        <v>254</v>
      </c>
      <c r="DY25" s="160">
        <v>416</v>
      </c>
      <c r="DZ25" s="160">
        <v>224</v>
      </c>
      <c r="EA25" s="160">
        <v>193</v>
      </c>
      <c r="EB25" s="160">
        <v>89</v>
      </c>
      <c r="EC25" s="165">
        <v>1176</v>
      </c>
      <c r="ED25" s="164">
        <v>1544</v>
      </c>
      <c r="EE25" s="159">
        <v>10</v>
      </c>
      <c r="EF25" s="160">
        <v>4</v>
      </c>
      <c r="EG25" s="165">
        <v>14</v>
      </c>
      <c r="EH25" s="162">
        <v>0</v>
      </c>
      <c r="EI25" s="160">
        <v>61</v>
      </c>
      <c r="EJ25" s="160">
        <v>42</v>
      </c>
      <c r="EK25" s="160">
        <v>35</v>
      </c>
      <c r="EL25" s="160">
        <v>50</v>
      </c>
      <c r="EM25" s="160">
        <v>38</v>
      </c>
      <c r="EN25" s="165">
        <v>226</v>
      </c>
      <c r="EO25" s="164">
        <v>240</v>
      </c>
      <c r="EP25" s="159">
        <v>145</v>
      </c>
      <c r="EQ25" s="160">
        <v>307</v>
      </c>
      <c r="ER25" s="165">
        <v>452</v>
      </c>
      <c r="ES25" s="162">
        <v>0</v>
      </c>
      <c r="ET25" s="160">
        <v>538</v>
      </c>
      <c r="EU25" s="160">
        <v>549</v>
      </c>
      <c r="EV25" s="160">
        <v>273</v>
      </c>
      <c r="EW25" s="160">
        <v>205</v>
      </c>
      <c r="EX25" s="160">
        <v>94</v>
      </c>
      <c r="EY25" s="165">
        <v>1659</v>
      </c>
      <c r="EZ25" s="164">
        <v>2111</v>
      </c>
    </row>
    <row r="26" spans="2:156" ht="21" customHeight="1" x14ac:dyDescent="0.2">
      <c r="B26" s="166" t="s">
        <v>24</v>
      </c>
      <c r="C26" s="159">
        <v>0</v>
      </c>
      <c r="D26" s="160">
        <v>0</v>
      </c>
      <c r="E26" s="161">
        <v>0</v>
      </c>
      <c r="F26" s="162">
        <v>0</v>
      </c>
      <c r="G26" s="160">
        <v>63</v>
      </c>
      <c r="H26" s="160">
        <v>69</v>
      </c>
      <c r="I26" s="160">
        <v>47</v>
      </c>
      <c r="J26" s="160">
        <v>37</v>
      </c>
      <c r="K26" s="160">
        <v>35</v>
      </c>
      <c r="L26" s="163">
        <v>251</v>
      </c>
      <c r="M26" s="164">
        <v>251</v>
      </c>
      <c r="N26" s="159">
        <v>0</v>
      </c>
      <c r="O26" s="160">
        <v>0</v>
      </c>
      <c r="P26" s="165">
        <v>0</v>
      </c>
      <c r="Q26" s="162">
        <v>0</v>
      </c>
      <c r="R26" s="160">
        <v>0</v>
      </c>
      <c r="S26" s="160">
        <v>2</v>
      </c>
      <c r="T26" s="160">
        <v>4</v>
      </c>
      <c r="U26" s="160">
        <v>9</v>
      </c>
      <c r="V26" s="160">
        <v>22</v>
      </c>
      <c r="W26" s="165">
        <v>37</v>
      </c>
      <c r="X26" s="164">
        <v>37</v>
      </c>
      <c r="Y26" s="159">
        <v>17</v>
      </c>
      <c r="Z26" s="160">
        <v>30</v>
      </c>
      <c r="AA26" s="165">
        <v>47</v>
      </c>
      <c r="AB26" s="162">
        <v>0</v>
      </c>
      <c r="AC26" s="160">
        <v>68</v>
      </c>
      <c r="AD26" s="160">
        <v>74</v>
      </c>
      <c r="AE26" s="160">
        <v>47</v>
      </c>
      <c r="AF26" s="160">
        <v>42</v>
      </c>
      <c r="AG26" s="160">
        <v>32</v>
      </c>
      <c r="AH26" s="165">
        <v>263</v>
      </c>
      <c r="AI26" s="164">
        <v>310</v>
      </c>
      <c r="AJ26" s="159">
        <v>1</v>
      </c>
      <c r="AK26" s="160">
        <v>1</v>
      </c>
      <c r="AL26" s="165">
        <v>2</v>
      </c>
      <c r="AM26" s="162">
        <v>0</v>
      </c>
      <c r="AN26" s="160">
        <v>4</v>
      </c>
      <c r="AO26" s="160">
        <v>4</v>
      </c>
      <c r="AP26" s="160">
        <v>3</v>
      </c>
      <c r="AQ26" s="160">
        <v>4</v>
      </c>
      <c r="AR26" s="160">
        <v>4</v>
      </c>
      <c r="AS26" s="165">
        <v>19</v>
      </c>
      <c r="AT26" s="164">
        <v>21</v>
      </c>
      <c r="AU26" s="159">
        <v>23</v>
      </c>
      <c r="AV26" s="160">
        <v>17</v>
      </c>
      <c r="AW26" s="165">
        <v>40</v>
      </c>
      <c r="AX26" s="162">
        <v>0</v>
      </c>
      <c r="AY26" s="160">
        <v>87</v>
      </c>
      <c r="AZ26" s="160">
        <v>90</v>
      </c>
      <c r="BA26" s="160">
        <v>94</v>
      </c>
      <c r="BB26" s="160">
        <v>96</v>
      </c>
      <c r="BC26" s="160">
        <v>67</v>
      </c>
      <c r="BD26" s="163">
        <v>434</v>
      </c>
      <c r="BE26" s="164">
        <v>474</v>
      </c>
      <c r="BF26" s="159">
        <v>0</v>
      </c>
      <c r="BG26" s="160">
        <v>0</v>
      </c>
      <c r="BH26" s="165">
        <v>0</v>
      </c>
      <c r="BI26" s="162">
        <v>0</v>
      </c>
      <c r="BJ26" s="160">
        <v>124</v>
      </c>
      <c r="BK26" s="160">
        <v>91</v>
      </c>
      <c r="BL26" s="160">
        <v>38</v>
      </c>
      <c r="BM26" s="160">
        <v>30</v>
      </c>
      <c r="BN26" s="160">
        <v>10</v>
      </c>
      <c r="BO26" s="165">
        <v>293</v>
      </c>
      <c r="BP26" s="164">
        <v>293</v>
      </c>
      <c r="BQ26" s="159">
        <v>11</v>
      </c>
      <c r="BR26" s="160">
        <v>19</v>
      </c>
      <c r="BS26" s="165">
        <v>30</v>
      </c>
      <c r="BT26" s="162">
        <v>0</v>
      </c>
      <c r="BU26" s="160">
        <v>52</v>
      </c>
      <c r="BV26" s="160">
        <v>30</v>
      </c>
      <c r="BW26" s="160">
        <v>21</v>
      </c>
      <c r="BX26" s="160">
        <v>17</v>
      </c>
      <c r="BY26" s="160">
        <v>9</v>
      </c>
      <c r="BZ26" s="165">
        <v>129</v>
      </c>
      <c r="CA26" s="164">
        <v>159</v>
      </c>
      <c r="CB26" s="159">
        <v>2</v>
      </c>
      <c r="CC26" s="160">
        <v>2</v>
      </c>
      <c r="CD26" s="165">
        <v>4</v>
      </c>
      <c r="CE26" s="162">
        <v>0</v>
      </c>
      <c r="CF26" s="160">
        <v>13</v>
      </c>
      <c r="CG26" s="160">
        <v>29</v>
      </c>
      <c r="CH26" s="160">
        <v>22</v>
      </c>
      <c r="CI26" s="160">
        <v>20</v>
      </c>
      <c r="CJ26" s="160">
        <v>11</v>
      </c>
      <c r="CK26" s="165">
        <v>95</v>
      </c>
      <c r="CL26" s="164">
        <v>99</v>
      </c>
      <c r="CM26" s="159">
        <v>0</v>
      </c>
      <c r="CN26" s="160">
        <v>0</v>
      </c>
      <c r="CO26" s="165">
        <v>0</v>
      </c>
      <c r="CP26" s="162">
        <v>0</v>
      </c>
      <c r="CQ26" s="160">
        <v>2</v>
      </c>
      <c r="CR26" s="160">
        <v>1</v>
      </c>
      <c r="CS26" s="160">
        <v>2</v>
      </c>
      <c r="CT26" s="160">
        <v>1</v>
      </c>
      <c r="CU26" s="160">
        <v>1</v>
      </c>
      <c r="CV26" s="165">
        <v>7</v>
      </c>
      <c r="CW26" s="164">
        <v>7</v>
      </c>
      <c r="CX26" s="159">
        <v>0</v>
      </c>
      <c r="CY26" s="160">
        <v>0</v>
      </c>
      <c r="CZ26" s="165">
        <v>0</v>
      </c>
      <c r="DA26" s="162">
        <v>0</v>
      </c>
      <c r="DB26" s="160">
        <v>0</v>
      </c>
      <c r="DC26" s="160">
        <v>0</v>
      </c>
      <c r="DD26" s="160">
        <v>0</v>
      </c>
      <c r="DE26" s="160">
        <v>0</v>
      </c>
      <c r="DF26" s="160">
        <v>0</v>
      </c>
      <c r="DG26" s="165">
        <v>0</v>
      </c>
      <c r="DH26" s="164">
        <v>0</v>
      </c>
      <c r="DI26" s="159">
        <v>0</v>
      </c>
      <c r="DJ26" s="160">
        <v>0</v>
      </c>
      <c r="DK26" s="165">
        <v>0</v>
      </c>
      <c r="DL26" s="162">
        <v>0</v>
      </c>
      <c r="DM26" s="160">
        <v>0</v>
      </c>
      <c r="DN26" s="160">
        <v>0</v>
      </c>
      <c r="DO26" s="160">
        <v>0</v>
      </c>
      <c r="DP26" s="160">
        <v>0</v>
      </c>
      <c r="DQ26" s="160">
        <v>0</v>
      </c>
      <c r="DR26" s="165">
        <v>0</v>
      </c>
      <c r="DS26" s="164">
        <v>0</v>
      </c>
      <c r="DT26" s="159">
        <v>88</v>
      </c>
      <c r="DU26" s="160">
        <v>97</v>
      </c>
      <c r="DV26" s="165">
        <v>185</v>
      </c>
      <c r="DW26" s="162">
        <v>0</v>
      </c>
      <c r="DX26" s="160">
        <v>153</v>
      </c>
      <c r="DY26" s="160">
        <v>160</v>
      </c>
      <c r="DZ26" s="160">
        <v>112</v>
      </c>
      <c r="EA26" s="160">
        <v>82</v>
      </c>
      <c r="EB26" s="160">
        <v>56</v>
      </c>
      <c r="EC26" s="165">
        <v>563</v>
      </c>
      <c r="ED26" s="164">
        <v>748</v>
      </c>
      <c r="EE26" s="159">
        <v>13</v>
      </c>
      <c r="EF26" s="160">
        <v>8</v>
      </c>
      <c r="EG26" s="165">
        <v>21</v>
      </c>
      <c r="EH26" s="162">
        <v>0</v>
      </c>
      <c r="EI26" s="160">
        <v>41</v>
      </c>
      <c r="EJ26" s="160">
        <v>30</v>
      </c>
      <c r="EK26" s="160">
        <v>28</v>
      </c>
      <c r="EL26" s="160">
        <v>38</v>
      </c>
      <c r="EM26" s="160">
        <v>23</v>
      </c>
      <c r="EN26" s="165">
        <v>160</v>
      </c>
      <c r="EO26" s="164">
        <v>181</v>
      </c>
      <c r="EP26" s="159">
        <v>105</v>
      </c>
      <c r="EQ26" s="160">
        <v>125</v>
      </c>
      <c r="ER26" s="165">
        <v>230</v>
      </c>
      <c r="ES26" s="162">
        <v>0</v>
      </c>
      <c r="ET26" s="160">
        <v>284</v>
      </c>
      <c r="EU26" s="160">
        <v>215</v>
      </c>
      <c r="EV26" s="160">
        <v>134</v>
      </c>
      <c r="EW26" s="160">
        <v>95</v>
      </c>
      <c r="EX26" s="160">
        <v>59</v>
      </c>
      <c r="EY26" s="165">
        <v>787</v>
      </c>
      <c r="EZ26" s="164">
        <v>1017</v>
      </c>
    </row>
    <row r="27" spans="2:156" ht="21" customHeight="1" x14ac:dyDescent="0.2">
      <c r="B27" s="166" t="s">
        <v>25</v>
      </c>
      <c r="C27" s="159">
        <v>0</v>
      </c>
      <c r="D27" s="160">
        <v>0</v>
      </c>
      <c r="E27" s="161">
        <v>0</v>
      </c>
      <c r="F27" s="162">
        <v>0</v>
      </c>
      <c r="G27" s="160">
        <v>108</v>
      </c>
      <c r="H27" s="160">
        <v>103</v>
      </c>
      <c r="I27" s="160">
        <v>59</v>
      </c>
      <c r="J27" s="160">
        <v>47</v>
      </c>
      <c r="K27" s="160">
        <v>28</v>
      </c>
      <c r="L27" s="163">
        <v>345</v>
      </c>
      <c r="M27" s="164">
        <v>345</v>
      </c>
      <c r="N27" s="159">
        <v>0</v>
      </c>
      <c r="O27" s="160">
        <v>0</v>
      </c>
      <c r="P27" s="165">
        <v>0</v>
      </c>
      <c r="Q27" s="162">
        <v>0</v>
      </c>
      <c r="R27" s="160">
        <v>2</v>
      </c>
      <c r="S27" s="160">
        <v>7</v>
      </c>
      <c r="T27" s="160">
        <v>10</v>
      </c>
      <c r="U27" s="160">
        <v>12</v>
      </c>
      <c r="V27" s="160">
        <v>11</v>
      </c>
      <c r="W27" s="165">
        <v>42</v>
      </c>
      <c r="X27" s="164">
        <v>42</v>
      </c>
      <c r="Y27" s="159">
        <v>22</v>
      </c>
      <c r="Z27" s="160">
        <v>52</v>
      </c>
      <c r="AA27" s="165">
        <v>74</v>
      </c>
      <c r="AB27" s="162">
        <v>0</v>
      </c>
      <c r="AC27" s="160">
        <v>89</v>
      </c>
      <c r="AD27" s="160">
        <v>108</v>
      </c>
      <c r="AE27" s="160">
        <v>41</v>
      </c>
      <c r="AF27" s="160">
        <v>47</v>
      </c>
      <c r="AG27" s="160">
        <v>26</v>
      </c>
      <c r="AH27" s="165">
        <v>311</v>
      </c>
      <c r="AI27" s="164">
        <v>385</v>
      </c>
      <c r="AJ27" s="159">
        <v>2</v>
      </c>
      <c r="AK27" s="160">
        <v>5</v>
      </c>
      <c r="AL27" s="165">
        <v>7</v>
      </c>
      <c r="AM27" s="162">
        <v>0</v>
      </c>
      <c r="AN27" s="160">
        <v>1</v>
      </c>
      <c r="AO27" s="160">
        <v>14</v>
      </c>
      <c r="AP27" s="160">
        <v>4</v>
      </c>
      <c r="AQ27" s="160">
        <v>5</v>
      </c>
      <c r="AR27" s="160">
        <v>2</v>
      </c>
      <c r="AS27" s="165">
        <v>26</v>
      </c>
      <c r="AT27" s="164">
        <v>33</v>
      </c>
      <c r="AU27" s="159">
        <v>9</v>
      </c>
      <c r="AV27" s="160">
        <v>13</v>
      </c>
      <c r="AW27" s="165">
        <v>22</v>
      </c>
      <c r="AX27" s="162">
        <v>0</v>
      </c>
      <c r="AY27" s="160">
        <v>76</v>
      </c>
      <c r="AZ27" s="160">
        <v>85</v>
      </c>
      <c r="BA27" s="160">
        <v>61</v>
      </c>
      <c r="BB27" s="160">
        <v>77</v>
      </c>
      <c r="BC27" s="160">
        <v>46</v>
      </c>
      <c r="BD27" s="163">
        <v>345</v>
      </c>
      <c r="BE27" s="164">
        <v>367</v>
      </c>
      <c r="BF27" s="159">
        <v>0</v>
      </c>
      <c r="BG27" s="160">
        <v>0</v>
      </c>
      <c r="BH27" s="165">
        <v>0</v>
      </c>
      <c r="BI27" s="162">
        <v>0</v>
      </c>
      <c r="BJ27" s="160">
        <v>166</v>
      </c>
      <c r="BK27" s="160">
        <v>105</v>
      </c>
      <c r="BL27" s="160">
        <v>58</v>
      </c>
      <c r="BM27" s="160">
        <v>39</v>
      </c>
      <c r="BN27" s="160">
        <v>14</v>
      </c>
      <c r="BO27" s="165">
        <v>382</v>
      </c>
      <c r="BP27" s="164">
        <v>382</v>
      </c>
      <c r="BQ27" s="159">
        <v>1</v>
      </c>
      <c r="BR27" s="160">
        <v>7</v>
      </c>
      <c r="BS27" s="165">
        <v>8</v>
      </c>
      <c r="BT27" s="162">
        <v>0</v>
      </c>
      <c r="BU27" s="160">
        <v>30</v>
      </c>
      <c r="BV27" s="160">
        <v>54</v>
      </c>
      <c r="BW27" s="160">
        <v>22</v>
      </c>
      <c r="BX27" s="160">
        <v>16</v>
      </c>
      <c r="BY27" s="160">
        <v>4</v>
      </c>
      <c r="BZ27" s="165">
        <v>126</v>
      </c>
      <c r="CA27" s="164">
        <v>134</v>
      </c>
      <c r="CB27" s="159">
        <v>0</v>
      </c>
      <c r="CC27" s="160">
        <v>1</v>
      </c>
      <c r="CD27" s="165">
        <v>1</v>
      </c>
      <c r="CE27" s="162">
        <v>0</v>
      </c>
      <c r="CF27" s="160">
        <v>15</v>
      </c>
      <c r="CG27" s="160">
        <v>29</v>
      </c>
      <c r="CH27" s="160">
        <v>28</v>
      </c>
      <c r="CI27" s="160">
        <v>16</v>
      </c>
      <c r="CJ27" s="160">
        <v>8</v>
      </c>
      <c r="CK27" s="165">
        <v>96</v>
      </c>
      <c r="CL27" s="164">
        <v>97</v>
      </c>
      <c r="CM27" s="159">
        <v>0</v>
      </c>
      <c r="CN27" s="160">
        <v>0</v>
      </c>
      <c r="CO27" s="165">
        <v>0</v>
      </c>
      <c r="CP27" s="162">
        <v>0</v>
      </c>
      <c r="CQ27" s="160">
        <v>0</v>
      </c>
      <c r="CR27" s="160">
        <v>9</v>
      </c>
      <c r="CS27" s="160">
        <v>8</v>
      </c>
      <c r="CT27" s="160">
        <v>2</v>
      </c>
      <c r="CU27" s="160">
        <v>0</v>
      </c>
      <c r="CV27" s="165">
        <v>19</v>
      </c>
      <c r="CW27" s="164">
        <v>19</v>
      </c>
      <c r="CX27" s="159">
        <v>0</v>
      </c>
      <c r="CY27" s="160">
        <v>0</v>
      </c>
      <c r="CZ27" s="165">
        <v>0</v>
      </c>
      <c r="DA27" s="162">
        <v>0</v>
      </c>
      <c r="DB27" s="160">
        <v>0</v>
      </c>
      <c r="DC27" s="160">
        <v>0</v>
      </c>
      <c r="DD27" s="160">
        <v>0</v>
      </c>
      <c r="DE27" s="160">
        <v>0</v>
      </c>
      <c r="DF27" s="160">
        <v>0</v>
      </c>
      <c r="DG27" s="165">
        <v>0</v>
      </c>
      <c r="DH27" s="164">
        <v>0</v>
      </c>
      <c r="DI27" s="159">
        <v>0</v>
      </c>
      <c r="DJ27" s="160">
        <v>0</v>
      </c>
      <c r="DK27" s="165">
        <v>0</v>
      </c>
      <c r="DL27" s="162">
        <v>0</v>
      </c>
      <c r="DM27" s="160">
        <v>0</v>
      </c>
      <c r="DN27" s="160">
        <v>0</v>
      </c>
      <c r="DO27" s="160">
        <v>0</v>
      </c>
      <c r="DP27" s="160">
        <v>0</v>
      </c>
      <c r="DQ27" s="160">
        <v>0</v>
      </c>
      <c r="DR27" s="165">
        <v>0</v>
      </c>
      <c r="DS27" s="164">
        <v>0</v>
      </c>
      <c r="DT27" s="159">
        <v>92</v>
      </c>
      <c r="DU27" s="160">
        <v>169</v>
      </c>
      <c r="DV27" s="165">
        <v>261</v>
      </c>
      <c r="DW27" s="162">
        <v>0</v>
      </c>
      <c r="DX27" s="160">
        <v>140</v>
      </c>
      <c r="DY27" s="160">
        <v>267</v>
      </c>
      <c r="DZ27" s="160">
        <v>119</v>
      </c>
      <c r="EA27" s="160">
        <v>106</v>
      </c>
      <c r="EB27" s="160">
        <v>49</v>
      </c>
      <c r="EC27" s="165">
        <v>681</v>
      </c>
      <c r="ED27" s="164">
        <v>942</v>
      </c>
      <c r="EE27" s="159">
        <v>4</v>
      </c>
      <c r="EF27" s="160">
        <v>5</v>
      </c>
      <c r="EG27" s="165">
        <v>9</v>
      </c>
      <c r="EH27" s="162">
        <v>0</v>
      </c>
      <c r="EI27" s="160">
        <v>22</v>
      </c>
      <c r="EJ27" s="160">
        <v>12</v>
      </c>
      <c r="EK27" s="160">
        <v>13</v>
      </c>
      <c r="EL27" s="160">
        <v>20</v>
      </c>
      <c r="EM27" s="160">
        <v>11</v>
      </c>
      <c r="EN27" s="165">
        <v>78</v>
      </c>
      <c r="EO27" s="164">
        <v>87</v>
      </c>
      <c r="EP27" s="159">
        <v>110</v>
      </c>
      <c r="EQ27" s="160">
        <v>193</v>
      </c>
      <c r="ER27" s="165">
        <v>303</v>
      </c>
      <c r="ES27" s="162">
        <v>0</v>
      </c>
      <c r="ET27" s="160">
        <v>351</v>
      </c>
      <c r="EU27" s="160">
        <v>331</v>
      </c>
      <c r="EV27" s="160">
        <v>145</v>
      </c>
      <c r="EW27" s="160">
        <v>118</v>
      </c>
      <c r="EX27" s="160">
        <v>50</v>
      </c>
      <c r="EY27" s="165">
        <v>995</v>
      </c>
      <c r="EZ27" s="164">
        <v>1298</v>
      </c>
    </row>
    <row r="28" spans="2:156" ht="21" customHeight="1" x14ac:dyDescent="0.2">
      <c r="B28" s="166" t="s">
        <v>26</v>
      </c>
      <c r="C28" s="159">
        <v>0</v>
      </c>
      <c r="D28" s="160">
        <v>0</v>
      </c>
      <c r="E28" s="161">
        <v>0</v>
      </c>
      <c r="F28" s="162">
        <v>0</v>
      </c>
      <c r="G28" s="160">
        <v>69</v>
      </c>
      <c r="H28" s="160">
        <v>99</v>
      </c>
      <c r="I28" s="160">
        <v>58</v>
      </c>
      <c r="J28" s="160">
        <v>36</v>
      </c>
      <c r="K28" s="160">
        <v>44</v>
      </c>
      <c r="L28" s="163">
        <v>306</v>
      </c>
      <c r="M28" s="164">
        <v>306</v>
      </c>
      <c r="N28" s="159">
        <v>0</v>
      </c>
      <c r="O28" s="160">
        <v>0</v>
      </c>
      <c r="P28" s="165">
        <v>0</v>
      </c>
      <c r="Q28" s="162">
        <v>0</v>
      </c>
      <c r="R28" s="160">
        <v>0</v>
      </c>
      <c r="S28" s="160">
        <v>1</v>
      </c>
      <c r="T28" s="160">
        <v>4</v>
      </c>
      <c r="U28" s="160">
        <v>9</v>
      </c>
      <c r="V28" s="160">
        <v>16</v>
      </c>
      <c r="W28" s="165">
        <v>30</v>
      </c>
      <c r="X28" s="164">
        <v>30</v>
      </c>
      <c r="Y28" s="159">
        <v>14</v>
      </c>
      <c r="Z28" s="160">
        <v>18</v>
      </c>
      <c r="AA28" s="165">
        <v>32</v>
      </c>
      <c r="AB28" s="162">
        <v>0</v>
      </c>
      <c r="AC28" s="160">
        <v>69</v>
      </c>
      <c r="AD28" s="160">
        <v>87</v>
      </c>
      <c r="AE28" s="160">
        <v>47</v>
      </c>
      <c r="AF28" s="160">
        <v>44</v>
      </c>
      <c r="AG28" s="160">
        <v>50</v>
      </c>
      <c r="AH28" s="165">
        <v>297</v>
      </c>
      <c r="AI28" s="164">
        <v>329</v>
      </c>
      <c r="AJ28" s="159">
        <v>2</v>
      </c>
      <c r="AK28" s="160">
        <v>1</v>
      </c>
      <c r="AL28" s="165">
        <v>3</v>
      </c>
      <c r="AM28" s="162">
        <v>0</v>
      </c>
      <c r="AN28" s="160">
        <v>3</v>
      </c>
      <c r="AO28" s="160">
        <v>4</v>
      </c>
      <c r="AP28" s="160">
        <v>7</v>
      </c>
      <c r="AQ28" s="160">
        <v>2</v>
      </c>
      <c r="AR28" s="160">
        <v>3</v>
      </c>
      <c r="AS28" s="165">
        <v>19</v>
      </c>
      <c r="AT28" s="164">
        <v>22</v>
      </c>
      <c r="AU28" s="159">
        <v>10</v>
      </c>
      <c r="AV28" s="160">
        <v>4</v>
      </c>
      <c r="AW28" s="165">
        <v>14</v>
      </c>
      <c r="AX28" s="162">
        <v>0</v>
      </c>
      <c r="AY28" s="160">
        <v>58</v>
      </c>
      <c r="AZ28" s="160">
        <v>75</v>
      </c>
      <c r="BA28" s="160">
        <v>86</v>
      </c>
      <c r="BB28" s="160">
        <v>66</v>
      </c>
      <c r="BC28" s="160">
        <v>68</v>
      </c>
      <c r="BD28" s="163">
        <v>353</v>
      </c>
      <c r="BE28" s="164">
        <v>367</v>
      </c>
      <c r="BF28" s="159">
        <v>0</v>
      </c>
      <c r="BG28" s="160">
        <v>0</v>
      </c>
      <c r="BH28" s="165">
        <v>0</v>
      </c>
      <c r="BI28" s="162">
        <v>0</v>
      </c>
      <c r="BJ28" s="160">
        <v>116</v>
      </c>
      <c r="BK28" s="160">
        <v>103</v>
      </c>
      <c r="BL28" s="160">
        <v>42</v>
      </c>
      <c r="BM28" s="160">
        <v>29</v>
      </c>
      <c r="BN28" s="160">
        <v>15</v>
      </c>
      <c r="BO28" s="165">
        <v>305</v>
      </c>
      <c r="BP28" s="164">
        <v>305</v>
      </c>
      <c r="BQ28" s="159">
        <v>6</v>
      </c>
      <c r="BR28" s="160">
        <v>7</v>
      </c>
      <c r="BS28" s="165">
        <v>13</v>
      </c>
      <c r="BT28" s="162">
        <v>0</v>
      </c>
      <c r="BU28" s="160">
        <v>18</v>
      </c>
      <c r="BV28" s="160">
        <v>31</v>
      </c>
      <c r="BW28" s="160">
        <v>15</v>
      </c>
      <c r="BX28" s="160">
        <v>10</v>
      </c>
      <c r="BY28" s="160">
        <v>5</v>
      </c>
      <c r="BZ28" s="165">
        <v>79</v>
      </c>
      <c r="CA28" s="164">
        <v>92</v>
      </c>
      <c r="CB28" s="159">
        <v>1</v>
      </c>
      <c r="CC28" s="160">
        <v>1</v>
      </c>
      <c r="CD28" s="165">
        <v>2</v>
      </c>
      <c r="CE28" s="162">
        <v>0</v>
      </c>
      <c r="CF28" s="160">
        <v>11</v>
      </c>
      <c r="CG28" s="160">
        <v>23</v>
      </c>
      <c r="CH28" s="160">
        <v>25</v>
      </c>
      <c r="CI28" s="160">
        <v>19</v>
      </c>
      <c r="CJ28" s="160">
        <v>15</v>
      </c>
      <c r="CK28" s="165">
        <v>93</v>
      </c>
      <c r="CL28" s="164">
        <v>95</v>
      </c>
      <c r="CM28" s="159">
        <v>0</v>
      </c>
      <c r="CN28" s="160">
        <v>0</v>
      </c>
      <c r="CO28" s="165">
        <v>0</v>
      </c>
      <c r="CP28" s="162">
        <v>0</v>
      </c>
      <c r="CQ28" s="160">
        <v>1</v>
      </c>
      <c r="CR28" s="160">
        <v>3</v>
      </c>
      <c r="CS28" s="160">
        <v>3</v>
      </c>
      <c r="CT28" s="160">
        <v>2</v>
      </c>
      <c r="CU28" s="160">
        <v>3</v>
      </c>
      <c r="CV28" s="165">
        <v>12</v>
      </c>
      <c r="CW28" s="164">
        <v>12</v>
      </c>
      <c r="CX28" s="159">
        <v>0</v>
      </c>
      <c r="CY28" s="160">
        <v>0</v>
      </c>
      <c r="CZ28" s="165">
        <v>0</v>
      </c>
      <c r="DA28" s="162">
        <v>0</v>
      </c>
      <c r="DB28" s="160">
        <v>0</v>
      </c>
      <c r="DC28" s="160">
        <v>0</v>
      </c>
      <c r="DD28" s="160">
        <v>0</v>
      </c>
      <c r="DE28" s="160">
        <v>0</v>
      </c>
      <c r="DF28" s="160">
        <v>0</v>
      </c>
      <c r="DG28" s="165">
        <v>0</v>
      </c>
      <c r="DH28" s="164">
        <v>0</v>
      </c>
      <c r="DI28" s="159">
        <v>0</v>
      </c>
      <c r="DJ28" s="160">
        <v>0</v>
      </c>
      <c r="DK28" s="165">
        <v>0</v>
      </c>
      <c r="DL28" s="162">
        <v>0</v>
      </c>
      <c r="DM28" s="160">
        <v>0</v>
      </c>
      <c r="DN28" s="160">
        <v>0</v>
      </c>
      <c r="DO28" s="160">
        <v>0</v>
      </c>
      <c r="DP28" s="160">
        <v>0</v>
      </c>
      <c r="DQ28" s="160">
        <v>0</v>
      </c>
      <c r="DR28" s="165">
        <v>0</v>
      </c>
      <c r="DS28" s="164">
        <v>0</v>
      </c>
      <c r="DT28" s="159">
        <v>65</v>
      </c>
      <c r="DU28" s="160">
        <v>120</v>
      </c>
      <c r="DV28" s="165">
        <v>185</v>
      </c>
      <c r="DW28" s="162">
        <v>0</v>
      </c>
      <c r="DX28" s="160">
        <v>138</v>
      </c>
      <c r="DY28" s="160">
        <v>210</v>
      </c>
      <c r="DZ28" s="160">
        <v>109</v>
      </c>
      <c r="EA28" s="160">
        <v>84</v>
      </c>
      <c r="EB28" s="160">
        <v>71</v>
      </c>
      <c r="EC28" s="165">
        <v>612</v>
      </c>
      <c r="ED28" s="164">
        <v>797</v>
      </c>
      <c r="EE28" s="159">
        <v>7</v>
      </c>
      <c r="EF28" s="160">
        <v>4</v>
      </c>
      <c r="EG28" s="165">
        <v>11</v>
      </c>
      <c r="EH28" s="162">
        <v>0</v>
      </c>
      <c r="EI28" s="160">
        <v>28</v>
      </c>
      <c r="EJ28" s="160">
        <v>23</v>
      </c>
      <c r="EK28" s="160">
        <v>28</v>
      </c>
      <c r="EL28" s="160">
        <v>26</v>
      </c>
      <c r="EM28" s="160">
        <v>12</v>
      </c>
      <c r="EN28" s="165">
        <v>117</v>
      </c>
      <c r="EO28" s="164">
        <v>128</v>
      </c>
      <c r="EP28" s="159">
        <v>80</v>
      </c>
      <c r="EQ28" s="160">
        <v>134</v>
      </c>
      <c r="ER28" s="165">
        <v>214</v>
      </c>
      <c r="ES28" s="162">
        <v>0</v>
      </c>
      <c r="ET28" s="160">
        <v>263</v>
      </c>
      <c r="EU28" s="160">
        <v>273</v>
      </c>
      <c r="EV28" s="160">
        <v>137</v>
      </c>
      <c r="EW28" s="160">
        <v>89</v>
      </c>
      <c r="EX28" s="160">
        <v>71</v>
      </c>
      <c r="EY28" s="165">
        <v>833</v>
      </c>
      <c r="EZ28" s="164">
        <v>1047</v>
      </c>
    </row>
    <row r="29" spans="2:156" ht="21" customHeight="1" x14ac:dyDescent="0.2">
      <c r="B29" s="166" t="s">
        <v>27</v>
      </c>
      <c r="C29" s="159">
        <v>0</v>
      </c>
      <c r="D29" s="160">
        <v>0</v>
      </c>
      <c r="E29" s="161">
        <v>0</v>
      </c>
      <c r="F29" s="162">
        <v>0</v>
      </c>
      <c r="G29" s="160">
        <v>61</v>
      </c>
      <c r="H29" s="160">
        <v>62</v>
      </c>
      <c r="I29" s="160">
        <v>36</v>
      </c>
      <c r="J29" s="160">
        <v>35</v>
      </c>
      <c r="K29" s="160">
        <v>30</v>
      </c>
      <c r="L29" s="163">
        <v>224</v>
      </c>
      <c r="M29" s="164">
        <v>224</v>
      </c>
      <c r="N29" s="159">
        <v>0</v>
      </c>
      <c r="O29" s="160">
        <v>0</v>
      </c>
      <c r="P29" s="165">
        <v>0</v>
      </c>
      <c r="Q29" s="162">
        <v>0</v>
      </c>
      <c r="R29" s="160">
        <v>1</v>
      </c>
      <c r="S29" s="160">
        <v>4</v>
      </c>
      <c r="T29" s="160">
        <v>4</v>
      </c>
      <c r="U29" s="160">
        <v>8</v>
      </c>
      <c r="V29" s="160">
        <v>17</v>
      </c>
      <c r="W29" s="165">
        <v>34</v>
      </c>
      <c r="X29" s="164">
        <v>34</v>
      </c>
      <c r="Y29" s="159">
        <v>22</v>
      </c>
      <c r="Z29" s="160">
        <v>49</v>
      </c>
      <c r="AA29" s="165">
        <v>71</v>
      </c>
      <c r="AB29" s="162">
        <v>0</v>
      </c>
      <c r="AC29" s="160">
        <v>38</v>
      </c>
      <c r="AD29" s="160">
        <v>50</v>
      </c>
      <c r="AE29" s="160">
        <v>41</v>
      </c>
      <c r="AF29" s="160">
        <v>32</v>
      </c>
      <c r="AG29" s="160">
        <v>26</v>
      </c>
      <c r="AH29" s="165">
        <v>187</v>
      </c>
      <c r="AI29" s="164">
        <v>258</v>
      </c>
      <c r="AJ29" s="159">
        <v>2</v>
      </c>
      <c r="AK29" s="160">
        <v>1</v>
      </c>
      <c r="AL29" s="165">
        <v>3</v>
      </c>
      <c r="AM29" s="162">
        <v>0</v>
      </c>
      <c r="AN29" s="160">
        <v>1</v>
      </c>
      <c r="AO29" s="160">
        <v>0</v>
      </c>
      <c r="AP29" s="160">
        <v>1</v>
      </c>
      <c r="AQ29" s="160">
        <v>1</v>
      </c>
      <c r="AR29" s="160">
        <v>3</v>
      </c>
      <c r="AS29" s="165">
        <v>6</v>
      </c>
      <c r="AT29" s="164">
        <v>9</v>
      </c>
      <c r="AU29" s="159">
        <v>13</v>
      </c>
      <c r="AV29" s="160">
        <v>14</v>
      </c>
      <c r="AW29" s="165">
        <v>27</v>
      </c>
      <c r="AX29" s="162">
        <v>0</v>
      </c>
      <c r="AY29" s="160">
        <v>74</v>
      </c>
      <c r="AZ29" s="160">
        <v>62</v>
      </c>
      <c r="BA29" s="160">
        <v>68</v>
      </c>
      <c r="BB29" s="160">
        <v>67</v>
      </c>
      <c r="BC29" s="160">
        <v>51</v>
      </c>
      <c r="BD29" s="163">
        <v>322</v>
      </c>
      <c r="BE29" s="164">
        <v>349</v>
      </c>
      <c r="BF29" s="159">
        <v>0</v>
      </c>
      <c r="BG29" s="160">
        <v>0</v>
      </c>
      <c r="BH29" s="165">
        <v>0</v>
      </c>
      <c r="BI29" s="162">
        <v>0</v>
      </c>
      <c r="BJ29" s="160">
        <v>107</v>
      </c>
      <c r="BK29" s="160">
        <v>57</v>
      </c>
      <c r="BL29" s="160">
        <v>38</v>
      </c>
      <c r="BM29" s="160">
        <v>35</v>
      </c>
      <c r="BN29" s="160">
        <v>9</v>
      </c>
      <c r="BO29" s="165">
        <v>246</v>
      </c>
      <c r="BP29" s="164">
        <v>246</v>
      </c>
      <c r="BQ29" s="159">
        <v>20</v>
      </c>
      <c r="BR29" s="160">
        <v>34</v>
      </c>
      <c r="BS29" s="165">
        <v>54</v>
      </c>
      <c r="BT29" s="162">
        <v>0</v>
      </c>
      <c r="BU29" s="160">
        <v>26</v>
      </c>
      <c r="BV29" s="160">
        <v>28</v>
      </c>
      <c r="BW29" s="160">
        <v>21</v>
      </c>
      <c r="BX29" s="160">
        <v>4</v>
      </c>
      <c r="BY29" s="160">
        <v>6</v>
      </c>
      <c r="BZ29" s="165">
        <v>85</v>
      </c>
      <c r="CA29" s="164">
        <v>139</v>
      </c>
      <c r="CB29" s="159">
        <v>0</v>
      </c>
      <c r="CC29" s="160">
        <v>0</v>
      </c>
      <c r="CD29" s="165">
        <v>0</v>
      </c>
      <c r="CE29" s="162">
        <v>0</v>
      </c>
      <c r="CF29" s="160">
        <v>20</v>
      </c>
      <c r="CG29" s="160">
        <v>11</v>
      </c>
      <c r="CH29" s="160">
        <v>12</v>
      </c>
      <c r="CI29" s="160">
        <v>14</v>
      </c>
      <c r="CJ29" s="160">
        <v>5</v>
      </c>
      <c r="CK29" s="165">
        <v>62</v>
      </c>
      <c r="CL29" s="164">
        <v>62</v>
      </c>
      <c r="CM29" s="159">
        <v>1</v>
      </c>
      <c r="CN29" s="160">
        <v>1</v>
      </c>
      <c r="CO29" s="165">
        <v>2</v>
      </c>
      <c r="CP29" s="162">
        <v>0</v>
      </c>
      <c r="CQ29" s="160">
        <v>2</v>
      </c>
      <c r="CR29" s="160">
        <v>2</v>
      </c>
      <c r="CS29" s="160">
        <v>1</v>
      </c>
      <c r="CT29" s="160">
        <v>1</v>
      </c>
      <c r="CU29" s="160">
        <v>0</v>
      </c>
      <c r="CV29" s="165">
        <v>6</v>
      </c>
      <c r="CW29" s="164">
        <v>8</v>
      </c>
      <c r="CX29" s="159">
        <v>0</v>
      </c>
      <c r="CY29" s="160">
        <v>0</v>
      </c>
      <c r="CZ29" s="165">
        <v>0</v>
      </c>
      <c r="DA29" s="162">
        <v>0</v>
      </c>
      <c r="DB29" s="160">
        <v>0</v>
      </c>
      <c r="DC29" s="160">
        <v>0</v>
      </c>
      <c r="DD29" s="160">
        <v>0</v>
      </c>
      <c r="DE29" s="160">
        <v>0</v>
      </c>
      <c r="DF29" s="160">
        <v>0</v>
      </c>
      <c r="DG29" s="165">
        <v>0</v>
      </c>
      <c r="DH29" s="164">
        <v>0</v>
      </c>
      <c r="DI29" s="159">
        <v>0</v>
      </c>
      <c r="DJ29" s="160">
        <v>0</v>
      </c>
      <c r="DK29" s="165">
        <v>0</v>
      </c>
      <c r="DL29" s="162">
        <v>0</v>
      </c>
      <c r="DM29" s="160">
        <v>0</v>
      </c>
      <c r="DN29" s="160">
        <v>0</v>
      </c>
      <c r="DO29" s="160">
        <v>0</v>
      </c>
      <c r="DP29" s="160">
        <v>0</v>
      </c>
      <c r="DQ29" s="160">
        <v>0</v>
      </c>
      <c r="DR29" s="165">
        <v>0</v>
      </c>
      <c r="DS29" s="164">
        <v>0</v>
      </c>
      <c r="DT29" s="159">
        <v>104</v>
      </c>
      <c r="DU29" s="160">
        <v>162</v>
      </c>
      <c r="DV29" s="165">
        <v>266</v>
      </c>
      <c r="DW29" s="162">
        <v>0</v>
      </c>
      <c r="DX29" s="160">
        <v>84</v>
      </c>
      <c r="DY29" s="160">
        <v>119</v>
      </c>
      <c r="DZ29" s="160">
        <v>89</v>
      </c>
      <c r="EA29" s="160">
        <v>62</v>
      </c>
      <c r="EB29" s="160">
        <v>42</v>
      </c>
      <c r="EC29" s="165">
        <v>396</v>
      </c>
      <c r="ED29" s="164">
        <v>662</v>
      </c>
      <c r="EE29" s="159">
        <v>12</v>
      </c>
      <c r="EF29" s="160">
        <v>12</v>
      </c>
      <c r="EG29" s="165">
        <v>24</v>
      </c>
      <c r="EH29" s="162">
        <v>0</v>
      </c>
      <c r="EI29" s="160">
        <v>47</v>
      </c>
      <c r="EJ29" s="160">
        <v>29</v>
      </c>
      <c r="EK29" s="160">
        <v>27</v>
      </c>
      <c r="EL29" s="160">
        <v>34</v>
      </c>
      <c r="EM29" s="160">
        <v>18</v>
      </c>
      <c r="EN29" s="165">
        <v>155</v>
      </c>
      <c r="EO29" s="164">
        <v>179</v>
      </c>
      <c r="EP29" s="159">
        <v>135</v>
      </c>
      <c r="EQ29" s="160">
        <v>191</v>
      </c>
      <c r="ER29" s="165">
        <v>326</v>
      </c>
      <c r="ES29" s="162">
        <v>0</v>
      </c>
      <c r="ET29" s="160">
        <v>225</v>
      </c>
      <c r="EU29" s="160">
        <v>149</v>
      </c>
      <c r="EV29" s="160">
        <v>100</v>
      </c>
      <c r="EW29" s="160">
        <v>69</v>
      </c>
      <c r="EX29" s="160">
        <v>43</v>
      </c>
      <c r="EY29" s="165">
        <v>586</v>
      </c>
      <c r="EZ29" s="164">
        <v>912</v>
      </c>
    </row>
    <row r="30" spans="2:156" ht="21" customHeight="1" x14ac:dyDescent="0.2">
      <c r="B30" s="166" t="s">
        <v>28</v>
      </c>
      <c r="C30" s="159">
        <v>0</v>
      </c>
      <c r="D30" s="160">
        <v>0</v>
      </c>
      <c r="E30" s="161">
        <v>0</v>
      </c>
      <c r="F30" s="162">
        <v>0</v>
      </c>
      <c r="G30" s="160">
        <v>15</v>
      </c>
      <c r="H30" s="160">
        <v>14</v>
      </c>
      <c r="I30" s="160">
        <v>5</v>
      </c>
      <c r="J30" s="160">
        <v>6</v>
      </c>
      <c r="K30" s="160">
        <v>8</v>
      </c>
      <c r="L30" s="163">
        <v>48</v>
      </c>
      <c r="M30" s="164">
        <v>48</v>
      </c>
      <c r="N30" s="159">
        <v>0</v>
      </c>
      <c r="O30" s="160">
        <v>0</v>
      </c>
      <c r="P30" s="165">
        <v>0</v>
      </c>
      <c r="Q30" s="162">
        <v>0</v>
      </c>
      <c r="R30" s="160">
        <v>0</v>
      </c>
      <c r="S30" s="160">
        <v>0</v>
      </c>
      <c r="T30" s="160">
        <v>3</v>
      </c>
      <c r="U30" s="160">
        <v>2</v>
      </c>
      <c r="V30" s="160">
        <v>5</v>
      </c>
      <c r="W30" s="165">
        <v>10</v>
      </c>
      <c r="X30" s="164">
        <v>10</v>
      </c>
      <c r="Y30" s="159">
        <v>1</v>
      </c>
      <c r="Z30" s="160">
        <v>5</v>
      </c>
      <c r="AA30" s="165">
        <v>6</v>
      </c>
      <c r="AB30" s="162">
        <v>0</v>
      </c>
      <c r="AC30" s="160">
        <v>8</v>
      </c>
      <c r="AD30" s="160">
        <v>14</v>
      </c>
      <c r="AE30" s="160">
        <v>10</v>
      </c>
      <c r="AF30" s="160">
        <v>15</v>
      </c>
      <c r="AG30" s="160">
        <v>12</v>
      </c>
      <c r="AH30" s="165">
        <v>59</v>
      </c>
      <c r="AI30" s="164">
        <v>65</v>
      </c>
      <c r="AJ30" s="159">
        <v>0</v>
      </c>
      <c r="AK30" s="160">
        <v>0</v>
      </c>
      <c r="AL30" s="165">
        <v>0</v>
      </c>
      <c r="AM30" s="162">
        <v>0</v>
      </c>
      <c r="AN30" s="160">
        <v>1</v>
      </c>
      <c r="AO30" s="160">
        <v>0</v>
      </c>
      <c r="AP30" s="160">
        <v>1</v>
      </c>
      <c r="AQ30" s="160">
        <v>1</v>
      </c>
      <c r="AR30" s="160">
        <v>2</v>
      </c>
      <c r="AS30" s="165">
        <v>5</v>
      </c>
      <c r="AT30" s="164">
        <v>5</v>
      </c>
      <c r="AU30" s="159">
        <v>1</v>
      </c>
      <c r="AV30" s="160">
        <v>1</v>
      </c>
      <c r="AW30" s="165">
        <v>2</v>
      </c>
      <c r="AX30" s="162">
        <v>0</v>
      </c>
      <c r="AY30" s="160">
        <v>12</v>
      </c>
      <c r="AZ30" s="160">
        <v>23</v>
      </c>
      <c r="BA30" s="160">
        <v>15</v>
      </c>
      <c r="BB30" s="160">
        <v>17</v>
      </c>
      <c r="BC30" s="160">
        <v>18</v>
      </c>
      <c r="BD30" s="163">
        <v>85</v>
      </c>
      <c r="BE30" s="164">
        <v>87</v>
      </c>
      <c r="BF30" s="159">
        <v>0</v>
      </c>
      <c r="BG30" s="160">
        <v>0</v>
      </c>
      <c r="BH30" s="165">
        <v>0</v>
      </c>
      <c r="BI30" s="162">
        <v>0</v>
      </c>
      <c r="BJ30" s="160">
        <v>27</v>
      </c>
      <c r="BK30" s="160">
        <v>37</v>
      </c>
      <c r="BL30" s="160">
        <v>21</v>
      </c>
      <c r="BM30" s="160">
        <v>11</v>
      </c>
      <c r="BN30" s="160">
        <v>9</v>
      </c>
      <c r="BO30" s="165">
        <v>105</v>
      </c>
      <c r="BP30" s="164">
        <v>105</v>
      </c>
      <c r="BQ30" s="159">
        <v>2</v>
      </c>
      <c r="BR30" s="160">
        <v>4</v>
      </c>
      <c r="BS30" s="165">
        <v>6</v>
      </c>
      <c r="BT30" s="162">
        <v>0</v>
      </c>
      <c r="BU30" s="160">
        <v>12</v>
      </c>
      <c r="BV30" s="160">
        <v>15</v>
      </c>
      <c r="BW30" s="160">
        <v>5</v>
      </c>
      <c r="BX30" s="160">
        <v>9</v>
      </c>
      <c r="BY30" s="160">
        <v>5</v>
      </c>
      <c r="BZ30" s="165">
        <v>46</v>
      </c>
      <c r="CA30" s="164">
        <v>52</v>
      </c>
      <c r="CB30" s="159">
        <v>0</v>
      </c>
      <c r="CC30" s="160">
        <v>0</v>
      </c>
      <c r="CD30" s="165">
        <v>0</v>
      </c>
      <c r="CE30" s="162">
        <v>0</v>
      </c>
      <c r="CF30" s="160">
        <v>1</v>
      </c>
      <c r="CG30" s="160">
        <v>4</v>
      </c>
      <c r="CH30" s="160">
        <v>1</v>
      </c>
      <c r="CI30" s="160">
        <v>8</v>
      </c>
      <c r="CJ30" s="160">
        <v>3</v>
      </c>
      <c r="CK30" s="165">
        <v>17</v>
      </c>
      <c r="CL30" s="164">
        <v>17</v>
      </c>
      <c r="CM30" s="159">
        <v>0</v>
      </c>
      <c r="CN30" s="160">
        <v>0</v>
      </c>
      <c r="CO30" s="165">
        <v>0</v>
      </c>
      <c r="CP30" s="162">
        <v>0</v>
      </c>
      <c r="CQ30" s="160">
        <v>1</v>
      </c>
      <c r="CR30" s="160">
        <v>3</v>
      </c>
      <c r="CS30" s="160">
        <v>3</v>
      </c>
      <c r="CT30" s="160">
        <v>1</v>
      </c>
      <c r="CU30" s="160">
        <v>2</v>
      </c>
      <c r="CV30" s="165">
        <v>10</v>
      </c>
      <c r="CW30" s="164">
        <v>10</v>
      </c>
      <c r="CX30" s="159">
        <v>0</v>
      </c>
      <c r="CY30" s="160">
        <v>0</v>
      </c>
      <c r="CZ30" s="165">
        <v>0</v>
      </c>
      <c r="DA30" s="162">
        <v>0</v>
      </c>
      <c r="DB30" s="160">
        <v>0</v>
      </c>
      <c r="DC30" s="160">
        <v>0</v>
      </c>
      <c r="DD30" s="160">
        <v>0</v>
      </c>
      <c r="DE30" s="160">
        <v>0</v>
      </c>
      <c r="DF30" s="160">
        <v>0</v>
      </c>
      <c r="DG30" s="165">
        <v>0</v>
      </c>
      <c r="DH30" s="164">
        <v>0</v>
      </c>
      <c r="DI30" s="159">
        <v>0</v>
      </c>
      <c r="DJ30" s="160">
        <v>0</v>
      </c>
      <c r="DK30" s="165">
        <v>0</v>
      </c>
      <c r="DL30" s="162">
        <v>0</v>
      </c>
      <c r="DM30" s="160">
        <v>0</v>
      </c>
      <c r="DN30" s="160">
        <v>0</v>
      </c>
      <c r="DO30" s="160">
        <v>0</v>
      </c>
      <c r="DP30" s="160">
        <v>0</v>
      </c>
      <c r="DQ30" s="160">
        <v>0</v>
      </c>
      <c r="DR30" s="165">
        <v>0</v>
      </c>
      <c r="DS30" s="164">
        <v>0</v>
      </c>
      <c r="DT30" s="159">
        <v>6</v>
      </c>
      <c r="DU30" s="160">
        <v>23</v>
      </c>
      <c r="DV30" s="165">
        <v>29</v>
      </c>
      <c r="DW30" s="162">
        <v>0</v>
      </c>
      <c r="DX30" s="160">
        <v>41</v>
      </c>
      <c r="DY30" s="160">
        <v>68</v>
      </c>
      <c r="DZ30" s="160">
        <v>35</v>
      </c>
      <c r="EA30" s="160">
        <v>24</v>
      </c>
      <c r="EB30" s="160">
        <v>20</v>
      </c>
      <c r="EC30" s="165">
        <v>188</v>
      </c>
      <c r="ED30" s="164">
        <v>217</v>
      </c>
      <c r="EE30" s="159">
        <v>0</v>
      </c>
      <c r="EF30" s="160">
        <v>0</v>
      </c>
      <c r="EG30" s="165">
        <v>0</v>
      </c>
      <c r="EH30" s="162">
        <v>0</v>
      </c>
      <c r="EI30" s="160">
        <v>6</v>
      </c>
      <c r="EJ30" s="160">
        <v>8</v>
      </c>
      <c r="EK30" s="160">
        <v>4</v>
      </c>
      <c r="EL30" s="160">
        <v>4</v>
      </c>
      <c r="EM30" s="160">
        <v>4</v>
      </c>
      <c r="EN30" s="165">
        <v>26</v>
      </c>
      <c r="EO30" s="164">
        <v>26</v>
      </c>
      <c r="EP30" s="159">
        <v>8</v>
      </c>
      <c r="EQ30" s="160">
        <v>25</v>
      </c>
      <c r="ER30" s="165">
        <v>33</v>
      </c>
      <c r="ES30" s="162">
        <v>0</v>
      </c>
      <c r="ET30" s="160">
        <v>82</v>
      </c>
      <c r="EU30" s="160">
        <v>92</v>
      </c>
      <c r="EV30" s="160">
        <v>44</v>
      </c>
      <c r="EW30" s="160">
        <v>29</v>
      </c>
      <c r="EX30" s="160">
        <v>20</v>
      </c>
      <c r="EY30" s="165">
        <v>267</v>
      </c>
      <c r="EZ30" s="164">
        <v>300</v>
      </c>
    </row>
    <row r="31" spans="2:156" ht="21" customHeight="1" x14ac:dyDescent="0.2">
      <c r="B31" s="166" t="s">
        <v>29</v>
      </c>
      <c r="C31" s="159">
        <v>0</v>
      </c>
      <c r="D31" s="160">
        <v>0</v>
      </c>
      <c r="E31" s="161">
        <v>0</v>
      </c>
      <c r="F31" s="162">
        <v>0</v>
      </c>
      <c r="G31" s="160">
        <v>25</v>
      </c>
      <c r="H31" s="160">
        <v>29</v>
      </c>
      <c r="I31" s="160">
        <v>18</v>
      </c>
      <c r="J31" s="160">
        <v>17</v>
      </c>
      <c r="K31" s="160">
        <v>12</v>
      </c>
      <c r="L31" s="163">
        <v>101</v>
      </c>
      <c r="M31" s="164">
        <v>101</v>
      </c>
      <c r="N31" s="159">
        <v>0</v>
      </c>
      <c r="O31" s="160">
        <v>0</v>
      </c>
      <c r="P31" s="165">
        <v>0</v>
      </c>
      <c r="Q31" s="162">
        <v>0</v>
      </c>
      <c r="R31" s="160">
        <v>0</v>
      </c>
      <c r="S31" s="160">
        <v>0</v>
      </c>
      <c r="T31" s="160">
        <v>0</v>
      </c>
      <c r="U31" s="160">
        <v>3</v>
      </c>
      <c r="V31" s="160">
        <v>8</v>
      </c>
      <c r="W31" s="165">
        <v>11</v>
      </c>
      <c r="X31" s="164">
        <v>11</v>
      </c>
      <c r="Y31" s="159">
        <v>4</v>
      </c>
      <c r="Z31" s="160">
        <v>5</v>
      </c>
      <c r="AA31" s="165">
        <v>9</v>
      </c>
      <c r="AB31" s="162">
        <v>0</v>
      </c>
      <c r="AC31" s="160">
        <v>19</v>
      </c>
      <c r="AD31" s="160">
        <v>27</v>
      </c>
      <c r="AE31" s="160">
        <v>19</v>
      </c>
      <c r="AF31" s="160">
        <v>15</v>
      </c>
      <c r="AG31" s="160">
        <v>11</v>
      </c>
      <c r="AH31" s="165">
        <v>91</v>
      </c>
      <c r="AI31" s="164">
        <v>100</v>
      </c>
      <c r="AJ31" s="159">
        <v>0</v>
      </c>
      <c r="AK31" s="160">
        <v>2</v>
      </c>
      <c r="AL31" s="165">
        <v>2</v>
      </c>
      <c r="AM31" s="162">
        <v>0</v>
      </c>
      <c r="AN31" s="160">
        <v>3</v>
      </c>
      <c r="AO31" s="160">
        <v>3</v>
      </c>
      <c r="AP31" s="160">
        <v>2</v>
      </c>
      <c r="AQ31" s="160">
        <v>2</v>
      </c>
      <c r="AR31" s="160">
        <v>0</v>
      </c>
      <c r="AS31" s="165">
        <v>10</v>
      </c>
      <c r="AT31" s="164">
        <v>12</v>
      </c>
      <c r="AU31" s="159">
        <v>5</v>
      </c>
      <c r="AV31" s="160">
        <v>4</v>
      </c>
      <c r="AW31" s="165">
        <v>9</v>
      </c>
      <c r="AX31" s="162">
        <v>0</v>
      </c>
      <c r="AY31" s="160">
        <v>28</v>
      </c>
      <c r="AZ31" s="160">
        <v>31</v>
      </c>
      <c r="BA31" s="160">
        <v>22</v>
      </c>
      <c r="BB31" s="160">
        <v>25</v>
      </c>
      <c r="BC31" s="160">
        <v>17</v>
      </c>
      <c r="BD31" s="163">
        <v>123</v>
      </c>
      <c r="BE31" s="164">
        <v>132</v>
      </c>
      <c r="BF31" s="159">
        <v>0</v>
      </c>
      <c r="BG31" s="160">
        <v>0</v>
      </c>
      <c r="BH31" s="165">
        <v>0</v>
      </c>
      <c r="BI31" s="162">
        <v>0</v>
      </c>
      <c r="BJ31" s="160">
        <v>33</v>
      </c>
      <c r="BK31" s="160">
        <v>31</v>
      </c>
      <c r="BL31" s="160">
        <v>30</v>
      </c>
      <c r="BM31" s="160">
        <v>14</v>
      </c>
      <c r="BN31" s="160">
        <v>9</v>
      </c>
      <c r="BO31" s="165">
        <v>117</v>
      </c>
      <c r="BP31" s="164">
        <v>117</v>
      </c>
      <c r="BQ31" s="159">
        <v>2</v>
      </c>
      <c r="BR31" s="160">
        <v>6</v>
      </c>
      <c r="BS31" s="165">
        <v>8</v>
      </c>
      <c r="BT31" s="162">
        <v>0</v>
      </c>
      <c r="BU31" s="160">
        <v>11</v>
      </c>
      <c r="BV31" s="160">
        <v>17</v>
      </c>
      <c r="BW31" s="160">
        <v>15</v>
      </c>
      <c r="BX31" s="160">
        <v>3</v>
      </c>
      <c r="BY31" s="160">
        <v>1</v>
      </c>
      <c r="BZ31" s="165">
        <v>47</v>
      </c>
      <c r="CA31" s="164">
        <v>55</v>
      </c>
      <c r="CB31" s="159">
        <v>0</v>
      </c>
      <c r="CC31" s="160">
        <v>1</v>
      </c>
      <c r="CD31" s="165">
        <v>1</v>
      </c>
      <c r="CE31" s="162">
        <v>0</v>
      </c>
      <c r="CF31" s="160">
        <v>4</v>
      </c>
      <c r="CG31" s="160">
        <v>10</v>
      </c>
      <c r="CH31" s="160">
        <v>16</v>
      </c>
      <c r="CI31" s="160">
        <v>10</v>
      </c>
      <c r="CJ31" s="160">
        <v>8</v>
      </c>
      <c r="CK31" s="165">
        <v>48</v>
      </c>
      <c r="CL31" s="164">
        <v>49</v>
      </c>
      <c r="CM31" s="159">
        <v>0</v>
      </c>
      <c r="CN31" s="160">
        <v>0</v>
      </c>
      <c r="CO31" s="165">
        <v>0</v>
      </c>
      <c r="CP31" s="162">
        <v>0</v>
      </c>
      <c r="CQ31" s="160">
        <v>0</v>
      </c>
      <c r="CR31" s="160">
        <v>1</v>
      </c>
      <c r="CS31" s="160">
        <v>2</v>
      </c>
      <c r="CT31" s="160">
        <v>1</v>
      </c>
      <c r="CU31" s="160">
        <v>0</v>
      </c>
      <c r="CV31" s="165">
        <v>4</v>
      </c>
      <c r="CW31" s="164">
        <v>4</v>
      </c>
      <c r="CX31" s="159">
        <v>0</v>
      </c>
      <c r="CY31" s="160">
        <v>0</v>
      </c>
      <c r="CZ31" s="165">
        <v>0</v>
      </c>
      <c r="DA31" s="162">
        <v>0</v>
      </c>
      <c r="DB31" s="160">
        <v>0</v>
      </c>
      <c r="DC31" s="160">
        <v>0</v>
      </c>
      <c r="DD31" s="160">
        <v>0</v>
      </c>
      <c r="DE31" s="160">
        <v>0</v>
      </c>
      <c r="DF31" s="160">
        <v>0</v>
      </c>
      <c r="DG31" s="165">
        <v>0</v>
      </c>
      <c r="DH31" s="164">
        <v>0</v>
      </c>
      <c r="DI31" s="159">
        <v>0</v>
      </c>
      <c r="DJ31" s="160">
        <v>0</v>
      </c>
      <c r="DK31" s="165">
        <v>0</v>
      </c>
      <c r="DL31" s="162">
        <v>0</v>
      </c>
      <c r="DM31" s="160">
        <v>0</v>
      </c>
      <c r="DN31" s="160">
        <v>0</v>
      </c>
      <c r="DO31" s="160">
        <v>0</v>
      </c>
      <c r="DP31" s="160">
        <v>0</v>
      </c>
      <c r="DQ31" s="160">
        <v>0</v>
      </c>
      <c r="DR31" s="165">
        <v>0</v>
      </c>
      <c r="DS31" s="164">
        <v>0</v>
      </c>
      <c r="DT31" s="159">
        <v>31</v>
      </c>
      <c r="DU31" s="160">
        <v>32</v>
      </c>
      <c r="DV31" s="165">
        <v>63</v>
      </c>
      <c r="DW31" s="162">
        <v>0</v>
      </c>
      <c r="DX31" s="160">
        <v>46</v>
      </c>
      <c r="DY31" s="160">
        <v>83</v>
      </c>
      <c r="DZ31" s="160">
        <v>50</v>
      </c>
      <c r="EA31" s="160">
        <v>36</v>
      </c>
      <c r="EB31" s="160">
        <v>25</v>
      </c>
      <c r="EC31" s="165">
        <v>240</v>
      </c>
      <c r="ED31" s="164">
        <v>303</v>
      </c>
      <c r="EE31" s="159">
        <v>3</v>
      </c>
      <c r="EF31" s="160">
        <v>0</v>
      </c>
      <c r="EG31" s="165">
        <v>3</v>
      </c>
      <c r="EH31" s="162">
        <v>0</v>
      </c>
      <c r="EI31" s="160">
        <v>9</v>
      </c>
      <c r="EJ31" s="160">
        <v>5</v>
      </c>
      <c r="EK31" s="160">
        <v>4</v>
      </c>
      <c r="EL31" s="160">
        <v>8</v>
      </c>
      <c r="EM31" s="160">
        <v>5</v>
      </c>
      <c r="EN31" s="165">
        <v>31</v>
      </c>
      <c r="EO31" s="164">
        <v>34</v>
      </c>
      <c r="EP31" s="159">
        <v>37</v>
      </c>
      <c r="EQ31" s="160">
        <v>38</v>
      </c>
      <c r="ER31" s="165">
        <v>75</v>
      </c>
      <c r="ES31" s="162">
        <v>0</v>
      </c>
      <c r="ET31" s="160">
        <v>83</v>
      </c>
      <c r="EU31" s="160">
        <v>105</v>
      </c>
      <c r="EV31" s="160">
        <v>62</v>
      </c>
      <c r="EW31" s="160">
        <v>38</v>
      </c>
      <c r="EX31" s="160">
        <v>25</v>
      </c>
      <c r="EY31" s="165">
        <v>313</v>
      </c>
      <c r="EZ31" s="164">
        <v>388</v>
      </c>
    </row>
    <row r="32" spans="2:156" ht="21" customHeight="1" x14ac:dyDescent="0.2">
      <c r="B32" s="166" t="s">
        <v>30</v>
      </c>
      <c r="C32" s="159">
        <v>0</v>
      </c>
      <c r="D32" s="160">
        <v>0</v>
      </c>
      <c r="E32" s="161">
        <v>0</v>
      </c>
      <c r="F32" s="162">
        <v>0</v>
      </c>
      <c r="G32" s="160">
        <v>23</v>
      </c>
      <c r="H32" s="160">
        <v>17</v>
      </c>
      <c r="I32" s="160">
        <v>13</v>
      </c>
      <c r="J32" s="160">
        <v>10</v>
      </c>
      <c r="K32" s="160">
        <v>9</v>
      </c>
      <c r="L32" s="163">
        <v>72</v>
      </c>
      <c r="M32" s="164">
        <v>72</v>
      </c>
      <c r="N32" s="159">
        <v>0</v>
      </c>
      <c r="O32" s="160">
        <v>0</v>
      </c>
      <c r="P32" s="165">
        <v>0</v>
      </c>
      <c r="Q32" s="162">
        <v>0</v>
      </c>
      <c r="R32" s="160">
        <v>1</v>
      </c>
      <c r="S32" s="160">
        <v>1</v>
      </c>
      <c r="T32" s="160">
        <v>3</v>
      </c>
      <c r="U32" s="160">
        <v>5</v>
      </c>
      <c r="V32" s="160">
        <v>3</v>
      </c>
      <c r="W32" s="165">
        <v>13</v>
      </c>
      <c r="X32" s="164">
        <v>13</v>
      </c>
      <c r="Y32" s="159">
        <v>5</v>
      </c>
      <c r="Z32" s="160">
        <v>11</v>
      </c>
      <c r="AA32" s="165">
        <v>16</v>
      </c>
      <c r="AB32" s="162">
        <v>0</v>
      </c>
      <c r="AC32" s="160">
        <v>27</v>
      </c>
      <c r="AD32" s="160">
        <v>22</v>
      </c>
      <c r="AE32" s="160">
        <v>15</v>
      </c>
      <c r="AF32" s="160">
        <v>11</v>
      </c>
      <c r="AG32" s="160">
        <v>5</v>
      </c>
      <c r="AH32" s="165">
        <v>80</v>
      </c>
      <c r="AI32" s="164">
        <v>96</v>
      </c>
      <c r="AJ32" s="159">
        <v>2</v>
      </c>
      <c r="AK32" s="160">
        <v>0</v>
      </c>
      <c r="AL32" s="165">
        <v>2</v>
      </c>
      <c r="AM32" s="162">
        <v>0</v>
      </c>
      <c r="AN32" s="160">
        <v>3</v>
      </c>
      <c r="AO32" s="160">
        <v>3</v>
      </c>
      <c r="AP32" s="160">
        <v>4</v>
      </c>
      <c r="AQ32" s="160">
        <v>0</v>
      </c>
      <c r="AR32" s="160">
        <v>0</v>
      </c>
      <c r="AS32" s="165">
        <v>10</v>
      </c>
      <c r="AT32" s="164">
        <v>12</v>
      </c>
      <c r="AU32" s="159">
        <v>1</v>
      </c>
      <c r="AV32" s="160">
        <v>2</v>
      </c>
      <c r="AW32" s="165">
        <v>3</v>
      </c>
      <c r="AX32" s="162">
        <v>0</v>
      </c>
      <c r="AY32" s="160">
        <v>33</v>
      </c>
      <c r="AZ32" s="160">
        <v>23</v>
      </c>
      <c r="BA32" s="160">
        <v>21</v>
      </c>
      <c r="BB32" s="160">
        <v>27</v>
      </c>
      <c r="BC32" s="160">
        <v>7</v>
      </c>
      <c r="BD32" s="163">
        <v>111</v>
      </c>
      <c r="BE32" s="164">
        <v>114</v>
      </c>
      <c r="BF32" s="159">
        <v>0</v>
      </c>
      <c r="BG32" s="160">
        <v>0</v>
      </c>
      <c r="BH32" s="165">
        <v>0</v>
      </c>
      <c r="BI32" s="162">
        <v>0</v>
      </c>
      <c r="BJ32" s="160">
        <v>29</v>
      </c>
      <c r="BK32" s="160">
        <v>22</v>
      </c>
      <c r="BL32" s="160">
        <v>17</v>
      </c>
      <c r="BM32" s="160">
        <v>13</v>
      </c>
      <c r="BN32" s="160">
        <v>3</v>
      </c>
      <c r="BO32" s="165">
        <v>84</v>
      </c>
      <c r="BP32" s="164">
        <v>84</v>
      </c>
      <c r="BQ32" s="159">
        <v>5</v>
      </c>
      <c r="BR32" s="160">
        <v>6</v>
      </c>
      <c r="BS32" s="165">
        <v>11</v>
      </c>
      <c r="BT32" s="162">
        <v>0</v>
      </c>
      <c r="BU32" s="160">
        <v>8</v>
      </c>
      <c r="BV32" s="160">
        <v>10</v>
      </c>
      <c r="BW32" s="160">
        <v>4</v>
      </c>
      <c r="BX32" s="160">
        <v>5</v>
      </c>
      <c r="BY32" s="160">
        <v>1</v>
      </c>
      <c r="BZ32" s="165">
        <v>28</v>
      </c>
      <c r="CA32" s="164">
        <v>39</v>
      </c>
      <c r="CB32" s="159">
        <v>0</v>
      </c>
      <c r="CC32" s="160">
        <v>1</v>
      </c>
      <c r="CD32" s="165">
        <v>1</v>
      </c>
      <c r="CE32" s="162">
        <v>0</v>
      </c>
      <c r="CF32" s="160">
        <v>7</v>
      </c>
      <c r="CG32" s="160">
        <v>8</v>
      </c>
      <c r="CH32" s="160">
        <v>7</v>
      </c>
      <c r="CI32" s="160">
        <v>3</v>
      </c>
      <c r="CJ32" s="160">
        <v>1</v>
      </c>
      <c r="CK32" s="165">
        <v>26</v>
      </c>
      <c r="CL32" s="164">
        <v>27</v>
      </c>
      <c r="CM32" s="159">
        <v>0</v>
      </c>
      <c r="CN32" s="160">
        <v>0</v>
      </c>
      <c r="CO32" s="165">
        <v>0</v>
      </c>
      <c r="CP32" s="162">
        <v>0</v>
      </c>
      <c r="CQ32" s="160">
        <v>1</v>
      </c>
      <c r="CR32" s="160">
        <v>2</v>
      </c>
      <c r="CS32" s="160">
        <v>0</v>
      </c>
      <c r="CT32" s="160">
        <v>0</v>
      </c>
      <c r="CU32" s="160">
        <v>0</v>
      </c>
      <c r="CV32" s="165">
        <v>3</v>
      </c>
      <c r="CW32" s="164">
        <v>3</v>
      </c>
      <c r="CX32" s="159">
        <v>0</v>
      </c>
      <c r="CY32" s="160">
        <v>0</v>
      </c>
      <c r="CZ32" s="165">
        <v>0</v>
      </c>
      <c r="DA32" s="162">
        <v>0</v>
      </c>
      <c r="DB32" s="160">
        <v>0</v>
      </c>
      <c r="DC32" s="160">
        <v>0</v>
      </c>
      <c r="DD32" s="160">
        <v>0</v>
      </c>
      <c r="DE32" s="160">
        <v>0</v>
      </c>
      <c r="DF32" s="160">
        <v>0</v>
      </c>
      <c r="DG32" s="165">
        <v>0</v>
      </c>
      <c r="DH32" s="164">
        <v>0</v>
      </c>
      <c r="DI32" s="159">
        <v>0</v>
      </c>
      <c r="DJ32" s="160">
        <v>0</v>
      </c>
      <c r="DK32" s="165">
        <v>0</v>
      </c>
      <c r="DL32" s="162">
        <v>0</v>
      </c>
      <c r="DM32" s="160">
        <v>0</v>
      </c>
      <c r="DN32" s="160">
        <v>0</v>
      </c>
      <c r="DO32" s="160">
        <v>0</v>
      </c>
      <c r="DP32" s="160">
        <v>0</v>
      </c>
      <c r="DQ32" s="160">
        <v>0</v>
      </c>
      <c r="DR32" s="165">
        <v>0</v>
      </c>
      <c r="DS32" s="164">
        <v>0</v>
      </c>
      <c r="DT32" s="159">
        <v>36</v>
      </c>
      <c r="DU32" s="160">
        <v>31</v>
      </c>
      <c r="DV32" s="165">
        <v>67</v>
      </c>
      <c r="DW32" s="162">
        <v>0</v>
      </c>
      <c r="DX32" s="160">
        <v>56</v>
      </c>
      <c r="DY32" s="160">
        <v>52</v>
      </c>
      <c r="DZ32" s="160">
        <v>41</v>
      </c>
      <c r="EA32" s="160">
        <v>28</v>
      </c>
      <c r="EB32" s="160">
        <v>13</v>
      </c>
      <c r="EC32" s="165">
        <v>190</v>
      </c>
      <c r="ED32" s="164">
        <v>257</v>
      </c>
      <c r="EE32" s="159">
        <v>0</v>
      </c>
      <c r="EF32" s="160">
        <v>0</v>
      </c>
      <c r="EG32" s="165">
        <v>0</v>
      </c>
      <c r="EH32" s="162">
        <v>0</v>
      </c>
      <c r="EI32" s="160">
        <v>11</v>
      </c>
      <c r="EJ32" s="160">
        <v>8</v>
      </c>
      <c r="EK32" s="160">
        <v>7</v>
      </c>
      <c r="EL32" s="160">
        <v>6</v>
      </c>
      <c r="EM32" s="160">
        <v>2</v>
      </c>
      <c r="EN32" s="165">
        <v>34</v>
      </c>
      <c r="EO32" s="164">
        <v>34</v>
      </c>
      <c r="EP32" s="159">
        <v>42</v>
      </c>
      <c r="EQ32" s="160">
        <v>33</v>
      </c>
      <c r="ER32" s="165">
        <v>75</v>
      </c>
      <c r="ES32" s="162">
        <v>0</v>
      </c>
      <c r="ET32" s="160">
        <v>99</v>
      </c>
      <c r="EU32" s="160">
        <v>65</v>
      </c>
      <c r="EV32" s="160">
        <v>45</v>
      </c>
      <c r="EW32" s="160">
        <v>31</v>
      </c>
      <c r="EX32" s="160">
        <v>14</v>
      </c>
      <c r="EY32" s="165">
        <v>254</v>
      </c>
      <c r="EZ32" s="164">
        <v>329</v>
      </c>
    </row>
    <row r="33" spans="2:156" ht="21" customHeight="1" x14ac:dyDescent="0.2">
      <c r="B33" s="166" t="s">
        <v>31</v>
      </c>
      <c r="C33" s="159">
        <v>0</v>
      </c>
      <c r="D33" s="160">
        <v>0</v>
      </c>
      <c r="E33" s="161">
        <v>0</v>
      </c>
      <c r="F33" s="162">
        <v>0</v>
      </c>
      <c r="G33" s="160">
        <v>12</v>
      </c>
      <c r="H33" s="160">
        <v>15</v>
      </c>
      <c r="I33" s="160">
        <v>11</v>
      </c>
      <c r="J33" s="160">
        <v>7</v>
      </c>
      <c r="K33" s="160">
        <v>5</v>
      </c>
      <c r="L33" s="163">
        <v>50</v>
      </c>
      <c r="M33" s="164">
        <v>50</v>
      </c>
      <c r="N33" s="159">
        <v>0</v>
      </c>
      <c r="O33" s="160">
        <v>0</v>
      </c>
      <c r="P33" s="165">
        <v>0</v>
      </c>
      <c r="Q33" s="162">
        <v>0</v>
      </c>
      <c r="R33" s="160">
        <v>2</v>
      </c>
      <c r="S33" s="160">
        <v>3</v>
      </c>
      <c r="T33" s="160">
        <v>2</v>
      </c>
      <c r="U33" s="160">
        <v>4</v>
      </c>
      <c r="V33" s="160">
        <v>3</v>
      </c>
      <c r="W33" s="165">
        <v>14</v>
      </c>
      <c r="X33" s="164">
        <v>14</v>
      </c>
      <c r="Y33" s="159">
        <v>2</v>
      </c>
      <c r="Z33" s="160">
        <v>5</v>
      </c>
      <c r="AA33" s="165">
        <v>7</v>
      </c>
      <c r="AB33" s="162">
        <v>0</v>
      </c>
      <c r="AC33" s="160">
        <v>15</v>
      </c>
      <c r="AD33" s="160">
        <v>19</v>
      </c>
      <c r="AE33" s="160">
        <v>16</v>
      </c>
      <c r="AF33" s="160">
        <v>12</v>
      </c>
      <c r="AG33" s="160">
        <v>5</v>
      </c>
      <c r="AH33" s="165">
        <v>67</v>
      </c>
      <c r="AI33" s="164">
        <v>74</v>
      </c>
      <c r="AJ33" s="159">
        <v>1</v>
      </c>
      <c r="AK33" s="160">
        <v>2</v>
      </c>
      <c r="AL33" s="165">
        <v>3</v>
      </c>
      <c r="AM33" s="162">
        <v>0</v>
      </c>
      <c r="AN33" s="160">
        <v>4</v>
      </c>
      <c r="AO33" s="160">
        <v>1</v>
      </c>
      <c r="AP33" s="160">
        <v>2</v>
      </c>
      <c r="AQ33" s="160">
        <v>3</v>
      </c>
      <c r="AR33" s="160">
        <v>0</v>
      </c>
      <c r="AS33" s="165">
        <v>10</v>
      </c>
      <c r="AT33" s="164">
        <v>13</v>
      </c>
      <c r="AU33" s="159">
        <v>3</v>
      </c>
      <c r="AV33" s="160">
        <v>0</v>
      </c>
      <c r="AW33" s="165">
        <v>3</v>
      </c>
      <c r="AX33" s="162">
        <v>0</v>
      </c>
      <c r="AY33" s="160">
        <v>7</v>
      </c>
      <c r="AZ33" s="160">
        <v>18</v>
      </c>
      <c r="BA33" s="160">
        <v>14</v>
      </c>
      <c r="BB33" s="160">
        <v>18</v>
      </c>
      <c r="BC33" s="160">
        <v>9</v>
      </c>
      <c r="BD33" s="163">
        <v>66</v>
      </c>
      <c r="BE33" s="164">
        <v>69</v>
      </c>
      <c r="BF33" s="159">
        <v>0</v>
      </c>
      <c r="BG33" s="160">
        <v>0</v>
      </c>
      <c r="BH33" s="165">
        <v>0</v>
      </c>
      <c r="BI33" s="162">
        <v>0</v>
      </c>
      <c r="BJ33" s="160">
        <v>51</v>
      </c>
      <c r="BK33" s="160">
        <v>38</v>
      </c>
      <c r="BL33" s="160">
        <v>18</v>
      </c>
      <c r="BM33" s="160">
        <v>7</v>
      </c>
      <c r="BN33" s="160">
        <v>6</v>
      </c>
      <c r="BO33" s="165">
        <v>120</v>
      </c>
      <c r="BP33" s="164">
        <v>120</v>
      </c>
      <c r="BQ33" s="159">
        <v>1</v>
      </c>
      <c r="BR33" s="160">
        <v>2</v>
      </c>
      <c r="BS33" s="165">
        <v>3</v>
      </c>
      <c r="BT33" s="162">
        <v>0</v>
      </c>
      <c r="BU33" s="160">
        <v>9</v>
      </c>
      <c r="BV33" s="160">
        <v>5</v>
      </c>
      <c r="BW33" s="160">
        <v>5</v>
      </c>
      <c r="BX33" s="160">
        <v>5</v>
      </c>
      <c r="BY33" s="160">
        <v>1</v>
      </c>
      <c r="BZ33" s="165">
        <v>25</v>
      </c>
      <c r="CA33" s="164">
        <v>28</v>
      </c>
      <c r="CB33" s="159">
        <v>0</v>
      </c>
      <c r="CC33" s="160">
        <v>1</v>
      </c>
      <c r="CD33" s="165">
        <v>1</v>
      </c>
      <c r="CE33" s="162">
        <v>0</v>
      </c>
      <c r="CF33" s="160">
        <v>5</v>
      </c>
      <c r="CG33" s="160">
        <v>5</v>
      </c>
      <c r="CH33" s="160">
        <v>11</v>
      </c>
      <c r="CI33" s="160">
        <v>4</v>
      </c>
      <c r="CJ33" s="160">
        <v>1</v>
      </c>
      <c r="CK33" s="165">
        <v>26</v>
      </c>
      <c r="CL33" s="164">
        <v>27</v>
      </c>
      <c r="CM33" s="159">
        <v>0</v>
      </c>
      <c r="CN33" s="160">
        <v>0</v>
      </c>
      <c r="CO33" s="165">
        <v>0</v>
      </c>
      <c r="CP33" s="162">
        <v>0</v>
      </c>
      <c r="CQ33" s="160">
        <v>1</v>
      </c>
      <c r="CR33" s="160">
        <v>1</v>
      </c>
      <c r="CS33" s="160">
        <v>1</v>
      </c>
      <c r="CT33" s="160">
        <v>0</v>
      </c>
      <c r="CU33" s="160">
        <v>1</v>
      </c>
      <c r="CV33" s="165">
        <v>4</v>
      </c>
      <c r="CW33" s="164">
        <v>4</v>
      </c>
      <c r="CX33" s="159">
        <v>0</v>
      </c>
      <c r="CY33" s="160">
        <v>0</v>
      </c>
      <c r="CZ33" s="165">
        <v>0</v>
      </c>
      <c r="DA33" s="162">
        <v>0</v>
      </c>
      <c r="DB33" s="160">
        <v>0</v>
      </c>
      <c r="DC33" s="160">
        <v>0</v>
      </c>
      <c r="DD33" s="160">
        <v>0</v>
      </c>
      <c r="DE33" s="160">
        <v>0</v>
      </c>
      <c r="DF33" s="160">
        <v>0</v>
      </c>
      <c r="DG33" s="165">
        <v>0</v>
      </c>
      <c r="DH33" s="164">
        <v>0</v>
      </c>
      <c r="DI33" s="159">
        <v>0</v>
      </c>
      <c r="DJ33" s="160">
        <v>0</v>
      </c>
      <c r="DK33" s="165">
        <v>0</v>
      </c>
      <c r="DL33" s="162">
        <v>0</v>
      </c>
      <c r="DM33" s="160">
        <v>0</v>
      </c>
      <c r="DN33" s="160">
        <v>0</v>
      </c>
      <c r="DO33" s="160">
        <v>0</v>
      </c>
      <c r="DP33" s="160">
        <v>0</v>
      </c>
      <c r="DQ33" s="160">
        <v>0</v>
      </c>
      <c r="DR33" s="165">
        <v>0</v>
      </c>
      <c r="DS33" s="164">
        <v>0</v>
      </c>
      <c r="DT33" s="159">
        <v>23</v>
      </c>
      <c r="DU33" s="160">
        <v>70</v>
      </c>
      <c r="DV33" s="165">
        <v>93</v>
      </c>
      <c r="DW33" s="162">
        <v>0</v>
      </c>
      <c r="DX33" s="160">
        <v>56</v>
      </c>
      <c r="DY33" s="160">
        <v>69</v>
      </c>
      <c r="DZ33" s="160">
        <v>41</v>
      </c>
      <c r="EA33" s="160">
        <v>24</v>
      </c>
      <c r="EB33" s="160">
        <v>12</v>
      </c>
      <c r="EC33" s="165">
        <v>202</v>
      </c>
      <c r="ED33" s="164">
        <v>295</v>
      </c>
      <c r="EE33" s="159">
        <v>3</v>
      </c>
      <c r="EF33" s="160">
        <v>0</v>
      </c>
      <c r="EG33" s="165">
        <v>3</v>
      </c>
      <c r="EH33" s="162">
        <v>0</v>
      </c>
      <c r="EI33" s="160">
        <v>4</v>
      </c>
      <c r="EJ33" s="160">
        <v>8</v>
      </c>
      <c r="EK33" s="160">
        <v>5</v>
      </c>
      <c r="EL33" s="160">
        <v>5</v>
      </c>
      <c r="EM33" s="160">
        <v>3</v>
      </c>
      <c r="EN33" s="165">
        <v>25</v>
      </c>
      <c r="EO33" s="164">
        <v>28</v>
      </c>
      <c r="EP33" s="159">
        <v>26</v>
      </c>
      <c r="EQ33" s="160">
        <v>71</v>
      </c>
      <c r="ER33" s="165">
        <v>97</v>
      </c>
      <c r="ES33" s="162">
        <v>0</v>
      </c>
      <c r="ET33" s="160">
        <v>102</v>
      </c>
      <c r="EU33" s="160">
        <v>84</v>
      </c>
      <c r="EV33" s="160">
        <v>48</v>
      </c>
      <c r="EW33" s="160">
        <v>26</v>
      </c>
      <c r="EX33" s="160">
        <v>12</v>
      </c>
      <c r="EY33" s="165">
        <v>272</v>
      </c>
      <c r="EZ33" s="164">
        <v>369</v>
      </c>
    </row>
    <row r="34" spans="2:156" ht="21" customHeight="1" x14ac:dyDescent="0.2">
      <c r="B34" s="166" t="s">
        <v>32</v>
      </c>
      <c r="C34" s="159">
        <v>0</v>
      </c>
      <c r="D34" s="160">
        <v>0</v>
      </c>
      <c r="E34" s="161">
        <v>0</v>
      </c>
      <c r="F34" s="162">
        <v>0</v>
      </c>
      <c r="G34" s="160">
        <v>28</v>
      </c>
      <c r="H34" s="160">
        <v>20</v>
      </c>
      <c r="I34" s="160">
        <v>9</v>
      </c>
      <c r="J34" s="160">
        <v>8</v>
      </c>
      <c r="K34" s="160">
        <v>9</v>
      </c>
      <c r="L34" s="163">
        <v>74</v>
      </c>
      <c r="M34" s="164">
        <v>74</v>
      </c>
      <c r="N34" s="159">
        <v>0</v>
      </c>
      <c r="O34" s="160">
        <v>0</v>
      </c>
      <c r="P34" s="165">
        <v>0</v>
      </c>
      <c r="Q34" s="162">
        <v>0</v>
      </c>
      <c r="R34" s="160">
        <v>0</v>
      </c>
      <c r="S34" s="160">
        <v>0</v>
      </c>
      <c r="T34" s="160">
        <v>1</v>
      </c>
      <c r="U34" s="160">
        <v>7</v>
      </c>
      <c r="V34" s="160">
        <v>6</v>
      </c>
      <c r="W34" s="165">
        <v>14</v>
      </c>
      <c r="X34" s="164">
        <v>14</v>
      </c>
      <c r="Y34" s="159">
        <v>8</v>
      </c>
      <c r="Z34" s="160">
        <v>11</v>
      </c>
      <c r="AA34" s="165">
        <v>19</v>
      </c>
      <c r="AB34" s="162">
        <v>0</v>
      </c>
      <c r="AC34" s="160">
        <v>31</v>
      </c>
      <c r="AD34" s="160">
        <v>31</v>
      </c>
      <c r="AE34" s="160">
        <v>13</v>
      </c>
      <c r="AF34" s="160">
        <v>9</v>
      </c>
      <c r="AG34" s="160">
        <v>10</v>
      </c>
      <c r="AH34" s="165">
        <v>94</v>
      </c>
      <c r="AI34" s="164">
        <v>113</v>
      </c>
      <c r="AJ34" s="159">
        <v>0</v>
      </c>
      <c r="AK34" s="160">
        <v>0</v>
      </c>
      <c r="AL34" s="165">
        <v>0</v>
      </c>
      <c r="AM34" s="162">
        <v>0</v>
      </c>
      <c r="AN34" s="160">
        <v>4</v>
      </c>
      <c r="AO34" s="160">
        <v>2</v>
      </c>
      <c r="AP34" s="160">
        <v>0</v>
      </c>
      <c r="AQ34" s="160">
        <v>3</v>
      </c>
      <c r="AR34" s="160">
        <v>2</v>
      </c>
      <c r="AS34" s="165">
        <v>11</v>
      </c>
      <c r="AT34" s="164">
        <v>11</v>
      </c>
      <c r="AU34" s="159">
        <v>4</v>
      </c>
      <c r="AV34" s="160">
        <v>5</v>
      </c>
      <c r="AW34" s="165">
        <v>9</v>
      </c>
      <c r="AX34" s="162">
        <v>0</v>
      </c>
      <c r="AY34" s="160">
        <v>18</v>
      </c>
      <c r="AZ34" s="160">
        <v>27</v>
      </c>
      <c r="BA34" s="160">
        <v>25</v>
      </c>
      <c r="BB34" s="160">
        <v>33</v>
      </c>
      <c r="BC34" s="160">
        <v>20</v>
      </c>
      <c r="BD34" s="163">
        <v>123</v>
      </c>
      <c r="BE34" s="164">
        <v>132</v>
      </c>
      <c r="BF34" s="159">
        <v>0</v>
      </c>
      <c r="BG34" s="160">
        <v>0</v>
      </c>
      <c r="BH34" s="165">
        <v>0</v>
      </c>
      <c r="BI34" s="162">
        <v>0</v>
      </c>
      <c r="BJ34" s="160">
        <v>53</v>
      </c>
      <c r="BK34" s="160">
        <v>57</v>
      </c>
      <c r="BL34" s="160">
        <v>17</v>
      </c>
      <c r="BM34" s="160">
        <v>17</v>
      </c>
      <c r="BN34" s="160">
        <v>8</v>
      </c>
      <c r="BO34" s="165">
        <v>152</v>
      </c>
      <c r="BP34" s="164">
        <v>152</v>
      </c>
      <c r="BQ34" s="159">
        <v>4</v>
      </c>
      <c r="BR34" s="160">
        <v>4</v>
      </c>
      <c r="BS34" s="165">
        <v>8</v>
      </c>
      <c r="BT34" s="162">
        <v>0</v>
      </c>
      <c r="BU34" s="160">
        <v>9</v>
      </c>
      <c r="BV34" s="160">
        <v>15</v>
      </c>
      <c r="BW34" s="160">
        <v>4</v>
      </c>
      <c r="BX34" s="160">
        <v>3</v>
      </c>
      <c r="BY34" s="160">
        <v>3</v>
      </c>
      <c r="BZ34" s="165">
        <v>34</v>
      </c>
      <c r="CA34" s="164">
        <v>42</v>
      </c>
      <c r="CB34" s="159">
        <v>0</v>
      </c>
      <c r="CC34" s="160">
        <v>2</v>
      </c>
      <c r="CD34" s="165">
        <v>2</v>
      </c>
      <c r="CE34" s="162">
        <v>0</v>
      </c>
      <c r="CF34" s="160">
        <v>2</v>
      </c>
      <c r="CG34" s="160">
        <v>14</v>
      </c>
      <c r="CH34" s="160">
        <v>7</v>
      </c>
      <c r="CI34" s="160">
        <v>3</v>
      </c>
      <c r="CJ34" s="160">
        <v>4</v>
      </c>
      <c r="CK34" s="165">
        <v>30</v>
      </c>
      <c r="CL34" s="164">
        <v>32</v>
      </c>
      <c r="CM34" s="159">
        <v>0</v>
      </c>
      <c r="CN34" s="160">
        <v>0</v>
      </c>
      <c r="CO34" s="165">
        <v>0</v>
      </c>
      <c r="CP34" s="162">
        <v>0</v>
      </c>
      <c r="CQ34" s="160">
        <v>1</v>
      </c>
      <c r="CR34" s="160">
        <v>4</v>
      </c>
      <c r="CS34" s="160">
        <v>0</v>
      </c>
      <c r="CT34" s="160">
        <v>0</v>
      </c>
      <c r="CU34" s="160">
        <v>2</v>
      </c>
      <c r="CV34" s="165">
        <v>7</v>
      </c>
      <c r="CW34" s="164">
        <v>7</v>
      </c>
      <c r="CX34" s="159">
        <v>0</v>
      </c>
      <c r="CY34" s="160">
        <v>0</v>
      </c>
      <c r="CZ34" s="165">
        <v>0</v>
      </c>
      <c r="DA34" s="162">
        <v>0</v>
      </c>
      <c r="DB34" s="160">
        <v>0</v>
      </c>
      <c r="DC34" s="160">
        <v>0</v>
      </c>
      <c r="DD34" s="160">
        <v>0</v>
      </c>
      <c r="DE34" s="160">
        <v>0</v>
      </c>
      <c r="DF34" s="160">
        <v>0</v>
      </c>
      <c r="DG34" s="165">
        <v>0</v>
      </c>
      <c r="DH34" s="164">
        <v>0</v>
      </c>
      <c r="DI34" s="159">
        <v>0</v>
      </c>
      <c r="DJ34" s="160">
        <v>0</v>
      </c>
      <c r="DK34" s="165">
        <v>0</v>
      </c>
      <c r="DL34" s="162">
        <v>0</v>
      </c>
      <c r="DM34" s="160">
        <v>0</v>
      </c>
      <c r="DN34" s="160">
        <v>0</v>
      </c>
      <c r="DO34" s="160">
        <v>0</v>
      </c>
      <c r="DP34" s="160">
        <v>0</v>
      </c>
      <c r="DQ34" s="160">
        <v>0</v>
      </c>
      <c r="DR34" s="165">
        <v>0</v>
      </c>
      <c r="DS34" s="164">
        <v>0</v>
      </c>
      <c r="DT34" s="159">
        <v>23</v>
      </c>
      <c r="DU34" s="160">
        <v>53</v>
      </c>
      <c r="DV34" s="165">
        <v>76</v>
      </c>
      <c r="DW34" s="162">
        <v>0</v>
      </c>
      <c r="DX34" s="160">
        <v>85</v>
      </c>
      <c r="DY34" s="160">
        <v>87</v>
      </c>
      <c r="DZ34" s="160">
        <v>36</v>
      </c>
      <c r="EA34" s="160">
        <v>33</v>
      </c>
      <c r="EB34" s="160">
        <v>21</v>
      </c>
      <c r="EC34" s="165">
        <v>262</v>
      </c>
      <c r="ED34" s="164">
        <v>338</v>
      </c>
      <c r="EE34" s="159">
        <v>4</v>
      </c>
      <c r="EF34" s="160">
        <v>4</v>
      </c>
      <c r="EG34" s="165">
        <v>8</v>
      </c>
      <c r="EH34" s="162">
        <v>0</v>
      </c>
      <c r="EI34" s="160">
        <v>8</v>
      </c>
      <c r="EJ34" s="160">
        <v>7</v>
      </c>
      <c r="EK34" s="160">
        <v>5</v>
      </c>
      <c r="EL34" s="160">
        <v>12</v>
      </c>
      <c r="EM34" s="160">
        <v>6</v>
      </c>
      <c r="EN34" s="165">
        <v>38</v>
      </c>
      <c r="EO34" s="164">
        <v>46</v>
      </c>
      <c r="EP34" s="159">
        <v>30</v>
      </c>
      <c r="EQ34" s="160">
        <v>58</v>
      </c>
      <c r="ER34" s="165">
        <v>88</v>
      </c>
      <c r="ES34" s="162">
        <v>0</v>
      </c>
      <c r="ET34" s="160">
        <v>143</v>
      </c>
      <c r="EU34" s="160">
        <v>123</v>
      </c>
      <c r="EV34" s="160">
        <v>41</v>
      </c>
      <c r="EW34" s="160">
        <v>30</v>
      </c>
      <c r="EX34" s="160">
        <v>24</v>
      </c>
      <c r="EY34" s="165">
        <v>361</v>
      </c>
      <c r="EZ34" s="164">
        <v>449</v>
      </c>
    </row>
    <row r="35" spans="2:156" ht="21" customHeight="1" x14ac:dyDescent="0.2">
      <c r="B35" s="166" t="s">
        <v>33</v>
      </c>
      <c r="C35" s="159">
        <v>0</v>
      </c>
      <c r="D35" s="160">
        <v>0</v>
      </c>
      <c r="E35" s="161">
        <v>0</v>
      </c>
      <c r="F35" s="162">
        <v>0</v>
      </c>
      <c r="G35" s="160">
        <v>31</v>
      </c>
      <c r="H35" s="160">
        <v>12</v>
      </c>
      <c r="I35" s="160">
        <v>11</v>
      </c>
      <c r="J35" s="160">
        <v>2</v>
      </c>
      <c r="K35" s="160">
        <v>8</v>
      </c>
      <c r="L35" s="163">
        <v>64</v>
      </c>
      <c r="M35" s="164">
        <v>64</v>
      </c>
      <c r="N35" s="159">
        <v>0</v>
      </c>
      <c r="O35" s="160">
        <v>0</v>
      </c>
      <c r="P35" s="165">
        <v>0</v>
      </c>
      <c r="Q35" s="162">
        <v>0</v>
      </c>
      <c r="R35" s="160">
        <v>0</v>
      </c>
      <c r="S35" s="160">
        <v>1</v>
      </c>
      <c r="T35" s="160">
        <v>1</v>
      </c>
      <c r="U35" s="160">
        <v>3</v>
      </c>
      <c r="V35" s="160">
        <v>4</v>
      </c>
      <c r="W35" s="165">
        <v>9</v>
      </c>
      <c r="X35" s="164">
        <v>9</v>
      </c>
      <c r="Y35" s="159">
        <v>0</v>
      </c>
      <c r="Z35" s="160">
        <v>3</v>
      </c>
      <c r="AA35" s="165">
        <v>3</v>
      </c>
      <c r="AB35" s="162">
        <v>0</v>
      </c>
      <c r="AC35" s="160">
        <v>23</v>
      </c>
      <c r="AD35" s="160">
        <v>12</v>
      </c>
      <c r="AE35" s="160">
        <v>9</v>
      </c>
      <c r="AF35" s="160">
        <v>5</v>
      </c>
      <c r="AG35" s="160">
        <v>5</v>
      </c>
      <c r="AH35" s="165">
        <v>54</v>
      </c>
      <c r="AI35" s="164">
        <v>57</v>
      </c>
      <c r="AJ35" s="159">
        <v>9</v>
      </c>
      <c r="AK35" s="160">
        <v>20</v>
      </c>
      <c r="AL35" s="165">
        <v>29</v>
      </c>
      <c r="AM35" s="162">
        <v>0</v>
      </c>
      <c r="AN35" s="160">
        <v>37</v>
      </c>
      <c r="AO35" s="160">
        <v>17</v>
      </c>
      <c r="AP35" s="160">
        <v>10</v>
      </c>
      <c r="AQ35" s="160">
        <v>5</v>
      </c>
      <c r="AR35" s="160">
        <v>3</v>
      </c>
      <c r="AS35" s="165">
        <v>72</v>
      </c>
      <c r="AT35" s="164">
        <v>101</v>
      </c>
      <c r="AU35" s="159">
        <v>5</v>
      </c>
      <c r="AV35" s="160">
        <v>6</v>
      </c>
      <c r="AW35" s="165">
        <v>11</v>
      </c>
      <c r="AX35" s="162">
        <v>0</v>
      </c>
      <c r="AY35" s="160">
        <v>34</v>
      </c>
      <c r="AZ35" s="160">
        <v>31</v>
      </c>
      <c r="BA35" s="160">
        <v>36</v>
      </c>
      <c r="BB35" s="160">
        <v>16</v>
      </c>
      <c r="BC35" s="160">
        <v>20</v>
      </c>
      <c r="BD35" s="163">
        <v>137</v>
      </c>
      <c r="BE35" s="164">
        <v>148</v>
      </c>
      <c r="BF35" s="159">
        <v>0</v>
      </c>
      <c r="BG35" s="160">
        <v>0</v>
      </c>
      <c r="BH35" s="165">
        <v>0</v>
      </c>
      <c r="BI35" s="162">
        <v>0</v>
      </c>
      <c r="BJ35" s="160">
        <v>10</v>
      </c>
      <c r="BK35" s="160">
        <v>9</v>
      </c>
      <c r="BL35" s="160">
        <v>4</v>
      </c>
      <c r="BM35" s="160">
        <v>2</v>
      </c>
      <c r="BN35" s="160">
        <v>2</v>
      </c>
      <c r="BO35" s="165">
        <v>27</v>
      </c>
      <c r="BP35" s="164">
        <v>27</v>
      </c>
      <c r="BQ35" s="159">
        <v>7</v>
      </c>
      <c r="BR35" s="160">
        <v>12</v>
      </c>
      <c r="BS35" s="165">
        <v>19</v>
      </c>
      <c r="BT35" s="162">
        <v>0</v>
      </c>
      <c r="BU35" s="160">
        <v>36</v>
      </c>
      <c r="BV35" s="160">
        <v>16</v>
      </c>
      <c r="BW35" s="160">
        <v>8</v>
      </c>
      <c r="BX35" s="160">
        <v>4</v>
      </c>
      <c r="BY35" s="160">
        <v>2</v>
      </c>
      <c r="BZ35" s="165">
        <v>66</v>
      </c>
      <c r="CA35" s="164">
        <v>85</v>
      </c>
      <c r="CB35" s="159">
        <v>0</v>
      </c>
      <c r="CC35" s="160">
        <v>1</v>
      </c>
      <c r="CD35" s="165">
        <v>1</v>
      </c>
      <c r="CE35" s="162">
        <v>0</v>
      </c>
      <c r="CF35" s="160">
        <v>3</v>
      </c>
      <c r="CG35" s="160">
        <v>5</v>
      </c>
      <c r="CH35" s="160">
        <v>3</v>
      </c>
      <c r="CI35" s="160">
        <v>3</v>
      </c>
      <c r="CJ35" s="160">
        <v>2</v>
      </c>
      <c r="CK35" s="165">
        <v>16</v>
      </c>
      <c r="CL35" s="164">
        <v>17</v>
      </c>
      <c r="CM35" s="159">
        <v>0</v>
      </c>
      <c r="CN35" s="160">
        <v>0</v>
      </c>
      <c r="CO35" s="165">
        <v>0</v>
      </c>
      <c r="CP35" s="162">
        <v>0</v>
      </c>
      <c r="CQ35" s="160">
        <v>2</v>
      </c>
      <c r="CR35" s="160">
        <v>1</v>
      </c>
      <c r="CS35" s="160">
        <v>0</v>
      </c>
      <c r="CT35" s="160">
        <v>0</v>
      </c>
      <c r="CU35" s="160">
        <v>0</v>
      </c>
      <c r="CV35" s="165">
        <v>3</v>
      </c>
      <c r="CW35" s="164">
        <v>3</v>
      </c>
      <c r="CX35" s="159">
        <v>0</v>
      </c>
      <c r="CY35" s="160">
        <v>0</v>
      </c>
      <c r="CZ35" s="165">
        <v>0</v>
      </c>
      <c r="DA35" s="162">
        <v>0</v>
      </c>
      <c r="DB35" s="160">
        <v>0</v>
      </c>
      <c r="DC35" s="160">
        <v>0</v>
      </c>
      <c r="DD35" s="160">
        <v>0</v>
      </c>
      <c r="DE35" s="160">
        <v>0</v>
      </c>
      <c r="DF35" s="160">
        <v>0</v>
      </c>
      <c r="DG35" s="165">
        <v>0</v>
      </c>
      <c r="DH35" s="164">
        <v>0</v>
      </c>
      <c r="DI35" s="159">
        <v>0</v>
      </c>
      <c r="DJ35" s="160">
        <v>0</v>
      </c>
      <c r="DK35" s="165">
        <v>0</v>
      </c>
      <c r="DL35" s="162">
        <v>0</v>
      </c>
      <c r="DM35" s="160">
        <v>0</v>
      </c>
      <c r="DN35" s="160">
        <v>0</v>
      </c>
      <c r="DO35" s="160">
        <v>0</v>
      </c>
      <c r="DP35" s="160">
        <v>0</v>
      </c>
      <c r="DQ35" s="160">
        <v>0</v>
      </c>
      <c r="DR35" s="165">
        <v>0</v>
      </c>
      <c r="DS35" s="164">
        <v>0</v>
      </c>
      <c r="DT35" s="159">
        <v>16</v>
      </c>
      <c r="DU35" s="160">
        <v>32</v>
      </c>
      <c r="DV35" s="165">
        <v>48</v>
      </c>
      <c r="DW35" s="162">
        <v>0</v>
      </c>
      <c r="DX35" s="160">
        <v>67</v>
      </c>
      <c r="DY35" s="160">
        <v>51</v>
      </c>
      <c r="DZ35" s="160">
        <v>26</v>
      </c>
      <c r="EA35" s="160">
        <v>17</v>
      </c>
      <c r="EB35" s="160">
        <v>12</v>
      </c>
      <c r="EC35" s="165">
        <v>173</v>
      </c>
      <c r="ED35" s="164">
        <v>221</v>
      </c>
      <c r="EE35" s="159">
        <v>2</v>
      </c>
      <c r="EF35" s="160">
        <v>2</v>
      </c>
      <c r="EG35" s="165">
        <v>4</v>
      </c>
      <c r="EH35" s="162">
        <v>0</v>
      </c>
      <c r="EI35" s="160">
        <v>16</v>
      </c>
      <c r="EJ35" s="160">
        <v>16</v>
      </c>
      <c r="EK35" s="160">
        <v>20</v>
      </c>
      <c r="EL35" s="160">
        <v>8</v>
      </c>
      <c r="EM35" s="160">
        <v>7</v>
      </c>
      <c r="EN35" s="165">
        <v>67</v>
      </c>
      <c r="EO35" s="164">
        <v>71</v>
      </c>
      <c r="EP35" s="159">
        <v>27</v>
      </c>
      <c r="EQ35" s="160">
        <v>49</v>
      </c>
      <c r="ER35" s="165">
        <v>76</v>
      </c>
      <c r="ES35" s="162">
        <v>0</v>
      </c>
      <c r="ET35" s="160">
        <v>128</v>
      </c>
      <c r="EU35" s="160">
        <v>64</v>
      </c>
      <c r="EV35" s="160">
        <v>36</v>
      </c>
      <c r="EW35" s="160">
        <v>22</v>
      </c>
      <c r="EX35" s="160">
        <v>17</v>
      </c>
      <c r="EY35" s="165">
        <v>267</v>
      </c>
      <c r="EZ35" s="164">
        <v>343</v>
      </c>
    </row>
    <row r="36" spans="2:156" ht="21" customHeight="1" x14ac:dyDescent="0.2">
      <c r="B36" s="166" t="s">
        <v>34</v>
      </c>
      <c r="C36" s="159">
        <v>0</v>
      </c>
      <c r="D36" s="160">
        <v>0</v>
      </c>
      <c r="E36" s="161">
        <v>0</v>
      </c>
      <c r="F36" s="162">
        <v>0</v>
      </c>
      <c r="G36" s="160">
        <v>15</v>
      </c>
      <c r="H36" s="160">
        <v>9</v>
      </c>
      <c r="I36" s="160">
        <v>5</v>
      </c>
      <c r="J36" s="160">
        <v>8</v>
      </c>
      <c r="K36" s="160">
        <v>3</v>
      </c>
      <c r="L36" s="163">
        <v>40</v>
      </c>
      <c r="M36" s="164">
        <v>40</v>
      </c>
      <c r="N36" s="159">
        <v>0</v>
      </c>
      <c r="O36" s="160">
        <v>0</v>
      </c>
      <c r="P36" s="165">
        <v>0</v>
      </c>
      <c r="Q36" s="162">
        <v>0</v>
      </c>
      <c r="R36" s="160">
        <v>0</v>
      </c>
      <c r="S36" s="160">
        <v>1</v>
      </c>
      <c r="T36" s="160">
        <v>0</v>
      </c>
      <c r="U36" s="160">
        <v>1</v>
      </c>
      <c r="V36" s="160">
        <v>6</v>
      </c>
      <c r="W36" s="165">
        <v>8</v>
      </c>
      <c r="X36" s="164">
        <v>8</v>
      </c>
      <c r="Y36" s="159">
        <v>5</v>
      </c>
      <c r="Z36" s="160">
        <v>5</v>
      </c>
      <c r="AA36" s="165">
        <v>10</v>
      </c>
      <c r="AB36" s="162">
        <v>0</v>
      </c>
      <c r="AC36" s="160">
        <v>22</v>
      </c>
      <c r="AD36" s="160">
        <v>12</v>
      </c>
      <c r="AE36" s="160">
        <v>5</v>
      </c>
      <c r="AF36" s="160">
        <v>8</v>
      </c>
      <c r="AG36" s="160">
        <v>8</v>
      </c>
      <c r="AH36" s="165">
        <v>55</v>
      </c>
      <c r="AI36" s="164">
        <v>65</v>
      </c>
      <c r="AJ36" s="159">
        <v>1</v>
      </c>
      <c r="AK36" s="160">
        <v>0</v>
      </c>
      <c r="AL36" s="165">
        <v>1</v>
      </c>
      <c r="AM36" s="162">
        <v>0</v>
      </c>
      <c r="AN36" s="160">
        <v>6</v>
      </c>
      <c r="AO36" s="160">
        <v>2</v>
      </c>
      <c r="AP36" s="160">
        <v>2</v>
      </c>
      <c r="AQ36" s="160">
        <v>2</v>
      </c>
      <c r="AR36" s="160">
        <v>2</v>
      </c>
      <c r="AS36" s="165">
        <v>14</v>
      </c>
      <c r="AT36" s="164">
        <v>15</v>
      </c>
      <c r="AU36" s="159">
        <v>8</v>
      </c>
      <c r="AV36" s="160">
        <v>7</v>
      </c>
      <c r="AW36" s="165">
        <v>15</v>
      </c>
      <c r="AX36" s="162">
        <v>0</v>
      </c>
      <c r="AY36" s="160">
        <v>37</v>
      </c>
      <c r="AZ36" s="160">
        <v>32</v>
      </c>
      <c r="BA36" s="160">
        <v>12</v>
      </c>
      <c r="BB36" s="160">
        <v>21</v>
      </c>
      <c r="BC36" s="160">
        <v>19</v>
      </c>
      <c r="BD36" s="163">
        <v>121</v>
      </c>
      <c r="BE36" s="164">
        <v>136</v>
      </c>
      <c r="BF36" s="159">
        <v>0</v>
      </c>
      <c r="BG36" s="160">
        <v>0</v>
      </c>
      <c r="BH36" s="165">
        <v>0</v>
      </c>
      <c r="BI36" s="162">
        <v>0</v>
      </c>
      <c r="BJ36" s="160">
        <v>34</v>
      </c>
      <c r="BK36" s="160">
        <v>16</v>
      </c>
      <c r="BL36" s="160">
        <v>13</v>
      </c>
      <c r="BM36" s="160">
        <v>9</v>
      </c>
      <c r="BN36" s="160">
        <v>1</v>
      </c>
      <c r="BO36" s="165">
        <v>73</v>
      </c>
      <c r="BP36" s="164">
        <v>73</v>
      </c>
      <c r="BQ36" s="159">
        <v>0</v>
      </c>
      <c r="BR36" s="160">
        <v>3</v>
      </c>
      <c r="BS36" s="165">
        <v>3</v>
      </c>
      <c r="BT36" s="162">
        <v>0</v>
      </c>
      <c r="BU36" s="160">
        <v>11</v>
      </c>
      <c r="BV36" s="160">
        <v>2</v>
      </c>
      <c r="BW36" s="160">
        <v>2</v>
      </c>
      <c r="BX36" s="160">
        <v>1</v>
      </c>
      <c r="BY36" s="160">
        <v>0</v>
      </c>
      <c r="BZ36" s="165">
        <v>16</v>
      </c>
      <c r="CA36" s="164">
        <v>19</v>
      </c>
      <c r="CB36" s="159">
        <v>0</v>
      </c>
      <c r="CC36" s="160">
        <v>0</v>
      </c>
      <c r="CD36" s="165">
        <v>0</v>
      </c>
      <c r="CE36" s="162">
        <v>0</v>
      </c>
      <c r="CF36" s="160">
        <v>5</v>
      </c>
      <c r="CG36" s="160">
        <v>2</v>
      </c>
      <c r="CH36" s="160">
        <v>4</v>
      </c>
      <c r="CI36" s="160">
        <v>4</v>
      </c>
      <c r="CJ36" s="160">
        <v>1</v>
      </c>
      <c r="CK36" s="165">
        <v>16</v>
      </c>
      <c r="CL36" s="164">
        <v>16</v>
      </c>
      <c r="CM36" s="159">
        <v>0</v>
      </c>
      <c r="CN36" s="160">
        <v>0</v>
      </c>
      <c r="CO36" s="165">
        <v>0</v>
      </c>
      <c r="CP36" s="162">
        <v>0</v>
      </c>
      <c r="CQ36" s="160">
        <v>2</v>
      </c>
      <c r="CR36" s="160">
        <v>1</v>
      </c>
      <c r="CS36" s="160">
        <v>0</v>
      </c>
      <c r="CT36" s="160">
        <v>0</v>
      </c>
      <c r="CU36" s="160">
        <v>0</v>
      </c>
      <c r="CV36" s="165">
        <v>3</v>
      </c>
      <c r="CW36" s="164">
        <v>3</v>
      </c>
      <c r="CX36" s="159">
        <v>0</v>
      </c>
      <c r="CY36" s="160">
        <v>0</v>
      </c>
      <c r="CZ36" s="165">
        <v>0</v>
      </c>
      <c r="DA36" s="162">
        <v>0</v>
      </c>
      <c r="DB36" s="160">
        <v>0</v>
      </c>
      <c r="DC36" s="160">
        <v>0</v>
      </c>
      <c r="DD36" s="160">
        <v>0</v>
      </c>
      <c r="DE36" s="160">
        <v>0</v>
      </c>
      <c r="DF36" s="160">
        <v>0</v>
      </c>
      <c r="DG36" s="165">
        <v>0</v>
      </c>
      <c r="DH36" s="164">
        <v>0</v>
      </c>
      <c r="DI36" s="159">
        <v>0</v>
      </c>
      <c r="DJ36" s="160">
        <v>0</v>
      </c>
      <c r="DK36" s="165">
        <v>0</v>
      </c>
      <c r="DL36" s="162">
        <v>0</v>
      </c>
      <c r="DM36" s="160">
        <v>0</v>
      </c>
      <c r="DN36" s="160">
        <v>0</v>
      </c>
      <c r="DO36" s="160">
        <v>0</v>
      </c>
      <c r="DP36" s="160">
        <v>0</v>
      </c>
      <c r="DQ36" s="160">
        <v>0</v>
      </c>
      <c r="DR36" s="165">
        <v>0</v>
      </c>
      <c r="DS36" s="164">
        <v>0</v>
      </c>
      <c r="DT36" s="159">
        <v>13</v>
      </c>
      <c r="DU36" s="160">
        <v>26</v>
      </c>
      <c r="DV36" s="165">
        <v>39</v>
      </c>
      <c r="DW36" s="162">
        <v>0</v>
      </c>
      <c r="DX36" s="160">
        <v>59</v>
      </c>
      <c r="DY36" s="160">
        <v>47</v>
      </c>
      <c r="DZ36" s="160">
        <v>24</v>
      </c>
      <c r="EA36" s="160">
        <v>21</v>
      </c>
      <c r="EB36" s="160">
        <v>14</v>
      </c>
      <c r="EC36" s="165">
        <v>165</v>
      </c>
      <c r="ED36" s="164">
        <v>204</v>
      </c>
      <c r="EE36" s="159">
        <v>5</v>
      </c>
      <c r="EF36" s="160">
        <v>3</v>
      </c>
      <c r="EG36" s="165">
        <v>8</v>
      </c>
      <c r="EH36" s="162">
        <v>0</v>
      </c>
      <c r="EI36" s="160">
        <v>11</v>
      </c>
      <c r="EJ36" s="160">
        <v>9</v>
      </c>
      <c r="EK36" s="160">
        <v>3</v>
      </c>
      <c r="EL36" s="160">
        <v>5</v>
      </c>
      <c r="EM36" s="160">
        <v>6</v>
      </c>
      <c r="EN36" s="165">
        <v>34</v>
      </c>
      <c r="EO36" s="164">
        <v>42</v>
      </c>
      <c r="EP36" s="159">
        <v>17</v>
      </c>
      <c r="EQ36" s="160">
        <v>28</v>
      </c>
      <c r="ER36" s="165">
        <v>45</v>
      </c>
      <c r="ES36" s="162">
        <v>0</v>
      </c>
      <c r="ET36" s="160">
        <v>91</v>
      </c>
      <c r="EU36" s="160">
        <v>46</v>
      </c>
      <c r="EV36" s="160">
        <v>23</v>
      </c>
      <c r="EW36" s="160">
        <v>21</v>
      </c>
      <c r="EX36" s="160">
        <v>11</v>
      </c>
      <c r="EY36" s="165">
        <v>192</v>
      </c>
      <c r="EZ36" s="164">
        <v>237</v>
      </c>
    </row>
    <row r="37" spans="2:156" ht="21" customHeight="1" x14ac:dyDescent="0.2">
      <c r="B37" s="166" t="s">
        <v>35</v>
      </c>
      <c r="C37" s="159">
        <v>0</v>
      </c>
      <c r="D37" s="160">
        <v>0</v>
      </c>
      <c r="E37" s="161">
        <v>0</v>
      </c>
      <c r="F37" s="162">
        <v>0</v>
      </c>
      <c r="G37" s="160">
        <v>96</v>
      </c>
      <c r="H37" s="160">
        <v>48</v>
      </c>
      <c r="I37" s="160">
        <v>32</v>
      </c>
      <c r="J37" s="160">
        <v>29</v>
      </c>
      <c r="K37" s="160">
        <v>24</v>
      </c>
      <c r="L37" s="163">
        <v>229</v>
      </c>
      <c r="M37" s="164">
        <v>229</v>
      </c>
      <c r="N37" s="159">
        <v>0</v>
      </c>
      <c r="O37" s="160">
        <v>0</v>
      </c>
      <c r="P37" s="165">
        <v>0</v>
      </c>
      <c r="Q37" s="162">
        <v>0</v>
      </c>
      <c r="R37" s="160">
        <v>0</v>
      </c>
      <c r="S37" s="160">
        <v>1</v>
      </c>
      <c r="T37" s="160">
        <v>4</v>
      </c>
      <c r="U37" s="160">
        <v>10</v>
      </c>
      <c r="V37" s="160">
        <v>11</v>
      </c>
      <c r="W37" s="165">
        <v>26</v>
      </c>
      <c r="X37" s="164">
        <v>26</v>
      </c>
      <c r="Y37" s="159">
        <v>6</v>
      </c>
      <c r="Z37" s="160">
        <v>16</v>
      </c>
      <c r="AA37" s="165">
        <v>22</v>
      </c>
      <c r="AB37" s="162">
        <v>0</v>
      </c>
      <c r="AC37" s="160">
        <v>60</v>
      </c>
      <c r="AD37" s="160">
        <v>38</v>
      </c>
      <c r="AE37" s="160">
        <v>34</v>
      </c>
      <c r="AF37" s="160">
        <v>23</v>
      </c>
      <c r="AG37" s="160">
        <v>24</v>
      </c>
      <c r="AH37" s="165">
        <v>179</v>
      </c>
      <c r="AI37" s="164">
        <v>201</v>
      </c>
      <c r="AJ37" s="159">
        <v>9</v>
      </c>
      <c r="AK37" s="160">
        <v>18</v>
      </c>
      <c r="AL37" s="165">
        <v>27</v>
      </c>
      <c r="AM37" s="162">
        <v>0</v>
      </c>
      <c r="AN37" s="160">
        <v>19</v>
      </c>
      <c r="AO37" s="160">
        <v>16</v>
      </c>
      <c r="AP37" s="160">
        <v>6</v>
      </c>
      <c r="AQ37" s="160">
        <v>9</v>
      </c>
      <c r="AR37" s="160">
        <v>8</v>
      </c>
      <c r="AS37" s="165">
        <v>58</v>
      </c>
      <c r="AT37" s="164">
        <v>85</v>
      </c>
      <c r="AU37" s="159">
        <v>18</v>
      </c>
      <c r="AV37" s="160">
        <v>21</v>
      </c>
      <c r="AW37" s="165">
        <v>39</v>
      </c>
      <c r="AX37" s="162">
        <v>0</v>
      </c>
      <c r="AY37" s="160">
        <v>99</v>
      </c>
      <c r="AZ37" s="160">
        <v>67</v>
      </c>
      <c r="BA37" s="160">
        <v>81</v>
      </c>
      <c r="BB37" s="160">
        <v>82</v>
      </c>
      <c r="BC37" s="160">
        <v>58</v>
      </c>
      <c r="BD37" s="163">
        <v>387</v>
      </c>
      <c r="BE37" s="164">
        <v>426</v>
      </c>
      <c r="BF37" s="159">
        <v>0</v>
      </c>
      <c r="BG37" s="160">
        <v>0</v>
      </c>
      <c r="BH37" s="165">
        <v>0</v>
      </c>
      <c r="BI37" s="162">
        <v>0</v>
      </c>
      <c r="BJ37" s="160">
        <v>139</v>
      </c>
      <c r="BK37" s="160">
        <v>77</v>
      </c>
      <c r="BL37" s="160">
        <v>53</v>
      </c>
      <c r="BM37" s="160">
        <v>30</v>
      </c>
      <c r="BN37" s="160">
        <v>17</v>
      </c>
      <c r="BO37" s="165">
        <v>316</v>
      </c>
      <c r="BP37" s="164">
        <v>316</v>
      </c>
      <c r="BQ37" s="159">
        <v>11</v>
      </c>
      <c r="BR37" s="160">
        <v>23</v>
      </c>
      <c r="BS37" s="165">
        <v>34</v>
      </c>
      <c r="BT37" s="162">
        <v>0</v>
      </c>
      <c r="BU37" s="160">
        <v>67</v>
      </c>
      <c r="BV37" s="160">
        <v>27</v>
      </c>
      <c r="BW37" s="160">
        <v>17</v>
      </c>
      <c r="BX37" s="160">
        <v>9</v>
      </c>
      <c r="BY37" s="160">
        <v>2</v>
      </c>
      <c r="BZ37" s="165">
        <v>122</v>
      </c>
      <c r="CA37" s="164">
        <v>156</v>
      </c>
      <c r="CB37" s="159">
        <v>1</v>
      </c>
      <c r="CC37" s="160">
        <v>0</v>
      </c>
      <c r="CD37" s="165">
        <v>1</v>
      </c>
      <c r="CE37" s="162">
        <v>0</v>
      </c>
      <c r="CF37" s="160">
        <v>9</v>
      </c>
      <c r="CG37" s="160">
        <v>4</v>
      </c>
      <c r="CH37" s="160">
        <v>11</v>
      </c>
      <c r="CI37" s="160">
        <v>10</v>
      </c>
      <c r="CJ37" s="160">
        <v>3</v>
      </c>
      <c r="CK37" s="165">
        <v>37</v>
      </c>
      <c r="CL37" s="164">
        <v>38</v>
      </c>
      <c r="CM37" s="159">
        <v>0</v>
      </c>
      <c r="CN37" s="160">
        <v>0</v>
      </c>
      <c r="CO37" s="165">
        <v>0</v>
      </c>
      <c r="CP37" s="162">
        <v>0</v>
      </c>
      <c r="CQ37" s="160">
        <v>5</v>
      </c>
      <c r="CR37" s="160">
        <v>4</v>
      </c>
      <c r="CS37" s="160">
        <v>3</v>
      </c>
      <c r="CT37" s="160">
        <v>4</v>
      </c>
      <c r="CU37" s="160">
        <v>2</v>
      </c>
      <c r="CV37" s="165">
        <v>18</v>
      </c>
      <c r="CW37" s="164">
        <v>18</v>
      </c>
      <c r="CX37" s="159">
        <v>0</v>
      </c>
      <c r="CY37" s="160">
        <v>0</v>
      </c>
      <c r="CZ37" s="165">
        <v>0</v>
      </c>
      <c r="DA37" s="162">
        <v>0</v>
      </c>
      <c r="DB37" s="160">
        <v>0</v>
      </c>
      <c r="DC37" s="160">
        <v>0</v>
      </c>
      <c r="DD37" s="160">
        <v>0</v>
      </c>
      <c r="DE37" s="160">
        <v>0</v>
      </c>
      <c r="DF37" s="160">
        <v>0</v>
      </c>
      <c r="DG37" s="165">
        <v>0</v>
      </c>
      <c r="DH37" s="164">
        <v>0</v>
      </c>
      <c r="DI37" s="159">
        <v>0</v>
      </c>
      <c r="DJ37" s="160">
        <v>0</v>
      </c>
      <c r="DK37" s="165">
        <v>0</v>
      </c>
      <c r="DL37" s="162">
        <v>0</v>
      </c>
      <c r="DM37" s="160">
        <v>0</v>
      </c>
      <c r="DN37" s="160">
        <v>0</v>
      </c>
      <c r="DO37" s="160">
        <v>0</v>
      </c>
      <c r="DP37" s="160">
        <v>0</v>
      </c>
      <c r="DQ37" s="160">
        <v>0</v>
      </c>
      <c r="DR37" s="165">
        <v>0</v>
      </c>
      <c r="DS37" s="164">
        <v>0</v>
      </c>
      <c r="DT37" s="159">
        <v>61</v>
      </c>
      <c r="DU37" s="160">
        <v>105</v>
      </c>
      <c r="DV37" s="165">
        <v>166</v>
      </c>
      <c r="DW37" s="162">
        <v>0</v>
      </c>
      <c r="DX37" s="160">
        <v>192</v>
      </c>
      <c r="DY37" s="160">
        <v>139</v>
      </c>
      <c r="DZ37" s="160">
        <v>89</v>
      </c>
      <c r="EA37" s="160">
        <v>64</v>
      </c>
      <c r="EB37" s="160">
        <v>49</v>
      </c>
      <c r="EC37" s="165">
        <v>533</v>
      </c>
      <c r="ED37" s="164">
        <v>699</v>
      </c>
      <c r="EE37" s="159">
        <v>16</v>
      </c>
      <c r="EF37" s="160">
        <v>12</v>
      </c>
      <c r="EG37" s="165">
        <v>28</v>
      </c>
      <c r="EH37" s="162">
        <v>0</v>
      </c>
      <c r="EI37" s="160">
        <v>39</v>
      </c>
      <c r="EJ37" s="160">
        <v>14</v>
      </c>
      <c r="EK37" s="160">
        <v>21</v>
      </c>
      <c r="EL37" s="160">
        <v>35</v>
      </c>
      <c r="EM37" s="160">
        <v>14</v>
      </c>
      <c r="EN37" s="165">
        <v>123</v>
      </c>
      <c r="EO37" s="164">
        <v>151</v>
      </c>
      <c r="EP37" s="159">
        <v>76</v>
      </c>
      <c r="EQ37" s="160">
        <v>133</v>
      </c>
      <c r="ER37" s="165">
        <v>209</v>
      </c>
      <c r="ES37" s="162">
        <v>0</v>
      </c>
      <c r="ET37" s="160">
        <v>328</v>
      </c>
      <c r="EU37" s="160">
        <v>171</v>
      </c>
      <c r="EV37" s="160">
        <v>101</v>
      </c>
      <c r="EW37" s="160">
        <v>71</v>
      </c>
      <c r="EX37" s="160">
        <v>50</v>
      </c>
      <c r="EY37" s="165">
        <v>721</v>
      </c>
      <c r="EZ37" s="164">
        <v>930</v>
      </c>
    </row>
    <row r="38" spans="2:156" ht="21" customHeight="1" x14ac:dyDescent="0.2">
      <c r="B38" s="166" t="s">
        <v>36</v>
      </c>
      <c r="C38" s="159">
        <v>0</v>
      </c>
      <c r="D38" s="160">
        <v>0</v>
      </c>
      <c r="E38" s="161">
        <v>0</v>
      </c>
      <c r="F38" s="162">
        <v>0</v>
      </c>
      <c r="G38" s="160">
        <v>46</v>
      </c>
      <c r="H38" s="160">
        <v>82</v>
      </c>
      <c r="I38" s="160">
        <v>43</v>
      </c>
      <c r="J38" s="160">
        <v>28</v>
      </c>
      <c r="K38" s="160">
        <v>40</v>
      </c>
      <c r="L38" s="163">
        <v>239</v>
      </c>
      <c r="M38" s="164">
        <v>239</v>
      </c>
      <c r="N38" s="159">
        <v>0</v>
      </c>
      <c r="O38" s="160">
        <v>1</v>
      </c>
      <c r="P38" s="165">
        <v>1</v>
      </c>
      <c r="Q38" s="162">
        <v>0</v>
      </c>
      <c r="R38" s="160">
        <v>1</v>
      </c>
      <c r="S38" s="160">
        <v>3</v>
      </c>
      <c r="T38" s="160">
        <v>7</v>
      </c>
      <c r="U38" s="160">
        <v>9</v>
      </c>
      <c r="V38" s="160">
        <v>10</v>
      </c>
      <c r="W38" s="165">
        <v>30</v>
      </c>
      <c r="X38" s="164">
        <v>31</v>
      </c>
      <c r="Y38" s="159">
        <v>5</v>
      </c>
      <c r="Z38" s="160">
        <v>23</v>
      </c>
      <c r="AA38" s="165">
        <v>28</v>
      </c>
      <c r="AB38" s="162">
        <v>0</v>
      </c>
      <c r="AC38" s="160">
        <v>47</v>
      </c>
      <c r="AD38" s="160">
        <v>61</v>
      </c>
      <c r="AE38" s="160">
        <v>46</v>
      </c>
      <c r="AF38" s="160">
        <v>30</v>
      </c>
      <c r="AG38" s="160">
        <v>34</v>
      </c>
      <c r="AH38" s="165">
        <v>218</v>
      </c>
      <c r="AI38" s="164">
        <v>246</v>
      </c>
      <c r="AJ38" s="159">
        <v>1</v>
      </c>
      <c r="AK38" s="160">
        <v>15</v>
      </c>
      <c r="AL38" s="165">
        <v>16</v>
      </c>
      <c r="AM38" s="162">
        <v>0</v>
      </c>
      <c r="AN38" s="160">
        <v>21</v>
      </c>
      <c r="AO38" s="160">
        <v>19</v>
      </c>
      <c r="AP38" s="160">
        <v>8</v>
      </c>
      <c r="AQ38" s="160">
        <v>4</v>
      </c>
      <c r="AR38" s="160">
        <v>6</v>
      </c>
      <c r="AS38" s="165">
        <v>58</v>
      </c>
      <c r="AT38" s="164">
        <v>74</v>
      </c>
      <c r="AU38" s="159">
        <v>7</v>
      </c>
      <c r="AV38" s="160">
        <v>6</v>
      </c>
      <c r="AW38" s="165">
        <v>13</v>
      </c>
      <c r="AX38" s="162">
        <v>0</v>
      </c>
      <c r="AY38" s="160">
        <v>57</v>
      </c>
      <c r="AZ38" s="160">
        <v>107</v>
      </c>
      <c r="BA38" s="160">
        <v>71</v>
      </c>
      <c r="BB38" s="160">
        <v>53</v>
      </c>
      <c r="BC38" s="160">
        <v>60</v>
      </c>
      <c r="BD38" s="163">
        <v>348</v>
      </c>
      <c r="BE38" s="164">
        <v>361</v>
      </c>
      <c r="BF38" s="159">
        <v>0</v>
      </c>
      <c r="BG38" s="160">
        <v>0</v>
      </c>
      <c r="BH38" s="165">
        <v>0</v>
      </c>
      <c r="BI38" s="162">
        <v>0</v>
      </c>
      <c r="BJ38" s="160">
        <v>78</v>
      </c>
      <c r="BK38" s="160">
        <v>92</v>
      </c>
      <c r="BL38" s="160">
        <v>43</v>
      </c>
      <c r="BM38" s="160">
        <v>30</v>
      </c>
      <c r="BN38" s="160">
        <v>20</v>
      </c>
      <c r="BO38" s="165">
        <v>263</v>
      </c>
      <c r="BP38" s="164">
        <v>263</v>
      </c>
      <c r="BQ38" s="159">
        <v>7</v>
      </c>
      <c r="BR38" s="160">
        <v>7</v>
      </c>
      <c r="BS38" s="165">
        <v>14</v>
      </c>
      <c r="BT38" s="162">
        <v>0</v>
      </c>
      <c r="BU38" s="160">
        <v>26</v>
      </c>
      <c r="BV38" s="160">
        <v>35</v>
      </c>
      <c r="BW38" s="160">
        <v>19</v>
      </c>
      <c r="BX38" s="160">
        <v>10</v>
      </c>
      <c r="BY38" s="160">
        <v>4</v>
      </c>
      <c r="BZ38" s="165">
        <v>94</v>
      </c>
      <c r="CA38" s="164">
        <v>108</v>
      </c>
      <c r="CB38" s="159">
        <v>0</v>
      </c>
      <c r="CC38" s="160">
        <v>2</v>
      </c>
      <c r="CD38" s="165">
        <v>2</v>
      </c>
      <c r="CE38" s="162">
        <v>0</v>
      </c>
      <c r="CF38" s="160">
        <v>9</v>
      </c>
      <c r="CG38" s="160">
        <v>26</v>
      </c>
      <c r="CH38" s="160">
        <v>15</v>
      </c>
      <c r="CI38" s="160">
        <v>15</v>
      </c>
      <c r="CJ38" s="160">
        <v>16</v>
      </c>
      <c r="CK38" s="165">
        <v>81</v>
      </c>
      <c r="CL38" s="164">
        <v>83</v>
      </c>
      <c r="CM38" s="159">
        <v>0</v>
      </c>
      <c r="CN38" s="160">
        <v>0</v>
      </c>
      <c r="CO38" s="165">
        <v>0</v>
      </c>
      <c r="CP38" s="162">
        <v>0</v>
      </c>
      <c r="CQ38" s="160">
        <v>1</v>
      </c>
      <c r="CR38" s="160">
        <v>2</v>
      </c>
      <c r="CS38" s="160">
        <v>0</v>
      </c>
      <c r="CT38" s="160">
        <v>2</v>
      </c>
      <c r="CU38" s="160">
        <v>0</v>
      </c>
      <c r="CV38" s="165">
        <v>5</v>
      </c>
      <c r="CW38" s="164">
        <v>5</v>
      </c>
      <c r="CX38" s="159">
        <v>0</v>
      </c>
      <c r="CY38" s="160">
        <v>0</v>
      </c>
      <c r="CZ38" s="165">
        <v>0</v>
      </c>
      <c r="DA38" s="162">
        <v>0</v>
      </c>
      <c r="DB38" s="160">
        <v>0</v>
      </c>
      <c r="DC38" s="160">
        <v>0</v>
      </c>
      <c r="DD38" s="160">
        <v>0</v>
      </c>
      <c r="DE38" s="160">
        <v>0</v>
      </c>
      <c r="DF38" s="160">
        <v>0</v>
      </c>
      <c r="DG38" s="165">
        <v>0</v>
      </c>
      <c r="DH38" s="164">
        <v>0</v>
      </c>
      <c r="DI38" s="159">
        <v>0</v>
      </c>
      <c r="DJ38" s="160">
        <v>0</v>
      </c>
      <c r="DK38" s="165">
        <v>0</v>
      </c>
      <c r="DL38" s="162">
        <v>0</v>
      </c>
      <c r="DM38" s="160">
        <v>0</v>
      </c>
      <c r="DN38" s="160">
        <v>0</v>
      </c>
      <c r="DO38" s="160">
        <v>0</v>
      </c>
      <c r="DP38" s="160">
        <v>0</v>
      </c>
      <c r="DQ38" s="160">
        <v>0</v>
      </c>
      <c r="DR38" s="165">
        <v>0</v>
      </c>
      <c r="DS38" s="164">
        <v>0</v>
      </c>
      <c r="DT38" s="159">
        <v>35</v>
      </c>
      <c r="DU38" s="160">
        <v>117</v>
      </c>
      <c r="DV38" s="165">
        <v>152</v>
      </c>
      <c r="DW38" s="162">
        <v>0</v>
      </c>
      <c r="DX38" s="160">
        <v>144</v>
      </c>
      <c r="DY38" s="160">
        <v>215</v>
      </c>
      <c r="DZ38" s="160">
        <v>123</v>
      </c>
      <c r="EA38" s="160">
        <v>72</v>
      </c>
      <c r="EB38" s="160">
        <v>60</v>
      </c>
      <c r="EC38" s="165">
        <v>614</v>
      </c>
      <c r="ED38" s="164">
        <v>766</v>
      </c>
      <c r="EE38" s="159">
        <v>3</v>
      </c>
      <c r="EF38" s="160">
        <v>1</v>
      </c>
      <c r="EG38" s="165">
        <v>4</v>
      </c>
      <c r="EH38" s="162">
        <v>0</v>
      </c>
      <c r="EI38" s="160">
        <v>22</v>
      </c>
      <c r="EJ38" s="160">
        <v>15</v>
      </c>
      <c r="EK38" s="160">
        <v>16</v>
      </c>
      <c r="EL38" s="160">
        <v>4</v>
      </c>
      <c r="EM38" s="160">
        <v>3</v>
      </c>
      <c r="EN38" s="165">
        <v>60</v>
      </c>
      <c r="EO38" s="164">
        <v>64</v>
      </c>
      <c r="EP38" s="159">
        <v>45</v>
      </c>
      <c r="EQ38" s="160">
        <v>140</v>
      </c>
      <c r="ER38" s="165">
        <v>185</v>
      </c>
      <c r="ES38" s="162">
        <v>0</v>
      </c>
      <c r="ET38" s="160">
        <v>248</v>
      </c>
      <c r="EU38" s="160">
        <v>264</v>
      </c>
      <c r="EV38" s="160">
        <v>146</v>
      </c>
      <c r="EW38" s="160">
        <v>84</v>
      </c>
      <c r="EX38" s="160">
        <v>79</v>
      </c>
      <c r="EY38" s="165">
        <v>821</v>
      </c>
      <c r="EZ38" s="164">
        <v>1006</v>
      </c>
    </row>
    <row r="39" spans="2:156" ht="21" customHeight="1" thickBot="1" x14ac:dyDescent="0.25">
      <c r="B39" s="167" t="s">
        <v>37</v>
      </c>
      <c r="C39" s="168">
        <v>0</v>
      </c>
      <c r="D39" s="169">
        <v>0</v>
      </c>
      <c r="E39" s="170">
        <v>0</v>
      </c>
      <c r="F39" s="171">
        <v>0</v>
      </c>
      <c r="G39" s="169">
        <v>5</v>
      </c>
      <c r="H39" s="169">
        <v>6</v>
      </c>
      <c r="I39" s="169">
        <v>5</v>
      </c>
      <c r="J39" s="169">
        <v>3</v>
      </c>
      <c r="K39" s="169">
        <v>4</v>
      </c>
      <c r="L39" s="172">
        <v>23</v>
      </c>
      <c r="M39" s="173">
        <v>23</v>
      </c>
      <c r="N39" s="168">
        <v>0</v>
      </c>
      <c r="O39" s="169">
        <v>0</v>
      </c>
      <c r="P39" s="174">
        <v>0</v>
      </c>
      <c r="Q39" s="171">
        <v>0</v>
      </c>
      <c r="R39" s="169">
        <v>0</v>
      </c>
      <c r="S39" s="169">
        <v>0</v>
      </c>
      <c r="T39" s="169">
        <v>0</v>
      </c>
      <c r="U39" s="169">
        <v>0</v>
      </c>
      <c r="V39" s="169">
        <v>1</v>
      </c>
      <c r="W39" s="174">
        <v>1</v>
      </c>
      <c r="X39" s="173">
        <v>1</v>
      </c>
      <c r="Y39" s="168">
        <v>0</v>
      </c>
      <c r="Z39" s="169">
        <v>1</v>
      </c>
      <c r="AA39" s="174">
        <v>1</v>
      </c>
      <c r="AB39" s="171">
        <v>0</v>
      </c>
      <c r="AC39" s="169">
        <v>4</v>
      </c>
      <c r="AD39" s="169">
        <v>5</v>
      </c>
      <c r="AE39" s="169">
        <v>6</v>
      </c>
      <c r="AF39" s="169">
        <v>5</v>
      </c>
      <c r="AG39" s="169">
        <v>5</v>
      </c>
      <c r="AH39" s="174">
        <v>25</v>
      </c>
      <c r="AI39" s="173">
        <v>26</v>
      </c>
      <c r="AJ39" s="168">
        <v>0</v>
      </c>
      <c r="AK39" s="169">
        <v>0</v>
      </c>
      <c r="AL39" s="174">
        <v>0</v>
      </c>
      <c r="AM39" s="171">
        <v>0</v>
      </c>
      <c r="AN39" s="169">
        <v>1</v>
      </c>
      <c r="AO39" s="169">
        <v>1</v>
      </c>
      <c r="AP39" s="169">
        <v>0</v>
      </c>
      <c r="AQ39" s="169">
        <v>1</v>
      </c>
      <c r="AR39" s="169">
        <v>1</v>
      </c>
      <c r="AS39" s="174">
        <v>4</v>
      </c>
      <c r="AT39" s="173">
        <v>4</v>
      </c>
      <c r="AU39" s="168">
        <v>1</v>
      </c>
      <c r="AV39" s="169">
        <v>0</v>
      </c>
      <c r="AW39" s="174">
        <v>1</v>
      </c>
      <c r="AX39" s="171">
        <v>0</v>
      </c>
      <c r="AY39" s="169">
        <v>4</v>
      </c>
      <c r="AZ39" s="169">
        <v>1</v>
      </c>
      <c r="BA39" s="169">
        <v>6</v>
      </c>
      <c r="BB39" s="169">
        <v>12</v>
      </c>
      <c r="BC39" s="169">
        <v>7</v>
      </c>
      <c r="BD39" s="172">
        <v>30</v>
      </c>
      <c r="BE39" s="173">
        <v>31</v>
      </c>
      <c r="BF39" s="168">
        <v>0</v>
      </c>
      <c r="BG39" s="169">
        <v>0</v>
      </c>
      <c r="BH39" s="174">
        <v>0</v>
      </c>
      <c r="BI39" s="171">
        <v>0</v>
      </c>
      <c r="BJ39" s="169">
        <v>4</v>
      </c>
      <c r="BK39" s="169">
        <v>7</v>
      </c>
      <c r="BL39" s="169">
        <v>6</v>
      </c>
      <c r="BM39" s="169">
        <v>3</v>
      </c>
      <c r="BN39" s="169">
        <v>2</v>
      </c>
      <c r="BO39" s="174">
        <v>22</v>
      </c>
      <c r="BP39" s="173">
        <v>22</v>
      </c>
      <c r="BQ39" s="168">
        <v>1</v>
      </c>
      <c r="BR39" s="169">
        <v>1</v>
      </c>
      <c r="BS39" s="174">
        <v>2</v>
      </c>
      <c r="BT39" s="171">
        <v>0</v>
      </c>
      <c r="BU39" s="169">
        <v>7</v>
      </c>
      <c r="BV39" s="169">
        <v>6</v>
      </c>
      <c r="BW39" s="169">
        <v>2</v>
      </c>
      <c r="BX39" s="169">
        <v>2</v>
      </c>
      <c r="BY39" s="169">
        <v>1</v>
      </c>
      <c r="BZ39" s="174">
        <v>18</v>
      </c>
      <c r="CA39" s="173">
        <v>20</v>
      </c>
      <c r="CB39" s="168">
        <v>0</v>
      </c>
      <c r="CC39" s="169">
        <v>0</v>
      </c>
      <c r="CD39" s="174">
        <v>0</v>
      </c>
      <c r="CE39" s="171">
        <v>0</v>
      </c>
      <c r="CF39" s="169">
        <v>1</v>
      </c>
      <c r="CG39" s="169">
        <v>3</v>
      </c>
      <c r="CH39" s="169">
        <v>3</v>
      </c>
      <c r="CI39" s="169">
        <v>2</v>
      </c>
      <c r="CJ39" s="169">
        <v>0</v>
      </c>
      <c r="CK39" s="174">
        <v>9</v>
      </c>
      <c r="CL39" s="173">
        <v>9</v>
      </c>
      <c r="CM39" s="168">
        <v>0</v>
      </c>
      <c r="CN39" s="169">
        <v>0</v>
      </c>
      <c r="CO39" s="174">
        <v>0</v>
      </c>
      <c r="CP39" s="171">
        <v>0</v>
      </c>
      <c r="CQ39" s="169">
        <v>0</v>
      </c>
      <c r="CR39" s="169">
        <v>0</v>
      </c>
      <c r="CS39" s="169">
        <v>0</v>
      </c>
      <c r="CT39" s="169">
        <v>1</v>
      </c>
      <c r="CU39" s="169">
        <v>1</v>
      </c>
      <c r="CV39" s="174">
        <v>2</v>
      </c>
      <c r="CW39" s="173">
        <v>2</v>
      </c>
      <c r="CX39" s="168">
        <v>0</v>
      </c>
      <c r="CY39" s="169">
        <v>0</v>
      </c>
      <c r="CZ39" s="174">
        <v>0</v>
      </c>
      <c r="DA39" s="171">
        <v>0</v>
      </c>
      <c r="DB39" s="169">
        <v>0</v>
      </c>
      <c r="DC39" s="169">
        <v>0</v>
      </c>
      <c r="DD39" s="169">
        <v>0</v>
      </c>
      <c r="DE39" s="169">
        <v>0</v>
      </c>
      <c r="DF39" s="169">
        <v>0</v>
      </c>
      <c r="DG39" s="174">
        <v>0</v>
      </c>
      <c r="DH39" s="173">
        <v>0</v>
      </c>
      <c r="DI39" s="168">
        <v>0</v>
      </c>
      <c r="DJ39" s="169">
        <v>0</v>
      </c>
      <c r="DK39" s="174">
        <v>0</v>
      </c>
      <c r="DL39" s="171">
        <v>0</v>
      </c>
      <c r="DM39" s="169">
        <v>0</v>
      </c>
      <c r="DN39" s="169">
        <v>0</v>
      </c>
      <c r="DO39" s="169">
        <v>0</v>
      </c>
      <c r="DP39" s="169">
        <v>0</v>
      </c>
      <c r="DQ39" s="169">
        <v>0</v>
      </c>
      <c r="DR39" s="174">
        <v>0</v>
      </c>
      <c r="DS39" s="173">
        <v>0</v>
      </c>
      <c r="DT39" s="168">
        <v>11</v>
      </c>
      <c r="DU39" s="169">
        <v>1</v>
      </c>
      <c r="DV39" s="174">
        <v>12</v>
      </c>
      <c r="DW39" s="171">
        <v>0</v>
      </c>
      <c r="DX39" s="169">
        <v>18</v>
      </c>
      <c r="DY39" s="169">
        <v>23</v>
      </c>
      <c r="DZ39" s="169">
        <v>14</v>
      </c>
      <c r="EA39" s="169">
        <v>10</v>
      </c>
      <c r="EB39" s="169">
        <v>6</v>
      </c>
      <c r="EC39" s="174">
        <v>71</v>
      </c>
      <c r="ED39" s="173">
        <v>83</v>
      </c>
      <c r="EE39" s="168">
        <v>0</v>
      </c>
      <c r="EF39" s="169">
        <v>0</v>
      </c>
      <c r="EG39" s="174">
        <v>0</v>
      </c>
      <c r="EH39" s="171">
        <v>0</v>
      </c>
      <c r="EI39" s="169">
        <v>0</v>
      </c>
      <c r="EJ39" s="169">
        <v>0</v>
      </c>
      <c r="EK39" s="169">
        <v>0</v>
      </c>
      <c r="EL39" s="169">
        <v>0</v>
      </c>
      <c r="EM39" s="169">
        <v>0</v>
      </c>
      <c r="EN39" s="174">
        <v>0</v>
      </c>
      <c r="EO39" s="173">
        <v>0</v>
      </c>
      <c r="EP39" s="168">
        <v>13</v>
      </c>
      <c r="EQ39" s="169">
        <v>2</v>
      </c>
      <c r="ER39" s="174">
        <v>15</v>
      </c>
      <c r="ES39" s="171">
        <v>0</v>
      </c>
      <c r="ET39" s="169">
        <v>25</v>
      </c>
      <c r="EU39" s="169">
        <v>26</v>
      </c>
      <c r="EV39" s="169">
        <v>17</v>
      </c>
      <c r="EW39" s="169">
        <v>9</v>
      </c>
      <c r="EX39" s="169">
        <v>6</v>
      </c>
      <c r="EY39" s="174">
        <v>83</v>
      </c>
      <c r="EZ39" s="173">
        <v>98</v>
      </c>
    </row>
  </sheetData>
  <mergeCells count="59">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I1:J1"/>
    <mergeCell ref="L1:M1"/>
    <mergeCell ref="BF3:BP3"/>
    <mergeCell ref="BQ3:CA3"/>
    <mergeCell ref="CB3:CL3"/>
    <mergeCell ref="DI3:DS3"/>
    <mergeCell ref="DI4:DK4"/>
    <mergeCell ref="DL4:DR4"/>
    <mergeCell ref="DS4:DS5"/>
    <mergeCell ref="BI4:BO4"/>
    <mergeCell ref="CX3:DH3"/>
    <mergeCell ref="CM3:CW3"/>
    <mergeCell ref="CX4:CZ4"/>
    <mergeCell ref="DA4:DG4"/>
    <mergeCell ref="DH4:DH5"/>
    <mergeCell ref="EP3:EZ3"/>
    <mergeCell ref="EE3:EO3"/>
    <mergeCell ref="ES4:EY4"/>
    <mergeCell ref="EZ4:EZ5"/>
    <mergeCell ref="ED4:ED5"/>
    <mergeCell ref="EE4:EG4"/>
    <mergeCell ref="EH4:EN4"/>
    <mergeCell ref="EO4:EO5"/>
    <mergeCell ref="EP4:ER4"/>
    <mergeCell ref="DT3:ED3"/>
    <mergeCell ref="DT4:DV4"/>
    <mergeCell ref="DW4:EC4"/>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43" customWidth="1"/>
    <col min="2" max="2" width="9.77734375" style="143" customWidth="1"/>
    <col min="3" max="4" width="9" style="143"/>
    <col min="5" max="5" width="10.33203125" style="143" customWidth="1"/>
    <col min="6" max="6" width="7.6640625" style="143" customWidth="1"/>
    <col min="7" max="7" width="10.21875" style="143" customWidth="1"/>
    <col min="8" max="8" width="10.44140625" style="143" customWidth="1"/>
    <col min="9" max="16" width="9" style="143"/>
    <col min="17" max="17" width="7.21875" style="143" customWidth="1"/>
    <col min="18" max="27" width="9" style="143"/>
    <col min="28" max="28" width="7.6640625" style="143" customWidth="1"/>
    <col min="29" max="38" width="9" style="143"/>
    <col min="39" max="39" width="7.6640625" style="143" customWidth="1"/>
    <col min="40" max="49" width="9" style="143"/>
    <col min="50" max="50" width="7.21875" style="143" customWidth="1"/>
    <col min="51" max="60" width="9" style="143"/>
    <col min="61" max="61" width="7.21875" style="143" customWidth="1"/>
    <col min="62" max="71" width="9" style="143"/>
    <col min="72" max="72" width="7.33203125" style="143" customWidth="1"/>
    <col min="73" max="82" width="9" style="143"/>
    <col min="83" max="83" width="7.44140625" style="143" customWidth="1"/>
    <col min="84" max="93" width="9" style="143"/>
    <col min="94" max="94" width="7.6640625" style="143" customWidth="1"/>
    <col min="95" max="104" width="9" style="143"/>
    <col min="105" max="105" width="7.44140625" style="143" customWidth="1"/>
    <col min="106" max="115" width="9" style="143"/>
    <col min="116" max="116" width="7.44140625" style="143" customWidth="1"/>
    <col min="117" max="126" width="9" style="143"/>
    <col min="127" max="127" width="7.44140625" style="143" customWidth="1"/>
    <col min="128" max="137" width="9" style="143"/>
    <col min="138" max="138" width="7.33203125" style="143" customWidth="1"/>
    <col min="139" max="148" width="9" style="143"/>
    <col min="149" max="149" width="7.77734375" style="143" customWidth="1"/>
    <col min="150" max="16384" width="9" style="143"/>
  </cols>
  <sheetData>
    <row r="1" spans="2:156" ht="24" customHeight="1" x14ac:dyDescent="0.2">
      <c r="B1" s="142" t="s">
        <v>120</v>
      </c>
      <c r="I1" s="441">
        <f>第１表!F2</f>
        <v>6</v>
      </c>
      <c r="J1" s="441"/>
      <c r="K1" s="18">
        <f>第１表!G2</f>
        <v>9</v>
      </c>
      <c r="L1" s="458">
        <f>IF(K1&lt;3,K1+12-2,K1-2)</f>
        <v>7</v>
      </c>
      <c r="M1" s="458"/>
    </row>
    <row r="2" spans="2:156" ht="24" customHeight="1" thickBot="1" x14ac:dyDescent="0.25">
      <c r="B2" s="142" t="s">
        <v>128</v>
      </c>
      <c r="G2" s="17"/>
      <c r="H2" s="18"/>
      <c r="J2" s="68"/>
      <c r="K2" s="68"/>
    </row>
    <row r="3" spans="2:156" ht="21" customHeight="1" thickBot="1" x14ac:dyDescent="0.25">
      <c r="B3" s="459"/>
      <c r="C3" s="449" t="s">
        <v>70</v>
      </c>
      <c r="D3" s="450"/>
      <c r="E3" s="450"/>
      <c r="F3" s="450"/>
      <c r="G3" s="450"/>
      <c r="H3" s="450"/>
      <c r="I3" s="450"/>
      <c r="J3" s="450"/>
      <c r="K3" s="450"/>
      <c r="L3" s="450"/>
      <c r="M3" s="451"/>
      <c r="N3" s="449" t="s">
        <v>71</v>
      </c>
      <c r="O3" s="450"/>
      <c r="P3" s="450"/>
      <c r="Q3" s="450"/>
      <c r="R3" s="450"/>
      <c r="S3" s="450"/>
      <c r="T3" s="450"/>
      <c r="U3" s="450"/>
      <c r="V3" s="450"/>
      <c r="W3" s="450"/>
      <c r="X3" s="451"/>
      <c r="Y3" s="449" t="s">
        <v>72</v>
      </c>
      <c r="Z3" s="450"/>
      <c r="AA3" s="450"/>
      <c r="AB3" s="450"/>
      <c r="AC3" s="450"/>
      <c r="AD3" s="450"/>
      <c r="AE3" s="450"/>
      <c r="AF3" s="450"/>
      <c r="AG3" s="450"/>
      <c r="AH3" s="450"/>
      <c r="AI3" s="451"/>
      <c r="AJ3" s="449" t="s">
        <v>73</v>
      </c>
      <c r="AK3" s="450"/>
      <c r="AL3" s="450"/>
      <c r="AM3" s="450"/>
      <c r="AN3" s="450"/>
      <c r="AO3" s="450"/>
      <c r="AP3" s="450"/>
      <c r="AQ3" s="450"/>
      <c r="AR3" s="450"/>
      <c r="AS3" s="450"/>
      <c r="AT3" s="451"/>
      <c r="AU3" s="449" t="s">
        <v>74</v>
      </c>
      <c r="AV3" s="450"/>
      <c r="AW3" s="450"/>
      <c r="AX3" s="450"/>
      <c r="AY3" s="450"/>
      <c r="AZ3" s="450"/>
      <c r="BA3" s="450"/>
      <c r="BB3" s="450"/>
      <c r="BC3" s="450"/>
      <c r="BD3" s="450"/>
      <c r="BE3" s="451"/>
      <c r="BF3" s="449" t="s">
        <v>75</v>
      </c>
      <c r="BG3" s="450"/>
      <c r="BH3" s="450"/>
      <c r="BI3" s="450"/>
      <c r="BJ3" s="450"/>
      <c r="BK3" s="450"/>
      <c r="BL3" s="450"/>
      <c r="BM3" s="450"/>
      <c r="BN3" s="450"/>
      <c r="BO3" s="450"/>
      <c r="BP3" s="451"/>
      <c r="BQ3" s="449" t="s">
        <v>76</v>
      </c>
      <c r="BR3" s="450"/>
      <c r="BS3" s="450"/>
      <c r="BT3" s="450"/>
      <c r="BU3" s="450"/>
      <c r="BV3" s="450"/>
      <c r="BW3" s="450"/>
      <c r="BX3" s="450"/>
      <c r="BY3" s="450"/>
      <c r="BZ3" s="450"/>
      <c r="CA3" s="451"/>
      <c r="CB3" s="449" t="s">
        <v>77</v>
      </c>
      <c r="CC3" s="450"/>
      <c r="CD3" s="450"/>
      <c r="CE3" s="450"/>
      <c r="CF3" s="450"/>
      <c r="CG3" s="450"/>
      <c r="CH3" s="450"/>
      <c r="CI3" s="450"/>
      <c r="CJ3" s="450"/>
      <c r="CK3" s="450"/>
      <c r="CL3" s="451"/>
      <c r="CM3" s="449" t="s">
        <v>78</v>
      </c>
      <c r="CN3" s="450"/>
      <c r="CO3" s="450"/>
      <c r="CP3" s="450"/>
      <c r="CQ3" s="450"/>
      <c r="CR3" s="450"/>
      <c r="CS3" s="450"/>
      <c r="CT3" s="450"/>
      <c r="CU3" s="450"/>
      <c r="CV3" s="450"/>
      <c r="CW3" s="451"/>
      <c r="CX3" s="449" t="s">
        <v>79</v>
      </c>
      <c r="CY3" s="450"/>
      <c r="CZ3" s="450"/>
      <c r="DA3" s="450"/>
      <c r="DB3" s="450"/>
      <c r="DC3" s="450"/>
      <c r="DD3" s="450"/>
      <c r="DE3" s="450"/>
      <c r="DF3" s="450"/>
      <c r="DG3" s="450"/>
      <c r="DH3" s="451"/>
      <c r="DI3" s="449" t="s">
        <v>149</v>
      </c>
      <c r="DJ3" s="450"/>
      <c r="DK3" s="450"/>
      <c r="DL3" s="450"/>
      <c r="DM3" s="450"/>
      <c r="DN3" s="450"/>
      <c r="DO3" s="450"/>
      <c r="DP3" s="450"/>
      <c r="DQ3" s="450"/>
      <c r="DR3" s="450"/>
      <c r="DS3" s="451"/>
      <c r="DT3" s="449" t="s">
        <v>80</v>
      </c>
      <c r="DU3" s="450"/>
      <c r="DV3" s="450"/>
      <c r="DW3" s="450"/>
      <c r="DX3" s="450"/>
      <c r="DY3" s="450"/>
      <c r="DZ3" s="450"/>
      <c r="EA3" s="450"/>
      <c r="EB3" s="450"/>
      <c r="EC3" s="450"/>
      <c r="ED3" s="451"/>
      <c r="EE3" s="449" t="s">
        <v>68</v>
      </c>
      <c r="EF3" s="450"/>
      <c r="EG3" s="450"/>
      <c r="EH3" s="450"/>
      <c r="EI3" s="450"/>
      <c r="EJ3" s="450"/>
      <c r="EK3" s="450"/>
      <c r="EL3" s="450"/>
      <c r="EM3" s="450"/>
      <c r="EN3" s="450"/>
      <c r="EO3" s="451"/>
      <c r="EP3" s="446" t="s">
        <v>69</v>
      </c>
      <c r="EQ3" s="447"/>
      <c r="ER3" s="447"/>
      <c r="ES3" s="447"/>
      <c r="ET3" s="447"/>
      <c r="EU3" s="447"/>
      <c r="EV3" s="447"/>
      <c r="EW3" s="447"/>
      <c r="EX3" s="447"/>
      <c r="EY3" s="447"/>
      <c r="EZ3" s="448"/>
    </row>
    <row r="4" spans="2:156" ht="21" customHeight="1" x14ac:dyDescent="0.2">
      <c r="B4" s="460"/>
      <c r="C4" s="457" t="s">
        <v>61</v>
      </c>
      <c r="D4" s="453"/>
      <c r="E4" s="454"/>
      <c r="F4" s="452" t="s">
        <v>62</v>
      </c>
      <c r="G4" s="453"/>
      <c r="H4" s="453"/>
      <c r="I4" s="453"/>
      <c r="J4" s="453"/>
      <c r="K4" s="453"/>
      <c r="L4" s="462"/>
      <c r="M4" s="455" t="s">
        <v>52</v>
      </c>
      <c r="N4" s="457" t="s">
        <v>61</v>
      </c>
      <c r="O4" s="453"/>
      <c r="P4" s="454"/>
      <c r="Q4" s="452" t="s">
        <v>62</v>
      </c>
      <c r="R4" s="453"/>
      <c r="S4" s="453"/>
      <c r="T4" s="453"/>
      <c r="U4" s="453"/>
      <c r="V4" s="453"/>
      <c r="W4" s="454"/>
      <c r="X4" s="455" t="s">
        <v>52</v>
      </c>
      <c r="Y4" s="457" t="s">
        <v>61</v>
      </c>
      <c r="Z4" s="453"/>
      <c r="AA4" s="454"/>
      <c r="AB4" s="452" t="s">
        <v>62</v>
      </c>
      <c r="AC4" s="453"/>
      <c r="AD4" s="453"/>
      <c r="AE4" s="453"/>
      <c r="AF4" s="453"/>
      <c r="AG4" s="453"/>
      <c r="AH4" s="454"/>
      <c r="AI4" s="455" t="s">
        <v>52</v>
      </c>
      <c r="AJ4" s="457" t="s">
        <v>61</v>
      </c>
      <c r="AK4" s="453"/>
      <c r="AL4" s="454"/>
      <c r="AM4" s="452" t="s">
        <v>62</v>
      </c>
      <c r="AN4" s="453"/>
      <c r="AO4" s="453"/>
      <c r="AP4" s="453"/>
      <c r="AQ4" s="453"/>
      <c r="AR4" s="453"/>
      <c r="AS4" s="454"/>
      <c r="AT4" s="455" t="s">
        <v>52</v>
      </c>
      <c r="AU4" s="457" t="s">
        <v>61</v>
      </c>
      <c r="AV4" s="453"/>
      <c r="AW4" s="454"/>
      <c r="AX4" s="452" t="s">
        <v>62</v>
      </c>
      <c r="AY4" s="453"/>
      <c r="AZ4" s="453"/>
      <c r="BA4" s="453"/>
      <c r="BB4" s="453"/>
      <c r="BC4" s="453"/>
      <c r="BD4" s="462"/>
      <c r="BE4" s="455" t="s">
        <v>52</v>
      </c>
      <c r="BF4" s="457" t="s">
        <v>61</v>
      </c>
      <c r="BG4" s="453"/>
      <c r="BH4" s="454"/>
      <c r="BI4" s="452" t="s">
        <v>62</v>
      </c>
      <c r="BJ4" s="453"/>
      <c r="BK4" s="453"/>
      <c r="BL4" s="453"/>
      <c r="BM4" s="453"/>
      <c r="BN4" s="453"/>
      <c r="BO4" s="454"/>
      <c r="BP4" s="455" t="s">
        <v>52</v>
      </c>
      <c r="BQ4" s="457" t="s">
        <v>61</v>
      </c>
      <c r="BR4" s="453"/>
      <c r="BS4" s="454"/>
      <c r="BT4" s="452" t="s">
        <v>62</v>
      </c>
      <c r="BU4" s="453"/>
      <c r="BV4" s="453"/>
      <c r="BW4" s="453"/>
      <c r="BX4" s="453"/>
      <c r="BY4" s="453"/>
      <c r="BZ4" s="454"/>
      <c r="CA4" s="455" t="s">
        <v>52</v>
      </c>
      <c r="CB4" s="457" t="s">
        <v>61</v>
      </c>
      <c r="CC4" s="453"/>
      <c r="CD4" s="454"/>
      <c r="CE4" s="452" t="s">
        <v>62</v>
      </c>
      <c r="CF4" s="453"/>
      <c r="CG4" s="453"/>
      <c r="CH4" s="453"/>
      <c r="CI4" s="453"/>
      <c r="CJ4" s="453"/>
      <c r="CK4" s="454"/>
      <c r="CL4" s="455" t="s">
        <v>52</v>
      </c>
      <c r="CM4" s="457" t="s">
        <v>61</v>
      </c>
      <c r="CN4" s="453"/>
      <c r="CO4" s="454"/>
      <c r="CP4" s="452" t="s">
        <v>62</v>
      </c>
      <c r="CQ4" s="453"/>
      <c r="CR4" s="453"/>
      <c r="CS4" s="453"/>
      <c r="CT4" s="453"/>
      <c r="CU4" s="453"/>
      <c r="CV4" s="454"/>
      <c r="CW4" s="455" t="s">
        <v>52</v>
      </c>
      <c r="CX4" s="457" t="s">
        <v>61</v>
      </c>
      <c r="CY4" s="453"/>
      <c r="CZ4" s="454"/>
      <c r="DA4" s="452" t="s">
        <v>62</v>
      </c>
      <c r="DB4" s="453"/>
      <c r="DC4" s="453"/>
      <c r="DD4" s="453"/>
      <c r="DE4" s="453"/>
      <c r="DF4" s="453"/>
      <c r="DG4" s="454"/>
      <c r="DH4" s="455" t="s">
        <v>52</v>
      </c>
      <c r="DI4" s="457" t="s">
        <v>61</v>
      </c>
      <c r="DJ4" s="453"/>
      <c r="DK4" s="454"/>
      <c r="DL4" s="452" t="s">
        <v>62</v>
      </c>
      <c r="DM4" s="453"/>
      <c r="DN4" s="453"/>
      <c r="DO4" s="453"/>
      <c r="DP4" s="453"/>
      <c r="DQ4" s="453"/>
      <c r="DR4" s="454"/>
      <c r="DS4" s="455" t="s">
        <v>52</v>
      </c>
      <c r="DT4" s="457" t="s">
        <v>61</v>
      </c>
      <c r="DU4" s="453"/>
      <c r="DV4" s="454"/>
      <c r="DW4" s="452" t="s">
        <v>62</v>
      </c>
      <c r="DX4" s="453"/>
      <c r="DY4" s="453"/>
      <c r="DZ4" s="453"/>
      <c r="EA4" s="453"/>
      <c r="EB4" s="453"/>
      <c r="EC4" s="454"/>
      <c r="ED4" s="455" t="s">
        <v>52</v>
      </c>
      <c r="EE4" s="457" t="s">
        <v>61</v>
      </c>
      <c r="EF4" s="453"/>
      <c r="EG4" s="454"/>
      <c r="EH4" s="452" t="s">
        <v>62</v>
      </c>
      <c r="EI4" s="453"/>
      <c r="EJ4" s="453"/>
      <c r="EK4" s="453"/>
      <c r="EL4" s="453"/>
      <c r="EM4" s="453"/>
      <c r="EN4" s="454"/>
      <c r="EO4" s="455" t="s">
        <v>52</v>
      </c>
      <c r="EP4" s="457" t="s">
        <v>61</v>
      </c>
      <c r="EQ4" s="453"/>
      <c r="ER4" s="454"/>
      <c r="ES4" s="452" t="s">
        <v>62</v>
      </c>
      <c r="ET4" s="453"/>
      <c r="EU4" s="453"/>
      <c r="EV4" s="453"/>
      <c r="EW4" s="453"/>
      <c r="EX4" s="453"/>
      <c r="EY4" s="454"/>
      <c r="EZ4" s="455" t="s">
        <v>52</v>
      </c>
    </row>
    <row r="5" spans="2:156" ht="30" customHeight="1" thickBot="1" x14ac:dyDescent="0.25">
      <c r="B5" s="461"/>
      <c r="C5" s="144" t="s">
        <v>43</v>
      </c>
      <c r="D5" s="145" t="s">
        <v>44</v>
      </c>
      <c r="E5" s="146" t="s">
        <v>45</v>
      </c>
      <c r="F5" s="147" t="s">
        <v>83</v>
      </c>
      <c r="G5" s="145" t="s">
        <v>47</v>
      </c>
      <c r="H5" s="145" t="s">
        <v>48</v>
      </c>
      <c r="I5" s="145" t="s">
        <v>49</v>
      </c>
      <c r="J5" s="145" t="s">
        <v>50</v>
      </c>
      <c r="K5" s="145" t="s">
        <v>51</v>
      </c>
      <c r="L5" s="148" t="s">
        <v>45</v>
      </c>
      <c r="M5" s="456"/>
      <c r="N5" s="144" t="s">
        <v>43</v>
      </c>
      <c r="O5" s="145" t="s">
        <v>44</v>
      </c>
      <c r="P5" s="149" t="s">
        <v>45</v>
      </c>
      <c r="Q5" s="147" t="s">
        <v>83</v>
      </c>
      <c r="R5" s="145" t="s">
        <v>47</v>
      </c>
      <c r="S5" s="145" t="s">
        <v>48</v>
      </c>
      <c r="T5" s="145" t="s">
        <v>49</v>
      </c>
      <c r="U5" s="145" t="s">
        <v>50</v>
      </c>
      <c r="V5" s="145" t="s">
        <v>51</v>
      </c>
      <c r="W5" s="149" t="s">
        <v>45</v>
      </c>
      <c r="X5" s="456"/>
      <c r="Y5" s="144" t="s">
        <v>43</v>
      </c>
      <c r="Z5" s="145" t="s">
        <v>44</v>
      </c>
      <c r="AA5" s="149" t="s">
        <v>45</v>
      </c>
      <c r="AB5" s="147" t="s">
        <v>83</v>
      </c>
      <c r="AC5" s="145" t="s">
        <v>47</v>
      </c>
      <c r="AD5" s="145" t="s">
        <v>48</v>
      </c>
      <c r="AE5" s="145" t="s">
        <v>49</v>
      </c>
      <c r="AF5" s="145" t="s">
        <v>50</v>
      </c>
      <c r="AG5" s="145" t="s">
        <v>51</v>
      </c>
      <c r="AH5" s="149" t="s">
        <v>45</v>
      </c>
      <c r="AI5" s="456"/>
      <c r="AJ5" s="144" t="s">
        <v>43</v>
      </c>
      <c r="AK5" s="145" t="s">
        <v>44</v>
      </c>
      <c r="AL5" s="149" t="s">
        <v>45</v>
      </c>
      <c r="AM5" s="147" t="s">
        <v>83</v>
      </c>
      <c r="AN5" s="145" t="s">
        <v>47</v>
      </c>
      <c r="AO5" s="145" t="s">
        <v>48</v>
      </c>
      <c r="AP5" s="145" t="s">
        <v>49</v>
      </c>
      <c r="AQ5" s="145" t="s">
        <v>50</v>
      </c>
      <c r="AR5" s="145" t="s">
        <v>51</v>
      </c>
      <c r="AS5" s="149" t="s">
        <v>45</v>
      </c>
      <c r="AT5" s="456"/>
      <c r="AU5" s="144" t="s">
        <v>43</v>
      </c>
      <c r="AV5" s="145" t="s">
        <v>44</v>
      </c>
      <c r="AW5" s="149" t="s">
        <v>45</v>
      </c>
      <c r="AX5" s="147" t="s">
        <v>83</v>
      </c>
      <c r="AY5" s="145" t="s">
        <v>47</v>
      </c>
      <c r="AZ5" s="145" t="s">
        <v>48</v>
      </c>
      <c r="BA5" s="145" t="s">
        <v>49</v>
      </c>
      <c r="BB5" s="145" t="s">
        <v>50</v>
      </c>
      <c r="BC5" s="145" t="s">
        <v>51</v>
      </c>
      <c r="BD5" s="148" t="s">
        <v>45</v>
      </c>
      <c r="BE5" s="456"/>
      <c r="BF5" s="144" t="s">
        <v>43</v>
      </c>
      <c r="BG5" s="145" t="s">
        <v>44</v>
      </c>
      <c r="BH5" s="149" t="s">
        <v>45</v>
      </c>
      <c r="BI5" s="147" t="s">
        <v>83</v>
      </c>
      <c r="BJ5" s="145" t="s">
        <v>47</v>
      </c>
      <c r="BK5" s="145" t="s">
        <v>48</v>
      </c>
      <c r="BL5" s="145" t="s">
        <v>49</v>
      </c>
      <c r="BM5" s="145" t="s">
        <v>50</v>
      </c>
      <c r="BN5" s="145" t="s">
        <v>51</v>
      </c>
      <c r="BO5" s="149" t="s">
        <v>45</v>
      </c>
      <c r="BP5" s="456"/>
      <c r="BQ5" s="144" t="s">
        <v>43</v>
      </c>
      <c r="BR5" s="145" t="s">
        <v>44</v>
      </c>
      <c r="BS5" s="149" t="s">
        <v>45</v>
      </c>
      <c r="BT5" s="147" t="s">
        <v>83</v>
      </c>
      <c r="BU5" s="145" t="s">
        <v>47</v>
      </c>
      <c r="BV5" s="145" t="s">
        <v>48</v>
      </c>
      <c r="BW5" s="145" t="s">
        <v>49</v>
      </c>
      <c r="BX5" s="145" t="s">
        <v>50</v>
      </c>
      <c r="BY5" s="145" t="s">
        <v>51</v>
      </c>
      <c r="BZ5" s="149" t="s">
        <v>45</v>
      </c>
      <c r="CA5" s="456"/>
      <c r="CB5" s="144" t="s">
        <v>43</v>
      </c>
      <c r="CC5" s="145" t="s">
        <v>44</v>
      </c>
      <c r="CD5" s="149" t="s">
        <v>45</v>
      </c>
      <c r="CE5" s="147" t="s">
        <v>83</v>
      </c>
      <c r="CF5" s="145" t="s">
        <v>47</v>
      </c>
      <c r="CG5" s="145" t="s">
        <v>48</v>
      </c>
      <c r="CH5" s="145" t="s">
        <v>49</v>
      </c>
      <c r="CI5" s="145" t="s">
        <v>50</v>
      </c>
      <c r="CJ5" s="145" t="s">
        <v>51</v>
      </c>
      <c r="CK5" s="149" t="s">
        <v>45</v>
      </c>
      <c r="CL5" s="456"/>
      <c r="CM5" s="144" t="s">
        <v>43</v>
      </c>
      <c r="CN5" s="145" t="s">
        <v>44</v>
      </c>
      <c r="CO5" s="149" t="s">
        <v>45</v>
      </c>
      <c r="CP5" s="147" t="s">
        <v>83</v>
      </c>
      <c r="CQ5" s="145" t="s">
        <v>47</v>
      </c>
      <c r="CR5" s="145" t="s">
        <v>48</v>
      </c>
      <c r="CS5" s="145" t="s">
        <v>49</v>
      </c>
      <c r="CT5" s="145" t="s">
        <v>50</v>
      </c>
      <c r="CU5" s="145" t="s">
        <v>51</v>
      </c>
      <c r="CV5" s="149" t="s">
        <v>45</v>
      </c>
      <c r="CW5" s="456"/>
      <c r="CX5" s="144" t="s">
        <v>43</v>
      </c>
      <c r="CY5" s="145" t="s">
        <v>44</v>
      </c>
      <c r="CZ5" s="149" t="s">
        <v>45</v>
      </c>
      <c r="DA5" s="147" t="s">
        <v>83</v>
      </c>
      <c r="DB5" s="145" t="s">
        <v>47</v>
      </c>
      <c r="DC5" s="145" t="s">
        <v>48</v>
      </c>
      <c r="DD5" s="145" t="s">
        <v>49</v>
      </c>
      <c r="DE5" s="145" t="s">
        <v>50</v>
      </c>
      <c r="DF5" s="145" t="s">
        <v>51</v>
      </c>
      <c r="DG5" s="149" t="s">
        <v>45</v>
      </c>
      <c r="DH5" s="456"/>
      <c r="DI5" s="144" t="s">
        <v>43</v>
      </c>
      <c r="DJ5" s="145" t="s">
        <v>44</v>
      </c>
      <c r="DK5" s="149" t="s">
        <v>45</v>
      </c>
      <c r="DL5" s="147" t="s">
        <v>83</v>
      </c>
      <c r="DM5" s="145" t="s">
        <v>47</v>
      </c>
      <c r="DN5" s="145" t="s">
        <v>48</v>
      </c>
      <c r="DO5" s="145" t="s">
        <v>49</v>
      </c>
      <c r="DP5" s="145" t="s">
        <v>50</v>
      </c>
      <c r="DQ5" s="145" t="s">
        <v>51</v>
      </c>
      <c r="DR5" s="149" t="s">
        <v>45</v>
      </c>
      <c r="DS5" s="456"/>
      <c r="DT5" s="144" t="s">
        <v>43</v>
      </c>
      <c r="DU5" s="145" t="s">
        <v>44</v>
      </c>
      <c r="DV5" s="149" t="s">
        <v>45</v>
      </c>
      <c r="DW5" s="147" t="s">
        <v>83</v>
      </c>
      <c r="DX5" s="145" t="s">
        <v>47</v>
      </c>
      <c r="DY5" s="145" t="s">
        <v>48</v>
      </c>
      <c r="DZ5" s="145" t="s">
        <v>49</v>
      </c>
      <c r="EA5" s="145" t="s">
        <v>50</v>
      </c>
      <c r="EB5" s="145" t="s">
        <v>51</v>
      </c>
      <c r="EC5" s="149" t="s">
        <v>45</v>
      </c>
      <c r="ED5" s="456"/>
      <c r="EE5" s="144" t="s">
        <v>43</v>
      </c>
      <c r="EF5" s="145" t="s">
        <v>44</v>
      </c>
      <c r="EG5" s="149" t="s">
        <v>45</v>
      </c>
      <c r="EH5" s="147" t="s">
        <v>83</v>
      </c>
      <c r="EI5" s="145" t="s">
        <v>47</v>
      </c>
      <c r="EJ5" s="145" t="s">
        <v>48</v>
      </c>
      <c r="EK5" s="145" t="s">
        <v>49</v>
      </c>
      <c r="EL5" s="145" t="s">
        <v>50</v>
      </c>
      <c r="EM5" s="145" t="s">
        <v>51</v>
      </c>
      <c r="EN5" s="149" t="s">
        <v>45</v>
      </c>
      <c r="EO5" s="456"/>
      <c r="EP5" s="144" t="s">
        <v>43</v>
      </c>
      <c r="EQ5" s="145" t="s">
        <v>44</v>
      </c>
      <c r="ER5" s="149" t="s">
        <v>45</v>
      </c>
      <c r="ES5" s="147" t="s">
        <v>83</v>
      </c>
      <c r="ET5" s="145" t="s">
        <v>47</v>
      </c>
      <c r="EU5" s="145" t="s">
        <v>48</v>
      </c>
      <c r="EV5" s="145" t="s">
        <v>49</v>
      </c>
      <c r="EW5" s="145" t="s">
        <v>50</v>
      </c>
      <c r="EX5" s="145" t="s">
        <v>51</v>
      </c>
      <c r="EY5" s="149" t="s">
        <v>45</v>
      </c>
      <c r="EZ5" s="456"/>
    </row>
    <row r="6" spans="2:156" ht="21" customHeight="1" x14ac:dyDescent="0.2">
      <c r="B6" s="150" t="s">
        <v>4</v>
      </c>
      <c r="C6" s="151">
        <v>0</v>
      </c>
      <c r="D6" s="152">
        <v>0</v>
      </c>
      <c r="E6" s="153">
        <v>0</v>
      </c>
      <c r="F6" s="154">
        <v>0</v>
      </c>
      <c r="G6" s="152">
        <v>1173</v>
      </c>
      <c r="H6" s="152">
        <v>1361</v>
      </c>
      <c r="I6" s="152">
        <v>736</v>
      </c>
      <c r="J6" s="152">
        <v>570</v>
      </c>
      <c r="K6" s="152">
        <v>412</v>
      </c>
      <c r="L6" s="155">
        <v>4252</v>
      </c>
      <c r="M6" s="156">
        <v>4252</v>
      </c>
      <c r="N6" s="151">
        <v>0</v>
      </c>
      <c r="O6" s="152">
        <v>1</v>
      </c>
      <c r="P6" s="157">
        <v>1</v>
      </c>
      <c r="Q6" s="154">
        <v>0</v>
      </c>
      <c r="R6" s="152">
        <v>6</v>
      </c>
      <c r="S6" s="152">
        <v>29</v>
      </c>
      <c r="T6" s="152">
        <v>52</v>
      </c>
      <c r="U6" s="152">
        <v>109</v>
      </c>
      <c r="V6" s="152">
        <v>187</v>
      </c>
      <c r="W6" s="157">
        <v>383</v>
      </c>
      <c r="X6" s="156">
        <v>384</v>
      </c>
      <c r="Y6" s="151">
        <v>212</v>
      </c>
      <c r="Z6" s="152">
        <v>428</v>
      </c>
      <c r="AA6" s="157">
        <v>640</v>
      </c>
      <c r="AB6" s="154">
        <v>0</v>
      </c>
      <c r="AC6" s="152">
        <v>944</v>
      </c>
      <c r="AD6" s="152">
        <v>1369</v>
      </c>
      <c r="AE6" s="152">
        <v>802</v>
      </c>
      <c r="AF6" s="152">
        <v>564</v>
      </c>
      <c r="AG6" s="152">
        <v>351</v>
      </c>
      <c r="AH6" s="157">
        <v>4030</v>
      </c>
      <c r="AI6" s="156">
        <v>4670</v>
      </c>
      <c r="AJ6" s="151">
        <v>29</v>
      </c>
      <c r="AK6" s="152">
        <v>58</v>
      </c>
      <c r="AL6" s="157">
        <v>87</v>
      </c>
      <c r="AM6" s="154">
        <v>0</v>
      </c>
      <c r="AN6" s="152">
        <v>90</v>
      </c>
      <c r="AO6" s="152">
        <v>114</v>
      </c>
      <c r="AP6" s="152">
        <v>78</v>
      </c>
      <c r="AQ6" s="152">
        <v>67</v>
      </c>
      <c r="AR6" s="152">
        <v>36</v>
      </c>
      <c r="AS6" s="157">
        <v>385</v>
      </c>
      <c r="AT6" s="156">
        <v>472</v>
      </c>
      <c r="AU6" s="151">
        <v>297</v>
      </c>
      <c r="AV6" s="152">
        <v>377</v>
      </c>
      <c r="AW6" s="157">
        <v>674</v>
      </c>
      <c r="AX6" s="154">
        <v>0</v>
      </c>
      <c r="AY6" s="152">
        <v>1410</v>
      </c>
      <c r="AZ6" s="152">
        <v>1804</v>
      </c>
      <c r="BA6" s="152">
        <v>1480</v>
      </c>
      <c r="BB6" s="152">
        <v>1335</v>
      </c>
      <c r="BC6" s="152">
        <v>830</v>
      </c>
      <c r="BD6" s="155">
        <v>6859</v>
      </c>
      <c r="BE6" s="156">
        <v>7533</v>
      </c>
      <c r="BF6" s="151">
        <v>0</v>
      </c>
      <c r="BG6" s="152">
        <v>0</v>
      </c>
      <c r="BH6" s="157">
        <v>0</v>
      </c>
      <c r="BI6" s="154">
        <v>0</v>
      </c>
      <c r="BJ6" s="152">
        <v>1673</v>
      </c>
      <c r="BK6" s="152">
        <v>1479</v>
      </c>
      <c r="BL6" s="152">
        <v>741</v>
      </c>
      <c r="BM6" s="152">
        <v>342</v>
      </c>
      <c r="BN6" s="152">
        <v>142</v>
      </c>
      <c r="BO6" s="157">
        <v>4377</v>
      </c>
      <c r="BP6" s="156">
        <v>4377</v>
      </c>
      <c r="BQ6" s="151">
        <v>139</v>
      </c>
      <c r="BR6" s="152">
        <v>187</v>
      </c>
      <c r="BS6" s="157">
        <v>326</v>
      </c>
      <c r="BT6" s="154">
        <v>0</v>
      </c>
      <c r="BU6" s="152">
        <v>399</v>
      </c>
      <c r="BV6" s="152">
        <v>508</v>
      </c>
      <c r="BW6" s="152">
        <v>292</v>
      </c>
      <c r="BX6" s="152">
        <v>169</v>
      </c>
      <c r="BY6" s="152">
        <v>47</v>
      </c>
      <c r="BZ6" s="157">
        <v>1415</v>
      </c>
      <c r="CA6" s="156">
        <v>1741</v>
      </c>
      <c r="CB6" s="151">
        <v>6</v>
      </c>
      <c r="CC6" s="152">
        <v>22</v>
      </c>
      <c r="CD6" s="157">
        <v>28</v>
      </c>
      <c r="CE6" s="154">
        <v>0</v>
      </c>
      <c r="CF6" s="152">
        <v>176</v>
      </c>
      <c r="CG6" s="152">
        <v>261</v>
      </c>
      <c r="CH6" s="152">
        <v>263</v>
      </c>
      <c r="CI6" s="152">
        <v>188</v>
      </c>
      <c r="CJ6" s="152">
        <v>89</v>
      </c>
      <c r="CK6" s="157">
        <v>977</v>
      </c>
      <c r="CL6" s="156">
        <v>1005</v>
      </c>
      <c r="CM6" s="151">
        <v>0</v>
      </c>
      <c r="CN6" s="152">
        <v>1</v>
      </c>
      <c r="CO6" s="157">
        <v>1</v>
      </c>
      <c r="CP6" s="154">
        <v>0</v>
      </c>
      <c r="CQ6" s="152">
        <v>20</v>
      </c>
      <c r="CR6" s="152">
        <v>57</v>
      </c>
      <c r="CS6" s="152">
        <v>51</v>
      </c>
      <c r="CT6" s="152">
        <v>47</v>
      </c>
      <c r="CU6" s="152">
        <v>21</v>
      </c>
      <c r="CV6" s="157">
        <v>196</v>
      </c>
      <c r="CW6" s="156">
        <v>197</v>
      </c>
      <c r="CX6" s="151">
        <v>0</v>
      </c>
      <c r="CY6" s="152">
        <v>0</v>
      </c>
      <c r="CZ6" s="157">
        <v>0</v>
      </c>
      <c r="DA6" s="154">
        <v>0</v>
      </c>
      <c r="DB6" s="152">
        <v>0</v>
      </c>
      <c r="DC6" s="152">
        <v>0</v>
      </c>
      <c r="DD6" s="152">
        <v>0</v>
      </c>
      <c r="DE6" s="152">
        <v>0</v>
      </c>
      <c r="DF6" s="152">
        <v>0</v>
      </c>
      <c r="DG6" s="157">
        <v>0</v>
      </c>
      <c r="DH6" s="156">
        <v>0</v>
      </c>
      <c r="DI6" s="151">
        <v>0</v>
      </c>
      <c r="DJ6" s="152">
        <v>0</v>
      </c>
      <c r="DK6" s="157">
        <v>0</v>
      </c>
      <c r="DL6" s="154">
        <v>0</v>
      </c>
      <c r="DM6" s="152">
        <v>0</v>
      </c>
      <c r="DN6" s="152">
        <v>0</v>
      </c>
      <c r="DO6" s="152">
        <v>0</v>
      </c>
      <c r="DP6" s="152">
        <v>0</v>
      </c>
      <c r="DQ6" s="152">
        <v>0</v>
      </c>
      <c r="DR6" s="157">
        <v>0</v>
      </c>
      <c r="DS6" s="156">
        <v>0</v>
      </c>
      <c r="DT6" s="151">
        <v>681</v>
      </c>
      <c r="DU6" s="152">
        <v>1395</v>
      </c>
      <c r="DV6" s="157">
        <v>2076</v>
      </c>
      <c r="DW6" s="154">
        <v>0</v>
      </c>
      <c r="DX6" s="152">
        <v>1801</v>
      </c>
      <c r="DY6" s="152">
        <v>3186</v>
      </c>
      <c r="DZ6" s="152">
        <v>1803</v>
      </c>
      <c r="EA6" s="152">
        <v>1223</v>
      </c>
      <c r="EB6" s="152">
        <v>716</v>
      </c>
      <c r="EC6" s="157">
        <v>8729</v>
      </c>
      <c r="ED6" s="156">
        <v>10805</v>
      </c>
      <c r="EE6" s="151">
        <v>182</v>
      </c>
      <c r="EF6" s="152">
        <v>139</v>
      </c>
      <c r="EG6" s="157">
        <v>321</v>
      </c>
      <c r="EH6" s="154">
        <v>0</v>
      </c>
      <c r="EI6" s="152">
        <v>572</v>
      </c>
      <c r="EJ6" s="152">
        <v>569</v>
      </c>
      <c r="EK6" s="152">
        <v>444</v>
      </c>
      <c r="EL6" s="152">
        <v>490</v>
      </c>
      <c r="EM6" s="152">
        <v>223</v>
      </c>
      <c r="EN6" s="157">
        <v>2298</v>
      </c>
      <c r="EO6" s="156">
        <v>2619</v>
      </c>
      <c r="EP6" s="151">
        <v>981</v>
      </c>
      <c r="EQ6" s="152">
        <v>1759</v>
      </c>
      <c r="ER6" s="157">
        <v>2740</v>
      </c>
      <c r="ES6" s="154">
        <v>0</v>
      </c>
      <c r="ET6" s="152">
        <v>4289</v>
      </c>
      <c r="EU6" s="152">
        <v>4368</v>
      </c>
      <c r="EV6" s="152">
        <v>2179</v>
      </c>
      <c r="EW6" s="152">
        <v>1331</v>
      </c>
      <c r="EX6" s="152">
        <v>727</v>
      </c>
      <c r="EY6" s="157">
        <v>12894</v>
      </c>
      <c r="EZ6" s="156">
        <v>15634</v>
      </c>
    </row>
    <row r="7" spans="2:156" ht="21" customHeight="1" x14ac:dyDescent="0.2">
      <c r="B7" s="158" t="s">
        <v>5</v>
      </c>
      <c r="C7" s="159">
        <v>0</v>
      </c>
      <c r="D7" s="160">
        <v>0</v>
      </c>
      <c r="E7" s="161">
        <v>0</v>
      </c>
      <c r="F7" s="162">
        <v>0</v>
      </c>
      <c r="G7" s="160">
        <v>461</v>
      </c>
      <c r="H7" s="160">
        <v>694</v>
      </c>
      <c r="I7" s="160">
        <v>340</v>
      </c>
      <c r="J7" s="160">
        <v>252</v>
      </c>
      <c r="K7" s="160">
        <v>174</v>
      </c>
      <c r="L7" s="163">
        <v>1921</v>
      </c>
      <c r="M7" s="164">
        <v>1921</v>
      </c>
      <c r="N7" s="159">
        <v>0</v>
      </c>
      <c r="O7" s="160">
        <v>1</v>
      </c>
      <c r="P7" s="165">
        <v>1</v>
      </c>
      <c r="Q7" s="162">
        <v>0</v>
      </c>
      <c r="R7" s="160">
        <v>5</v>
      </c>
      <c r="S7" s="160">
        <v>15</v>
      </c>
      <c r="T7" s="160">
        <v>22</v>
      </c>
      <c r="U7" s="160">
        <v>51</v>
      </c>
      <c r="V7" s="160">
        <v>85</v>
      </c>
      <c r="W7" s="165">
        <v>178</v>
      </c>
      <c r="X7" s="164">
        <v>179</v>
      </c>
      <c r="Y7" s="159">
        <v>91</v>
      </c>
      <c r="Z7" s="160">
        <v>254</v>
      </c>
      <c r="AA7" s="165">
        <v>345</v>
      </c>
      <c r="AB7" s="162">
        <v>0</v>
      </c>
      <c r="AC7" s="160">
        <v>388</v>
      </c>
      <c r="AD7" s="160">
        <v>716</v>
      </c>
      <c r="AE7" s="160">
        <v>407</v>
      </c>
      <c r="AF7" s="160">
        <v>256</v>
      </c>
      <c r="AG7" s="160">
        <v>147</v>
      </c>
      <c r="AH7" s="165">
        <v>1914</v>
      </c>
      <c r="AI7" s="164">
        <v>2259</v>
      </c>
      <c r="AJ7" s="159">
        <v>9</v>
      </c>
      <c r="AK7" s="160">
        <v>30</v>
      </c>
      <c r="AL7" s="165">
        <v>39</v>
      </c>
      <c r="AM7" s="162">
        <v>0</v>
      </c>
      <c r="AN7" s="160">
        <v>28</v>
      </c>
      <c r="AO7" s="160">
        <v>43</v>
      </c>
      <c r="AP7" s="160">
        <v>34</v>
      </c>
      <c r="AQ7" s="160">
        <v>26</v>
      </c>
      <c r="AR7" s="160">
        <v>15</v>
      </c>
      <c r="AS7" s="165">
        <v>146</v>
      </c>
      <c r="AT7" s="164">
        <v>185</v>
      </c>
      <c r="AU7" s="159">
        <v>118</v>
      </c>
      <c r="AV7" s="160">
        <v>203</v>
      </c>
      <c r="AW7" s="165">
        <v>321</v>
      </c>
      <c r="AX7" s="162">
        <v>0</v>
      </c>
      <c r="AY7" s="160">
        <v>536</v>
      </c>
      <c r="AZ7" s="160">
        <v>858</v>
      </c>
      <c r="BA7" s="160">
        <v>653</v>
      </c>
      <c r="BB7" s="160">
        <v>575</v>
      </c>
      <c r="BC7" s="160">
        <v>361</v>
      </c>
      <c r="BD7" s="163">
        <v>2983</v>
      </c>
      <c r="BE7" s="164">
        <v>3304</v>
      </c>
      <c r="BF7" s="159">
        <v>0</v>
      </c>
      <c r="BG7" s="160">
        <v>0</v>
      </c>
      <c r="BH7" s="165">
        <v>0</v>
      </c>
      <c r="BI7" s="162">
        <v>0</v>
      </c>
      <c r="BJ7" s="160">
        <v>584</v>
      </c>
      <c r="BK7" s="160">
        <v>645</v>
      </c>
      <c r="BL7" s="160">
        <v>300</v>
      </c>
      <c r="BM7" s="160">
        <v>131</v>
      </c>
      <c r="BN7" s="160">
        <v>63</v>
      </c>
      <c r="BO7" s="165">
        <v>1723</v>
      </c>
      <c r="BP7" s="164">
        <v>1723</v>
      </c>
      <c r="BQ7" s="159">
        <v>66</v>
      </c>
      <c r="BR7" s="160">
        <v>96</v>
      </c>
      <c r="BS7" s="165">
        <v>162</v>
      </c>
      <c r="BT7" s="162">
        <v>0</v>
      </c>
      <c r="BU7" s="160">
        <v>136</v>
      </c>
      <c r="BV7" s="160">
        <v>241</v>
      </c>
      <c r="BW7" s="160">
        <v>141</v>
      </c>
      <c r="BX7" s="160">
        <v>80</v>
      </c>
      <c r="BY7" s="160">
        <v>19</v>
      </c>
      <c r="BZ7" s="165">
        <v>617</v>
      </c>
      <c r="CA7" s="164">
        <v>779</v>
      </c>
      <c r="CB7" s="159">
        <v>3</v>
      </c>
      <c r="CC7" s="160">
        <v>11</v>
      </c>
      <c r="CD7" s="165">
        <v>14</v>
      </c>
      <c r="CE7" s="162">
        <v>0</v>
      </c>
      <c r="CF7" s="160">
        <v>55</v>
      </c>
      <c r="CG7" s="160">
        <v>103</v>
      </c>
      <c r="CH7" s="160">
        <v>103</v>
      </c>
      <c r="CI7" s="160">
        <v>74</v>
      </c>
      <c r="CJ7" s="160">
        <v>32</v>
      </c>
      <c r="CK7" s="165">
        <v>367</v>
      </c>
      <c r="CL7" s="164">
        <v>381</v>
      </c>
      <c r="CM7" s="159">
        <v>0</v>
      </c>
      <c r="CN7" s="160">
        <v>1</v>
      </c>
      <c r="CO7" s="165">
        <v>1</v>
      </c>
      <c r="CP7" s="162">
        <v>0</v>
      </c>
      <c r="CQ7" s="160">
        <v>8</v>
      </c>
      <c r="CR7" s="160">
        <v>32</v>
      </c>
      <c r="CS7" s="160">
        <v>29</v>
      </c>
      <c r="CT7" s="160">
        <v>30</v>
      </c>
      <c r="CU7" s="160">
        <v>13</v>
      </c>
      <c r="CV7" s="165">
        <v>112</v>
      </c>
      <c r="CW7" s="164">
        <v>113</v>
      </c>
      <c r="CX7" s="159">
        <v>0</v>
      </c>
      <c r="CY7" s="160">
        <v>0</v>
      </c>
      <c r="CZ7" s="165">
        <v>0</v>
      </c>
      <c r="DA7" s="162">
        <v>0</v>
      </c>
      <c r="DB7" s="160">
        <v>0</v>
      </c>
      <c r="DC7" s="160">
        <v>0</v>
      </c>
      <c r="DD7" s="160">
        <v>0</v>
      </c>
      <c r="DE7" s="160">
        <v>0</v>
      </c>
      <c r="DF7" s="160">
        <v>0</v>
      </c>
      <c r="DG7" s="165">
        <v>0</v>
      </c>
      <c r="DH7" s="164">
        <v>0</v>
      </c>
      <c r="DI7" s="159">
        <v>0</v>
      </c>
      <c r="DJ7" s="160">
        <v>0</v>
      </c>
      <c r="DK7" s="165">
        <v>0</v>
      </c>
      <c r="DL7" s="162">
        <v>0</v>
      </c>
      <c r="DM7" s="160">
        <v>0</v>
      </c>
      <c r="DN7" s="160">
        <v>0</v>
      </c>
      <c r="DO7" s="160">
        <v>0</v>
      </c>
      <c r="DP7" s="160">
        <v>0</v>
      </c>
      <c r="DQ7" s="160">
        <v>0</v>
      </c>
      <c r="DR7" s="165">
        <v>0</v>
      </c>
      <c r="DS7" s="164">
        <v>0</v>
      </c>
      <c r="DT7" s="159">
        <v>244</v>
      </c>
      <c r="DU7" s="160">
        <v>667</v>
      </c>
      <c r="DV7" s="165">
        <v>911</v>
      </c>
      <c r="DW7" s="162">
        <v>0</v>
      </c>
      <c r="DX7" s="160">
        <v>587</v>
      </c>
      <c r="DY7" s="160">
        <v>1501</v>
      </c>
      <c r="DZ7" s="160">
        <v>811</v>
      </c>
      <c r="EA7" s="160">
        <v>524</v>
      </c>
      <c r="EB7" s="160">
        <v>291</v>
      </c>
      <c r="EC7" s="165">
        <v>3714</v>
      </c>
      <c r="ED7" s="164">
        <v>4625</v>
      </c>
      <c r="EE7" s="159">
        <v>72</v>
      </c>
      <c r="EF7" s="160">
        <v>71</v>
      </c>
      <c r="EG7" s="165">
        <v>143</v>
      </c>
      <c r="EH7" s="162">
        <v>0</v>
      </c>
      <c r="EI7" s="160">
        <v>208</v>
      </c>
      <c r="EJ7" s="160">
        <v>277</v>
      </c>
      <c r="EK7" s="160">
        <v>191</v>
      </c>
      <c r="EL7" s="160">
        <v>226</v>
      </c>
      <c r="EM7" s="160">
        <v>99</v>
      </c>
      <c r="EN7" s="165">
        <v>1001</v>
      </c>
      <c r="EO7" s="164">
        <v>1144</v>
      </c>
      <c r="EP7" s="159">
        <v>381</v>
      </c>
      <c r="EQ7" s="160">
        <v>872</v>
      </c>
      <c r="ER7" s="165">
        <v>1253</v>
      </c>
      <c r="ES7" s="162">
        <v>0</v>
      </c>
      <c r="ET7" s="160">
        <v>1561</v>
      </c>
      <c r="EU7" s="160">
        <v>2064</v>
      </c>
      <c r="EV7" s="160">
        <v>979</v>
      </c>
      <c r="EW7" s="160">
        <v>584</v>
      </c>
      <c r="EX7" s="160">
        <v>301</v>
      </c>
      <c r="EY7" s="165">
        <v>5489</v>
      </c>
      <c r="EZ7" s="164">
        <v>6742</v>
      </c>
    </row>
    <row r="8" spans="2:156" ht="21" customHeight="1" x14ac:dyDescent="0.2">
      <c r="B8" s="166" t="s">
        <v>6</v>
      </c>
      <c r="C8" s="159">
        <v>0</v>
      </c>
      <c r="D8" s="160">
        <v>0</v>
      </c>
      <c r="E8" s="161">
        <v>0</v>
      </c>
      <c r="F8" s="162">
        <v>0</v>
      </c>
      <c r="G8" s="160">
        <v>177</v>
      </c>
      <c r="H8" s="160">
        <v>165</v>
      </c>
      <c r="I8" s="160">
        <v>79</v>
      </c>
      <c r="J8" s="160">
        <v>70</v>
      </c>
      <c r="K8" s="160">
        <v>52</v>
      </c>
      <c r="L8" s="163">
        <v>543</v>
      </c>
      <c r="M8" s="164">
        <v>543</v>
      </c>
      <c r="N8" s="159">
        <v>0</v>
      </c>
      <c r="O8" s="160">
        <v>0</v>
      </c>
      <c r="P8" s="165">
        <v>0</v>
      </c>
      <c r="Q8" s="162">
        <v>0</v>
      </c>
      <c r="R8" s="160">
        <v>1</v>
      </c>
      <c r="S8" s="160">
        <v>5</v>
      </c>
      <c r="T8" s="160">
        <v>5</v>
      </c>
      <c r="U8" s="160">
        <v>9</v>
      </c>
      <c r="V8" s="160">
        <v>24</v>
      </c>
      <c r="W8" s="165">
        <v>44</v>
      </c>
      <c r="X8" s="164">
        <v>44</v>
      </c>
      <c r="Y8" s="159">
        <v>25</v>
      </c>
      <c r="Z8" s="160">
        <v>46</v>
      </c>
      <c r="AA8" s="165">
        <v>71</v>
      </c>
      <c r="AB8" s="162">
        <v>0</v>
      </c>
      <c r="AC8" s="160">
        <v>144</v>
      </c>
      <c r="AD8" s="160">
        <v>164</v>
      </c>
      <c r="AE8" s="160">
        <v>74</v>
      </c>
      <c r="AF8" s="160">
        <v>68</v>
      </c>
      <c r="AG8" s="160">
        <v>50</v>
      </c>
      <c r="AH8" s="165">
        <v>500</v>
      </c>
      <c r="AI8" s="164">
        <v>571</v>
      </c>
      <c r="AJ8" s="159">
        <v>4</v>
      </c>
      <c r="AK8" s="160">
        <v>3</v>
      </c>
      <c r="AL8" s="165">
        <v>7</v>
      </c>
      <c r="AM8" s="162">
        <v>0</v>
      </c>
      <c r="AN8" s="160">
        <v>17</v>
      </c>
      <c r="AO8" s="160">
        <v>19</v>
      </c>
      <c r="AP8" s="160">
        <v>8</v>
      </c>
      <c r="AQ8" s="160">
        <v>6</v>
      </c>
      <c r="AR8" s="160">
        <v>6</v>
      </c>
      <c r="AS8" s="165">
        <v>56</v>
      </c>
      <c r="AT8" s="164">
        <v>63</v>
      </c>
      <c r="AU8" s="159">
        <v>47</v>
      </c>
      <c r="AV8" s="160">
        <v>55</v>
      </c>
      <c r="AW8" s="165">
        <v>102</v>
      </c>
      <c r="AX8" s="162">
        <v>0</v>
      </c>
      <c r="AY8" s="160">
        <v>241</v>
      </c>
      <c r="AZ8" s="160">
        <v>235</v>
      </c>
      <c r="BA8" s="160">
        <v>180</v>
      </c>
      <c r="BB8" s="160">
        <v>195</v>
      </c>
      <c r="BC8" s="160">
        <v>116</v>
      </c>
      <c r="BD8" s="163">
        <v>967</v>
      </c>
      <c r="BE8" s="164">
        <v>1069</v>
      </c>
      <c r="BF8" s="159">
        <v>0</v>
      </c>
      <c r="BG8" s="160">
        <v>0</v>
      </c>
      <c r="BH8" s="165">
        <v>0</v>
      </c>
      <c r="BI8" s="162">
        <v>0</v>
      </c>
      <c r="BJ8" s="160">
        <v>238</v>
      </c>
      <c r="BK8" s="160">
        <v>214</v>
      </c>
      <c r="BL8" s="160">
        <v>93</v>
      </c>
      <c r="BM8" s="160">
        <v>50</v>
      </c>
      <c r="BN8" s="160">
        <v>17</v>
      </c>
      <c r="BO8" s="165">
        <v>612</v>
      </c>
      <c r="BP8" s="164">
        <v>612</v>
      </c>
      <c r="BQ8" s="159">
        <v>11</v>
      </c>
      <c r="BR8" s="160">
        <v>10</v>
      </c>
      <c r="BS8" s="165">
        <v>21</v>
      </c>
      <c r="BT8" s="162">
        <v>0</v>
      </c>
      <c r="BU8" s="160">
        <v>48</v>
      </c>
      <c r="BV8" s="160">
        <v>59</v>
      </c>
      <c r="BW8" s="160">
        <v>28</v>
      </c>
      <c r="BX8" s="160">
        <v>21</v>
      </c>
      <c r="BY8" s="160">
        <v>6</v>
      </c>
      <c r="BZ8" s="165">
        <v>162</v>
      </c>
      <c r="CA8" s="164">
        <v>183</v>
      </c>
      <c r="CB8" s="159">
        <v>1</v>
      </c>
      <c r="CC8" s="160">
        <v>2</v>
      </c>
      <c r="CD8" s="165">
        <v>3</v>
      </c>
      <c r="CE8" s="162">
        <v>0</v>
      </c>
      <c r="CF8" s="160">
        <v>15</v>
      </c>
      <c r="CG8" s="160">
        <v>27</v>
      </c>
      <c r="CH8" s="160">
        <v>24</v>
      </c>
      <c r="CI8" s="160">
        <v>19</v>
      </c>
      <c r="CJ8" s="160">
        <v>12</v>
      </c>
      <c r="CK8" s="165">
        <v>97</v>
      </c>
      <c r="CL8" s="164">
        <v>100</v>
      </c>
      <c r="CM8" s="159">
        <v>0</v>
      </c>
      <c r="CN8" s="160">
        <v>0</v>
      </c>
      <c r="CO8" s="165">
        <v>0</v>
      </c>
      <c r="CP8" s="162">
        <v>0</v>
      </c>
      <c r="CQ8" s="160">
        <v>4</v>
      </c>
      <c r="CR8" s="160">
        <v>6</v>
      </c>
      <c r="CS8" s="160">
        <v>5</v>
      </c>
      <c r="CT8" s="160">
        <v>8</v>
      </c>
      <c r="CU8" s="160">
        <v>3</v>
      </c>
      <c r="CV8" s="165">
        <v>26</v>
      </c>
      <c r="CW8" s="164">
        <v>26</v>
      </c>
      <c r="CX8" s="159">
        <v>0</v>
      </c>
      <c r="CY8" s="160">
        <v>0</v>
      </c>
      <c r="CZ8" s="165">
        <v>0</v>
      </c>
      <c r="DA8" s="162">
        <v>0</v>
      </c>
      <c r="DB8" s="160">
        <v>0</v>
      </c>
      <c r="DC8" s="160">
        <v>0</v>
      </c>
      <c r="DD8" s="160">
        <v>0</v>
      </c>
      <c r="DE8" s="160">
        <v>0</v>
      </c>
      <c r="DF8" s="160">
        <v>0</v>
      </c>
      <c r="DG8" s="165">
        <v>0</v>
      </c>
      <c r="DH8" s="164">
        <v>0</v>
      </c>
      <c r="DI8" s="159">
        <v>0</v>
      </c>
      <c r="DJ8" s="160">
        <v>0</v>
      </c>
      <c r="DK8" s="165">
        <v>0</v>
      </c>
      <c r="DL8" s="162">
        <v>0</v>
      </c>
      <c r="DM8" s="160">
        <v>0</v>
      </c>
      <c r="DN8" s="160">
        <v>0</v>
      </c>
      <c r="DO8" s="160">
        <v>0</v>
      </c>
      <c r="DP8" s="160">
        <v>0</v>
      </c>
      <c r="DQ8" s="160">
        <v>0</v>
      </c>
      <c r="DR8" s="165">
        <v>0</v>
      </c>
      <c r="DS8" s="164">
        <v>0</v>
      </c>
      <c r="DT8" s="159">
        <v>82</v>
      </c>
      <c r="DU8" s="160">
        <v>134</v>
      </c>
      <c r="DV8" s="165">
        <v>216</v>
      </c>
      <c r="DW8" s="162">
        <v>0</v>
      </c>
      <c r="DX8" s="160">
        <v>269</v>
      </c>
      <c r="DY8" s="160">
        <v>376</v>
      </c>
      <c r="DZ8" s="160">
        <v>199</v>
      </c>
      <c r="EA8" s="160">
        <v>166</v>
      </c>
      <c r="EB8" s="160">
        <v>99</v>
      </c>
      <c r="EC8" s="165">
        <v>1109</v>
      </c>
      <c r="ED8" s="164">
        <v>1325</v>
      </c>
      <c r="EE8" s="159">
        <v>25</v>
      </c>
      <c r="EF8" s="160">
        <v>17</v>
      </c>
      <c r="EG8" s="165">
        <v>42</v>
      </c>
      <c r="EH8" s="162">
        <v>0</v>
      </c>
      <c r="EI8" s="160">
        <v>97</v>
      </c>
      <c r="EJ8" s="160">
        <v>72</v>
      </c>
      <c r="EK8" s="160">
        <v>59</v>
      </c>
      <c r="EL8" s="160">
        <v>71</v>
      </c>
      <c r="EM8" s="160">
        <v>29</v>
      </c>
      <c r="EN8" s="165">
        <v>328</v>
      </c>
      <c r="EO8" s="164">
        <v>370</v>
      </c>
      <c r="EP8" s="159">
        <v>107</v>
      </c>
      <c r="EQ8" s="160">
        <v>169</v>
      </c>
      <c r="ER8" s="165">
        <v>276</v>
      </c>
      <c r="ES8" s="162">
        <v>0</v>
      </c>
      <c r="ET8" s="160">
        <v>591</v>
      </c>
      <c r="EU8" s="160">
        <v>532</v>
      </c>
      <c r="EV8" s="160">
        <v>236</v>
      </c>
      <c r="EW8" s="160">
        <v>167</v>
      </c>
      <c r="EX8" s="160">
        <v>101</v>
      </c>
      <c r="EY8" s="165">
        <v>1627</v>
      </c>
      <c r="EZ8" s="164">
        <v>1903</v>
      </c>
    </row>
    <row r="9" spans="2:156" ht="21" customHeight="1" x14ac:dyDescent="0.2">
      <c r="B9" s="166" t="s">
        <v>14</v>
      </c>
      <c r="C9" s="159">
        <v>0</v>
      </c>
      <c r="D9" s="160">
        <v>0</v>
      </c>
      <c r="E9" s="161">
        <v>0</v>
      </c>
      <c r="F9" s="162">
        <v>0</v>
      </c>
      <c r="G9" s="160">
        <v>49</v>
      </c>
      <c r="H9" s="160">
        <v>104</v>
      </c>
      <c r="I9" s="160">
        <v>57</v>
      </c>
      <c r="J9" s="160">
        <v>30</v>
      </c>
      <c r="K9" s="160">
        <v>30</v>
      </c>
      <c r="L9" s="163">
        <v>270</v>
      </c>
      <c r="M9" s="164">
        <v>270</v>
      </c>
      <c r="N9" s="159">
        <v>0</v>
      </c>
      <c r="O9" s="160">
        <v>0</v>
      </c>
      <c r="P9" s="165">
        <v>0</v>
      </c>
      <c r="Q9" s="162">
        <v>0</v>
      </c>
      <c r="R9" s="160">
        <v>0</v>
      </c>
      <c r="S9" s="160">
        <v>2</v>
      </c>
      <c r="T9" s="160">
        <v>3</v>
      </c>
      <c r="U9" s="160">
        <v>4</v>
      </c>
      <c r="V9" s="160">
        <v>7</v>
      </c>
      <c r="W9" s="165">
        <v>16</v>
      </c>
      <c r="X9" s="164">
        <v>16</v>
      </c>
      <c r="Y9" s="159">
        <v>13</v>
      </c>
      <c r="Z9" s="160">
        <v>27</v>
      </c>
      <c r="AA9" s="165">
        <v>40</v>
      </c>
      <c r="AB9" s="162">
        <v>0</v>
      </c>
      <c r="AC9" s="160">
        <v>42</v>
      </c>
      <c r="AD9" s="160">
        <v>96</v>
      </c>
      <c r="AE9" s="160">
        <v>62</v>
      </c>
      <c r="AF9" s="160">
        <v>39</v>
      </c>
      <c r="AG9" s="160">
        <v>27</v>
      </c>
      <c r="AH9" s="165">
        <v>266</v>
      </c>
      <c r="AI9" s="164">
        <v>306</v>
      </c>
      <c r="AJ9" s="159">
        <v>1</v>
      </c>
      <c r="AK9" s="160">
        <v>2</v>
      </c>
      <c r="AL9" s="165">
        <v>3</v>
      </c>
      <c r="AM9" s="162">
        <v>0</v>
      </c>
      <c r="AN9" s="160">
        <v>0</v>
      </c>
      <c r="AO9" s="160">
        <v>3</v>
      </c>
      <c r="AP9" s="160">
        <v>1</v>
      </c>
      <c r="AQ9" s="160">
        <v>3</v>
      </c>
      <c r="AR9" s="160">
        <v>0</v>
      </c>
      <c r="AS9" s="165">
        <v>7</v>
      </c>
      <c r="AT9" s="164">
        <v>10</v>
      </c>
      <c r="AU9" s="159">
        <v>31</v>
      </c>
      <c r="AV9" s="160">
        <v>30</v>
      </c>
      <c r="AW9" s="165">
        <v>61</v>
      </c>
      <c r="AX9" s="162">
        <v>0</v>
      </c>
      <c r="AY9" s="160">
        <v>83</v>
      </c>
      <c r="AZ9" s="160">
        <v>130</v>
      </c>
      <c r="BA9" s="160">
        <v>121</v>
      </c>
      <c r="BB9" s="160">
        <v>97</v>
      </c>
      <c r="BC9" s="160">
        <v>57</v>
      </c>
      <c r="BD9" s="163">
        <v>488</v>
      </c>
      <c r="BE9" s="164">
        <v>549</v>
      </c>
      <c r="BF9" s="159">
        <v>0</v>
      </c>
      <c r="BG9" s="160">
        <v>0</v>
      </c>
      <c r="BH9" s="165">
        <v>0</v>
      </c>
      <c r="BI9" s="162">
        <v>0</v>
      </c>
      <c r="BJ9" s="160">
        <v>105</v>
      </c>
      <c r="BK9" s="160">
        <v>126</v>
      </c>
      <c r="BL9" s="160">
        <v>84</v>
      </c>
      <c r="BM9" s="160">
        <v>41</v>
      </c>
      <c r="BN9" s="160">
        <v>13</v>
      </c>
      <c r="BO9" s="165">
        <v>369</v>
      </c>
      <c r="BP9" s="164">
        <v>369</v>
      </c>
      <c r="BQ9" s="159">
        <v>6</v>
      </c>
      <c r="BR9" s="160">
        <v>13</v>
      </c>
      <c r="BS9" s="165">
        <v>19</v>
      </c>
      <c r="BT9" s="162">
        <v>0</v>
      </c>
      <c r="BU9" s="160">
        <v>10</v>
      </c>
      <c r="BV9" s="160">
        <v>27</v>
      </c>
      <c r="BW9" s="160">
        <v>15</v>
      </c>
      <c r="BX9" s="160">
        <v>7</v>
      </c>
      <c r="BY9" s="160">
        <v>2</v>
      </c>
      <c r="BZ9" s="165">
        <v>61</v>
      </c>
      <c r="CA9" s="164">
        <v>80</v>
      </c>
      <c r="CB9" s="159">
        <v>0</v>
      </c>
      <c r="CC9" s="160">
        <v>1</v>
      </c>
      <c r="CD9" s="165">
        <v>1</v>
      </c>
      <c r="CE9" s="162">
        <v>0</v>
      </c>
      <c r="CF9" s="160">
        <v>10</v>
      </c>
      <c r="CG9" s="160">
        <v>20</v>
      </c>
      <c r="CH9" s="160">
        <v>26</v>
      </c>
      <c r="CI9" s="160">
        <v>17</v>
      </c>
      <c r="CJ9" s="160">
        <v>7</v>
      </c>
      <c r="CK9" s="165">
        <v>80</v>
      </c>
      <c r="CL9" s="164">
        <v>81</v>
      </c>
      <c r="CM9" s="159">
        <v>0</v>
      </c>
      <c r="CN9" s="160">
        <v>0</v>
      </c>
      <c r="CO9" s="165">
        <v>0</v>
      </c>
      <c r="CP9" s="162">
        <v>0</v>
      </c>
      <c r="CQ9" s="160">
        <v>0</v>
      </c>
      <c r="CR9" s="160">
        <v>1</v>
      </c>
      <c r="CS9" s="160">
        <v>3</v>
      </c>
      <c r="CT9" s="160">
        <v>1</v>
      </c>
      <c r="CU9" s="160">
        <v>1</v>
      </c>
      <c r="CV9" s="165">
        <v>6</v>
      </c>
      <c r="CW9" s="164">
        <v>6</v>
      </c>
      <c r="CX9" s="159">
        <v>0</v>
      </c>
      <c r="CY9" s="160">
        <v>0</v>
      </c>
      <c r="CZ9" s="165">
        <v>0</v>
      </c>
      <c r="DA9" s="162">
        <v>0</v>
      </c>
      <c r="DB9" s="160">
        <v>0</v>
      </c>
      <c r="DC9" s="160">
        <v>0</v>
      </c>
      <c r="DD9" s="160">
        <v>0</v>
      </c>
      <c r="DE9" s="160">
        <v>0</v>
      </c>
      <c r="DF9" s="160">
        <v>0</v>
      </c>
      <c r="DG9" s="165">
        <v>0</v>
      </c>
      <c r="DH9" s="164">
        <v>0</v>
      </c>
      <c r="DI9" s="159">
        <v>0</v>
      </c>
      <c r="DJ9" s="160">
        <v>0</v>
      </c>
      <c r="DK9" s="165">
        <v>0</v>
      </c>
      <c r="DL9" s="162">
        <v>0</v>
      </c>
      <c r="DM9" s="160">
        <v>0</v>
      </c>
      <c r="DN9" s="160">
        <v>0</v>
      </c>
      <c r="DO9" s="160">
        <v>0</v>
      </c>
      <c r="DP9" s="160">
        <v>0</v>
      </c>
      <c r="DQ9" s="160">
        <v>0</v>
      </c>
      <c r="DR9" s="165">
        <v>0</v>
      </c>
      <c r="DS9" s="164">
        <v>0</v>
      </c>
      <c r="DT9" s="159">
        <v>35</v>
      </c>
      <c r="DU9" s="160">
        <v>127</v>
      </c>
      <c r="DV9" s="165">
        <v>162</v>
      </c>
      <c r="DW9" s="162">
        <v>0</v>
      </c>
      <c r="DX9" s="160">
        <v>108</v>
      </c>
      <c r="DY9" s="160">
        <v>252</v>
      </c>
      <c r="DZ9" s="160">
        <v>160</v>
      </c>
      <c r="EA9" s="160">
        <v>101</v>
      </c>
      <c r="EB9" s="160">
        <v>54</v>
      </c>
      <c r="EC9" s="165">
        <v>675</v>
      </c>
      <c r="ED9" s="164">
        <v>837</v>
      </c>
      <c r="EE9" s="159">
        <v>14</v>
      </c>
      <c r="EF9" s="160">
        <v>7</v>
      </c>
      <c r="EG9" s="165">
        <v>21</v>
      </c>
      <c r="EH9" s="162">
        <v>0</v>
      </c>
      <c r="EI9" s="160">
        <v>34</v>
      </c>
      <c r="EJ9" s="160">
        <v>31</v>
      </c>
      <c r="EK9" s="160">
        <v>27</v>
      </c>
      <c r="EL9" s="160">
        <v>23</v>
      </c>
      <c r="EM9" s="160">
        <v>11</v>
      </c>
      <c r="EN9" s="165">
        <v>126</v>
      </c>
      <c r="EO9" s="164">
        <v>147</v>
      </c>
      <c r="EP9" s="159">
        <v>50</v>
      </c>
      <c r="EQ9" s="160">
        <v>149</v>
      </c>
      <c r="ER9" s="165">
        <v>199</v>
      </c>
      <c r="ES9" s="162">
        <v>0</v>
      </c>
      <c r="ET9" s="160">
        <v>254</v>
      </c>
      <c r="EU9" s="160">
        <v>333</v>
      </c>
      <c r="EV9" s="160">
        <v>203</v>
      </c>
      <c r="EW9" s="160">
        <v>108</v>
      </c>
      <c r="EX9" s="160">
        <v>54</v>
      </c>
      <c r="EY9" s="165">
        <v>952</v>
      </c>
      <c r="EZ9" s="164">
        <v>1151</v>
      </c>
    </row>
    <row r="10" spans="2:156" ht="21" customHeight="1" x14ac:dyDescent="0.2">
      <c r="B10" s="166" t="s">
        <v>7</v>
      </c>
      <c r="C10" s="159">
        <v>0</v>
      </c>
      <c r="D10" s="160">
        <v>0</v>
      </c>
      <c r="E10" s="161">
        <v>0</v>
      </c>
      <c r="F10" s="162">
        <v>0</v>
      </c>
      <c r="G10" s="160">
        <v>106</v>
      </c>
      <c r="H10" s="160">
        <v>84</v>
      </c>
      <c r="I10" s="160">
        <v>38</v>
      </c>
      <c r="J10" s="160">
        <v>35</v>
      </c>
      <c r="K10" s="160">
        <v>26</v>
      </c>
      <c r="L10" s="163">
        <v>289</v>
      </c>
      <c r="M10" s="164">
        <v>289</v>
      </c>
      <c r="N10" s="159">
        <v>0</v>
      </c>
      <c r="O10" s="160">
        <v>0</v>
      </c>
      <c r="P10" s="165">
        <v>0</v>
      </c>
      <c r="Q10" s="162">
        <v>0</v>
      </c>
      <c r="R10" s="160">
        <v>0</v>
      </c>
      <c r="S10" s="160">
        <v>2</v>
      </c>
      <c r="T10" s="160">
        <v>2</v>
      </c>
      <c r="U10" s="160">
        <v>8</v>
      </c>
      <c r="V10" s="160">
        <v>11</v>
      </c>
      <c r="W10" s="165">
        <v>23</v>
      </c>
      <c r="X10" s="164">
        <v>23</v>
      </c>
      <c r="Y10" s="159">
        <v>4</v>
      </c>
      <c r="Z10" s="160">
        <v>2</v>
      </c>
      <c r="AA10" s="165">
        <v>6</v>
      </c>
      <c r="AB10" s="162">
        <v>0</v>
      </c>
      <c r="AC10" s="160">
        <v>52</v>
      </c>
      <c r="AD10" s="160">
        <v>57</v>
      </c>
      <c r="AE10" s="160">
        <v>24</v>
      </c>
      <c r="AF10" s="160">
        <v>22</v>
      </c>
      <c r="AG10" s="160">
        <v>23</v>
      </c>
      <c r="AH10" s="165">
        <v>178</v>
      </c>
      <c r="AI10" s="164">
        <v>184</v>
      </c>
      <c r="AJ10" s="159">
        <v>0</v>
      </c>
      <c r="AK10" s="160">
        <v>1</v>
      </c>
      <c r="AL10" s="165">
        <v>1</v>
      </c>
      <c r="AM10" s="162">
        <v>0</v>
      </c>
      <c r="AN10" s="160">
        <v>9</v>
      </c>
      <c r="AO10" s="160">
        <v>8</v>
      </c>
      <c r="AP10" s="160">
        <v>4</v>
      </c>
      <c r="AQ10" s="160">
        <v>6</v>
      </c>
      <c r="AR10" s="160">
        <v>0</v>
      </c>
      <c r="AS10" s="165">
        <v>27</v>
      </c>
      <c r="AT10" s="164">
        <v>28</v>
      </c>
      <c r="AU10" s="159">
        <v>20</v>
      </c>
      <c r="AV10" s="160">
        <v>14</v>
      </c>
      <c r="AW10" s="165">
        <v>34</v>
      </c>
      <c r="AX10" s="162">
        <v>0</v>
      </c>
      <c r="AY10" s="160">
        <v>105</v>
      </c>
      <c r="AZ10" s="160">
        <v>134</v>
      </c>
      <c r="BA10" s="160">
        <v>85</v>
      </c>
      <c r="BB10" s="160">
        <v>70</v>
      </c>
      <c r="BC10" s="160">
        <v>51</v>
      </c>
      <c r="BD10" s="163">
        <v>445</v>
      </c>
      <c r="BE10" s="164">
        <v>479</v>
      </c>
      <c r="BF10" s="159">
        <v>0</v>
      </c>
      <c r="BG10" s="160">
        <v>0</v>
      </c>
      <c r="BH10" s="165">
        <v>0</v>
      </c>
      <c r="BI10" s="162">
        <v>0</v>
      </c>
      <c r="BJ10" s="160">
        <v>163</v>
      </c>
      <c r="BK10" s="160">
        <v>88</v>
      </c>
      <c r="BL10" s="160">
        <v>50</v>
      </c>
      <c r="BM10" s="160">
        <v>11</v>
      </c>
      <c r="BN10" s="160">
        <v>7</v>
      </c>
      <c r="BO10" s="165">
        <v>319</v>
      </c>
      <c r="BP10" s="164">
        <v>319</v>
      </c>
      <c r="BQ10" s="159">
        <v>1</v>
      </c>
      <c r="BR10" s="160">
        <v>4</v>
      </c>
      <c r="BS10" s="165">
        <v>5</v>
      </c>
      <c r="BT10" s="162">
        <v>0</v>
      </c>
      <c r="BU10" s="160">
        <v>24</v>
      </c>
      <c r="BV10" s="160">
        <v>24</v>
      </c>
      <c r="BW10" s="160">
        <v>8</v>
      </c>
      <c r="BX10" s="160">
        <v>4</v>
      </c>
      <c r="BY10" s="160">
        <v>3</v>
      </c>
      <c r="BZ10" s="165">
        <v>63</v>
      </c>
      <c r="CA10" s="164">
        <v>68</v>
      </c>
      <c r="CB10" s="159">
        <v>0</v>
      </c>
      <c r="CC10" s="160">
        <v>0</v>
      </c>
      <c r="CD10" s="165">
        <v>0</v>
      </c>
      <c r="CE10" s="162">
        <v>0</v>
      </c>
      <c r="CF10" s="160">
        <v>21</v>
      </c>
      <c r="CG10" s="160">
        <v>34</v>
      </c>
      <c r="CH10" s="160">
        <v>26</v>
      </c>
      <c r="CI10" s="160">
        <v>10</v>
      </c>
      <c r="CJ10" s="160">
        <v>7</v>
      </c>
      <c r="CK10" s="165">
        <v>98</v>
      </c>
      <c r="CL10" s="164">
        <v>98</v>
      </c>
      <c r="CM10" s="159">
        <v>0</v>
      </c>
      <c r="CN10" s="160">
        <v>0</v>
      </c>
      <c r="CO10" s="165">
        <v>0</v>
      </c>
      <c r="CP10" s="162">
        <v>0</v>
      </c>
      <c r="CQ10" s="160">
        <v>2</v>
      </c>
      <c r="CR10" s="160">
        <v>3</v>
      </c>
      <c r="CS10" s="160">
        <v>0</v>
      </c>
      <c r="CT10" s="160">
        <v>0</v>
      </c>
      <c r="CU10" s="160">
        <v>0</v>
      </c>
      <c r="CV10" s="165">
        <v>5</v>
      </c>
      <c r="CW10" s="164">
        <v>5</v>
      </c>
      <c r="CX10" s="159">
        <v>0</v>
      </c>
      <c r="CY10" s="160">
        <v>0</v>
      </c>
      <c r="CZ10" s="165">
        <v>0</v>
      </c>
      <c r="DA10" s="162">
        <v>0</v>
      </c>
      <c r="DB10" s="160">
        <v>0</v>
      </c>
      <c r="DC10" s="160">
        <v>0</v>
      </c>
      <c r="DD10" s="160">
        <v>0</v>
      </c>
      <c r="DE10" s="160">
        <v>0</v>
      </c>
      <c r="DF10" s="160">
        <v>0</v>
      </c>
      <c r="DG10" s="165">
        <v>0</v>
      </c>
      <c r="DH10" s="164">
        <v>0</v>
      </c>
      <c r="DI10" s="159">
        <v>0</v>
      </c>
      <c r="DJ10" s="160">
        <v>0</v>
      </c>
      <c r="DK10" s="165">
        <v>0</v>
      </c>
      <c r="DL10" s="162">
        <v>0</v>
      </c>
      <c r="DM10" s="160">
        <v>0</v>
      </c>
      <c r="DN10" s="160">
        <v>0</v>
      </c>
      <c r="DO10" s="160">
        <v>0</v>
      </c>
      <c r="DP10" s="160">
        <v>0</v>
      </c>
      <c r="DQ10" s="160">
        <v>0</v>
      </c>
      <c r="DR10" s="165">
        <v>0</v>
      </c>
      <c r="DS10" s="164">
        <v>0</v>
      </c>
      <c r="DT10" s="159">
        <v>33</v>
      </c>
      <c r="DU10" s="160">
        <v>43</v>
      </c>
      <c r="DV10" s="165">
        <v>76</v>
      </c>
      <c r="DW10" s="162">
        <v>0</v>
      </c>
      <c r="DX10" s="160">
        <v>168</v>
      </c>
      <c r="DY10" s="160">
        <v>191</v>
      </c>
      <c r="DZ10" s="160">
        <v>88</v>
      </c>
      <c r="EA10" s="160">
        <v>58</v>
      </c>
      <c r="EB10" s="160">
        <v>44</v>
      </c>
      <c r="EC10" s="165">
        <v>549</v>
      </c>
      <c r="ED10" s="164">
        <v>625</v>
      </c>
      <c r="EE10" s="159">
        <v>14</v>
      </c>
      <c r="EF10" s="160">
        <v>14</v>
      </c>
      <c r="EG10" s="165">
        <v>28</v>
      </c>
      <c r="EH10" s="162">
        <v>0</v>
      </c>
      <c r="EI10" s="160">
        <v>41</v>
      </c>
      <c r="EJ10" s="160">
        <v>40</v>
      </c>
      <c r="EK10" s="160">
        <v>34</v>
      </c>
      <c r="EL10" s="160">
        <v>22</v>
      </c>
      <c r="EM10" s="160">
        <v>19</v>
      </c>
      <c r="EN10" s="165">
        <v>156</v>
      </c>
      <c r="EO10" s="164">
        <v>184</v>
      </c>
      <c r="EP10" s="159">
        <v>37</v>
      </c>
      <c r="EQ10" s="160">
        <v>45</v>
      </c>
      <c r="ER10" s="165">
        <v>82</v>
      </c>
      <c r="ES10" s="162">
        <v>0</v>
      </c>
      <c r="ET10" s="160">
        <v>385</v>
      </c>
      <c r="EU10" s="160">
        <v>267</v>
      </c>
      <c r="EV10" s="160">
        <v>110</v>
      </c>
      <c r="EW10" s="160">
        <v>63</v>
      </c>
      <c r="EX10" s="160">
        <v>43</v>
      </c>
      <c r="EY10" s="165">
        <v>868</v>
      </c>
      <c r="EZ10" s="164">
        <v>950</v>
      </c>
    </row>
    <row r="11" spans="2:156" ht="21" customHeight="1" x14ac:dyDescent="0.2">
      <c r="B11" s="166" t="s">
        <v>8</v>
      </c>
      <c r="C11" s="159">
        <v>0</v>
      </c>
      <c r="D11" s="160">
        <v>0</v>
      </c>
      <c r="E11" s="161">
        <v>0</v>
      </c>
      <c r="F11" s="162">
        <v>0</v>
      </c>
      <c r="G11" s="160">
        <v>24</v>
      </c>
      <c r="H11" s="160">
        <v>20</v>
      </c>
      <c r="I11" s="160">
        <v>27</v>
      </c>
      <c r="J11" s="160">
        <v>13</v>
      </c>
      <c r="K11" s="160">
        <v>13</v>
      </c>
      <c r="L11" s="163">
        <v>97</v>
      </c>
      <c r="M11" s="164">
        <v>97</v>
      </c>
      <c r="N11" s="159">
        <v>0</v>
      </c>
      <c r="O11" s="160">
        <v>0</v>
      </c>
      <c r="P11" s="165">
        <v>0</v>
      </c>
      <c r="Q11" s="162">
        <v>0</v>
      </c>
      <c r="R11" s="160">
        <v>0</v>
      </c>
      <c r="S11" s="160">
        <v>1</v>
      </c>
      <c r="T11" s="160">
        <v>3</v>
      </c>
      <c r="U11" s="160">
        <v>1</v>
      </c>
      <c r="V11" s="160">
        <v>6</v>
      </c>
      <c r="W11" s="165">
        <v>11</v>
      </c>
      <c r="X11" s="164">
        <v>11</v>
      </c>
      <c r="Y11" s="159">
        <v>6</v>
      </c>
      <c r="Z11" s="160">
        <v>3</v>
      </c>
      <c r="AA11" s="165">
        <v>9</v>
      </c>
      <c r="AB11" s="162">
        <v>0</v>
      </c>
      <c r="AC11" s="160">
        <v>22</v>
      </c>
      <c r="AD11" s="160">
        <v>30</v>
      </c>
      <c r="AE11" s="160">
        <v>28</v>
      </c>
      <c r="AF11" s="160">
        <v>14</v>
      </c>
      <c r="AG11" s="160">
        <v>12</v>
      </c>
      <c r="AH11" s="165">
        <v>106</v>
      </c>
      <c r="AI11" s="164">
        <v>115</v>
      </c>
      <c r="AJ11" s="159">
        <v>1</v>
      </c>
      <c r="AK11" s="160">
        <v>1</v>
      </c>
      <c r="AL11" s="165">
        <v>2</v>
      </c>
      <c r="AM11" s="162">
        <v>0</v>
      </c>
      <c r="AN11" s="160">
        <v>7</v>
      </c>
      <c r="AO11" s="160">
        <v>2</v>
      </c>
      <c r="AP11" s="160">
        <v>6</v>
      </c>
      <c r="AQ11" s="160">
        <v>1</v>
      </c>
      <c r="AR11" s="160">
        <v>1</v>
      </c>
      <c r="AS11" s="165">
        <v>17</v>
      </c>
      <c r="AT11" s="164">
        <v>19</v>
      </c>
      <c r="AU11" s="159">
        <v>6</v>
      </c>
      <c r="AV11" s="160">
        <v>4</v>
      </c>
      <c r="AW11" s="165">
        <v>10</v>
      </c>
      <c r="AX11" s="162">
        <v>0</v>
      </c>
      <c r="AY11" s="160">
        <v>33</v>
      </c>
      <c r="AZ11" s="160">
        <v>33</v>
      </c>
      <c r="BA11" s="160">
        <v>43</v>
      </c>
      <c r="BB11" s="160">
        <v>33</v>
      </c>
      <c r="BC11" s="160">
        <v>22</v>
      </c>
      <c r="BD11" s="163">
        <v>164</v>
      </c>
      <c r="BE11" s="164">
        <v>174</v>
      </c>
      <c r="BF11" s="159">
        <v>0</v>
      </c>
      <c r="BG11" s="160">
        <v>0</v>
      </c>
      <c r="BH11" s="165">
        <v>0</v>
      </c>
      <c r="BI11" s="162">
        <v>0</v>
      </c>
      <c r="BJ11" s="160">
        <v>39</v>
      </c>
      <c r="BK11" s="160">
        <v>34</v>
      </c>
      <c r="BL11" s="160">
        <v>19</v>
      </c>
      <c r="BM11" s="160">
        <v>15</v>
      </c>
      <c r="BN11" s="160">
        <v>6</v>
      </c>
      <c r="BO11" s="165">
        <v>113</v>
      </c>
      <c r="BP11" s="164">
        <v>113</v>
      </c>
      <c r="BQ11" s="159">
        <v>6</v>
      </c>
      <c r="BR11" s="160">
        <v>3</v>
      </c>
      <c r="BS11" s="165">
        <v>9</v>
      </c>
      <c r="BT11" s="162">
        <v>0</v>
      </c>
      <c r="BU11" s="160">
        <v>9</v>
      </c>
      <c r="BV11" s="160">
        <v>10</v>
      </c>
      <c r="BW11" s="160">
        <v>8</v>
      </c>
      <c r="BX11" s="160">
        <v>0</v>
      </c>
      <c r="BY11" s="160">
        <v>2</v>
      </c>
      <c r="BZ11" s="165">
        <v>29</v>
      </c>
      <c r="CA11" s="164">
        <v>38</v>
      </c>
      <c r="CB11" s="159">
        <v>1</v>
      </c>
      <c r="CC11" s="160">
        <v>1</v>
      </c>
      <c r="CD11" s="165">
        <v>2</v>
      </c>
      <c r="CE11" s="162">
        <v>0</v>
      </c>
      <c r="CF11" s="160">
        <v>4</v>
      </c>
      <c r="CG11" s="160">
        <v>6</v>
      </c>
      <c r="CH11" s="160">
        <v>11</v>
      </c>
      <c r="CI11" s="160">
        <v>5</v>
      </c>
      <c r="CJ11" s="160">
        <v>1</v>
      </c>
      <c r="CK11" s="165">
        <v>27</v>
      </c>
      <c r="CL11" s="164">
        <v>29</v>
      </c>
      <c r="CM11" s="159">
        <v>0</v>
      </c>
      <c r="CN11" s="160">
        <v>0</v>
      </c>
      <c r="CO11" s="165">
        <v>0</v>
      </c>
      <c r="CP11" s="162">
        <v>0</v>
      </c>
      <c r="CQ11" s="160">
        <v>0</v>
      </c>
      <c r="CR11" s="160">
        <v>1</v>
      </c>
      <c r="CS11" s="160">
        <v>1</v>
      </c>
      <c r="CT11" s="160">
        <v>0</v>
      </c>
      <c r="CU11" s="160">
        <v>0</v>
      </c>
      <c r="CV11" s="165">
        <v>2</v>
      </c>
      <c r="CW11" s="164">
        <v>2</v>
      </c>
      <c r="CX11" s="159">
        <v>0</v>
      </c>
      <c r="CY11" s="160">
        <v>0</v>
      </c>
      <c r="CZ11" s="165">
        <v>0</v>
      </c>
      <c r="DA11" s="162">
        <v>0</v>
      </c>
      <c r="DB11" s="160">
        <v>0</v>
      </c>
      <c r="DC11" s="160">
        <v>0</v>
      </c>
      <c r="DD11" s="160">
        <v>0</v>
      </c>
      <c r="DE11" s="160">
        <v>0</v>
      </c>
      <c r="DF11" s="160">
        <v>0</v>
      </c>
      <c r="DG11" s="165">
        <v>0</v>
      </c>
      <c r="DH11" s="164">
        <v>0</v>
      </c>
      <c r="DI11" s="159">
        <v>0</v>
      </c>
      <c r="DJ11" s="160">
        <v>0</v>
      </c>
      <c r="DK11" s="165">
        <v>0</v>
      </c>
      <c r="DL11" s="162">
        <v>0</v>
      </c>
      <c r="DM11" s="160">
        <v>0</v>
      </c>
      <c r="DN11" s="160">
        <v>0</v>
      </c>
      <c r="DO11" s="160">
        <v>0</v>
      </c>
      <c r="DP11" s="160">
        <v>0</v>
      </c>
      <c r="DQ11" s="160">
        <v>0</v>
      </c>
      <c r="DR11" s="165">
        <v>0</v>
      </c>
      <c r="DS11" s="164">
        <v>0</v>
      </c>
      <c r="DT11" s="159">
        <v>23</v>
      </c>
      <c r="DU11" s="160">
        <v>28</v>
      </c>
      <c r="DV11" s="165">
        <v>51</v>
      </c>
      <c r="DW11" s="162">
        <v>0</v>
      </c>
      <c r="DX11" s="160">
        <v>50</v>
      </c>
      <c r="DY11" s="160">
        <v>84</v>
      </c>
      <c r="DZ11" s="160">
        <v>64</v>
      </c>
      <c r="EA11" s="160">
        <v>34</v>
      </c>
      <c r="EB11" s="160">
        <v>22</v>
      </c>
      <c r="EC11" s="165">
        <v>254</v>
      </c>
      <c r="ED11" s="164">
        <v>305</v>
      </c>
      <c r="EE11" s="159">
        <v>6</v>
      </c>
      <c r="EF11" s="160">
        <v>2</v>
      </c>
      <c r="EG11" s="165">
        <v>8</v>
      </c>
      <c r="EH11" s="162">
        <v>0</v>
      </c>
      <c r="EI11" s="160">
        <v>13</v>
      </c>
      <c r="EJ11" s="160">
        <v>10</v>
      </c>
      <c r="EK11" s="160">
        <v>10</v>
      </c>
      <c r="EL11" s="160">
        <v>8</v>
      </c>
      <c r="EM11" s="160">
        <v>5</v>
      </c>
      <c r="EN11" s="165">
        <v>46</v>
      </c>
      <c r="EO11" s="164">
        <v>54</v>
      </c>
      <c r="EP11" s="159">
        <v>34</v>
      </c>
      <c r="EQ11" s="160">
        <v>31</v>
      </c>
      <c r="ER11" s="165">
        <v>65</v>
      </c>
      <c r="ES11" s="162">
        <v>0</v>
      </c>
      <c r="ET11" s="160">
        <v>113</v>
      </c>
      <c r="EU11" s="160">
        <v>111</v>
      </c>
      <c r="EV11" s="160">
        <v>70</v>
      </c>
      <c r="EW11" s="160">
        <v>34</v>
      </c>
      <c r="EX11" s="160">
        <v>23</v>
      </c>
      <c r="EY11" s="165">
        <v>351</v>
      </c>
      <c r="EZ11" s="164">
        <v>416</v>
      </c>
    </row>
    <row r="12" spans="2:156" ht="21" customHeight="1" x14ac:dyDescent="0.2">
      <c r="B12" s="166" t="s">
        <v>9</v>
      </c>
      <c r="C12" s="159">
        <v>0</v>
      </c>
      <c r="D12" s="160">
        <v>0</v>
      </c>
      <c r="E12" s="161">
        <v>0</v>
      </c>
      <c r="F12" s="162">
        <v>0</v>
      </c>
      <c r="G12" s="160">
        <v>63</v>
      </c>
      <c r="H12" s="160">
        <v>36</v>
      </c>
      <c r="I12" s="160">
        <v>35</v>
      </c>
      <c r="J12" s="160">
        <v>21</v>
      </c>
      <c r="K12" s="160">
        <v>16</v>
      </c>
      <c r="L12" s="163">
        <v>171</v>
      </c>
      <c r="M12" s="164">
        <v>171</v>
      </c>
      <c r="N12" s="159">
        <v>0</v>
      </c>
      <c r="O12" s="160">
        <v>0</v>
      </c>
      <c r="P12" s="165">
        <v>0</v>
      </c>
      <c r="Q12" s="162">
        <v>0</v>
      </c>
      <c r="R12" s="160">
        <v>0</v>
      </c>
      <c r="S12" s="160">
        <v>1</v>
      </c>
      <c r="T12" s="160">
        <v>1</v>
      </c>
      <c r="U12" s="160">
        <v>2</v>
      </c>
      <c r="V12" s="160">
        <v>8</v>
      </c>
      <c r="W12" s="165">
        <v>12</v>
      </c>
      <c r="X12" s="164">
        <v>12</v>
      </c>
      <c r="Y12" s="159">
        <v>9</v>
      </c>
      <c r="Z12" s="160">
        <v>9</v>
      </c>
      <c r="AA12" s="165">
        <v>18</v>
      </c>
      <c r="AB12" s="162">
        <v>0</v>
      </c>
      <c r="AC12" s="160">
        <v>42</v>
      </c>
      <c r="AD12" s="160">
        <v>28</v>
      </c>
      <c r="AE12" s="160">
        <v>34</v>
      </c>
      <c r="AF12" s="160">
        <v>22</v>
      </c>
      <c r="AG12" s="160">
        <v>17</v>
      </c>
      <c r="AH12" s="165">
        <v>143</v>
      </c>
      <c r="AI12" s="164">
        <v>161</v>
      </c>
      <c r="AJ12" s="159">
        <v>0</v>
      </c>
      <c r="AK12" s="160">
        <v>2</v>
      </c>
      <c r="AL12" s="165">
        <v>2</v>
      </c>
      <c r="AM12" s="162">
        <v>0</v>
      </c>
      <c r="AN12" s="160">
        <v>3</v>
      </c>
      <c r="AO12" s="160">
        <v>3</v>
      </c>
      <c r="AP12" s="160">
        <v>1</v>
      </c>
      <c r="AQ12" s="160">
        <v>4</v>
      </c>
      <c r="AR12" s="160">
        <v>2</v>
      </c>
      <c r="AS12" s="165">
        <v>13</v>
      </c>
      <c r="AT12" s="164">
        <v>15</v>
      </c>
      <c r="AU12" s="159">
        <v>8</v>
      </c>
      <c r="AV12" s="160">
        <v>5</v>
      </c>
      <c r="AW12" s="165">
        <v>13</v>
      </c>
      <c r="AX12" s="162">
        <v>0</v>
      </c>
      <c r="AY12" s="160">
        <v>55</v>
      </c>
      <c r="AZ12" s="160">
        <v>55</v>
      </c>
      <c r="BA12" s="160">
        <v>57</v>
      </c>
      <c r="BB12" s="160">
        <v>48</v>
      </c>
      <c r="BC12" s="160">
        <v>27</v>
      </c>
      <c r="BD12" s="163">
        <v>242</v>
      </c>
      <c r="BE12" s="164">
        <v>255</v>
      </c>
      <c r="BF12" s="159">
        <v>0</v>
      </c>
      <c r="BG12" s="160">
        <v>0</v>
      </c>
      <c r="BH12" s="165">
        <v>0</v>
      </c>
      <c r="BI12" s="162">
        <v>0</v>
      </c>
      <c r="BJ12" s="160">
        <v>58</v>
      </c>
      <c r="BK12" s="160">
        <v>40</v>
      </c>
      <c r="BL12" s="160">
        <v>19</v>
      </c>
      <c r="BM12" s="160">
        <v>9</v>
      </c>
      <c r="BN12" s="160">
        <v>5</v>
      </c>
      <c r="BO12" s="165">
        <v>131</v>
      </c>
      <c r="BP12" s="164">
        <v>131</v>
      </c>
      <c r="BQ12" s="159">
        <v>5</v>
      </c>
      <c r="BR12" s="160">
        <v>3</v>
      </c>
      <c r="BS12" s="165">
        <v>8</v>
      </c>
      <c r="BT12" s="162">
        <v>0</v>
      </c>
      <c r="BU12" s="160">
        <v>18</v>
      </c>
      <c r="BV12" s="160">
        <v>9</v>
      </c>
      <c r="BW12" s="160">
        <v>13</v>
      </c>
      <c r="BX12" s="160">
        <v>14</v>
      </c>
      <c r="BY12" s="160">
        <v>1</v>
      </c>
      <c r="BZ12" s="165">
        <v>55</v>
      </c>
      <c r="CA12" s="164">
        <v>63</v>
      </c>
      <c r="CB12" s="159">
        <v>0</v>
      </c>
      <c r="CC12" s="160">
        <v>0</v>
      </c>
      <c r="CD12" s="165">
        <v>0</v>
      </c>
      <c r="CE12" s="162">
        <v>0</v>
      </c>
      <c r="CF12" s="160">
        <v>5</v>
      </c>
      <c r="CG12" s="160">
        <v>5</v>
      </c>
      <c r="CH12" s="160">
        <v>14</v>
      </c>
      <c r="CI12" s="160">
        <v>7</v>
      </c>
      <c r="CJ12" s="160">
        <v>3</v>
      </c>
      <c r="CK12" s="165">
        <v>34</v>
      </c>
      <c r="CL12" s="164">
        <v>34</v>
      </c>
      <c r="CM12" s="159">
        <v>0</v>
      </c>
      <c r="CN12" s="160">
        <v>0</v>
      </c>
      <c r="CO12" s="165">
        <v>0</v>
      </c>
      <c r="CP12" s="162">
        <v>0</v>
      </c>
      <c r="CQ12" s="160">
        <v>1</v>
      </c>
      <c r="CR12" s="160">
        <v>2</v>
      </c>
      <c r="CS12" s="160">
        <v>2</v>
      </c>
      <c r="CT12" s="160">
        <v>0</v>
      </c>
      <c r="CU12" s="160">
        <v>2</v>
      </c>
      <c r="CV12" s="165">
        <v>7</v>
      </c>
      <c r="CW12" s="164">
        <v>7</v>
      </c>
      <c r="CX12" s="159">
        <v>0</v>
      </c>
      <c r="CY12" s="160">
        <v>0</v>
      </c>
      <c r="CZ12" s="165">
        <v>0</v>
      </c>
      <c r="DA12" s="162">
        <v>0</v>
      </c>
      <c r="DB12" s="160">
        <v>0</v>
      </c>
      <c r="DC12" s="160">
        <v>0</v>
      </c>
      <c r="DD12" s="160">
        <v>0</v>
      </c>
      <c r="DE12" s="160">
        <v>0</v>
      </c>
      <c r="DF12" s="160">
        <v>0</v>
      </c>
      <c r="DG12" s="165">
        <v>0</v>
      </c>
      <c r="DH12" s="164">
        <v>0</v>
      </c>
      <c r="DI12" s="159">
        <v>0</v>
      </c>
      <c r="DJ12" s="160">
        <v>0</v>
      </c>
      <c r="DK12" s="165">
        <v>0</v>
      </c>
      <c r="DL12" s="162">
        <v>0</v>
      </c>
      <c r="DM12" s="160">
        <v>0</v>
      </c>
      <c r="DN12" s="160">
        <v>0</v>
      </c>
      <c r="DO12" s="160">
        <v>0</v>
      </c>
      <c r="DP12" s="160">
        <v>0</v>
      </c>
      <c r="DQ12" s="160">
        <v>0</v>
      </c>
      <c r="DR12" s="165">
        <v>0</v>
      </c>
      <c r="DS12" s="164">
        <v>0</v>
      </c>
      <c r="DT12" s="159">
        <v>29</v>
      </c>
      <c r="DU12" s="160">
        <v>28</v>
      </c>
      <c r="DV12" s="165">
        <v>57</v>
      </c>
      <c r="DW12" s="162">
        <v>0</v>
      </c>
      <c r="DX12" s="160">
        <v>84</v>
      </c>
      <c r="DY12" s="160">
        <v>75</v>
      </c>
      <c r="DZ12" s="160">
        <v>71</v>
      </c>
      <c r="EA12" s="160">
        <v>45</v>
      </c>
      <c r="EB12" s="160">
        <v>28</v>
      </c>
      <c r="EC12" s="165">
        <v>303</v>
      </c>
      <c r="ED12" s="164">
        <v>360</v>
      </c>
      <c r="EE12" s="159">
        <v>5</v>
      </c>
      <c r="EF12" s="160">
        <v>3</v>
      </c>
      <c r="EG12" s="165">
        <v>8</v>
      </c>
      <c r="EH12" s="162">
        <v>0</v>
      </c>
      <c r="EI12" s="160">
        <v>24</v>
      </c>
      <c r="EJ12" s="160">
        <v>16</v>
      </c>
      <c r="EK12" s="160">
        <v>13</v>
      </c>
      <c r="EL12" s="160">
        <v>20</v>
      </c>
      <c r="EM12" s="160">
        <v>8</v>
      </c>
      <c r="EN12" s="165">
        <v>81</v>
      </c>
      <c r="EO12" s="164">
        <v>89</v>
      </c>
      <c r="EP12" s="159">
        <v>36</v>
      </c>
      <c r="EQ12" s="160">
        <v>37</v>
      </c>
      <c r="ER12" s="165">
        <v>73</v>
      </c>
      <c r="ES12" s="162">
        <v>0</v>
      </c>
      <c r="ET12" s="160">
        <v>171</v>
      </c>
      <c r="EU12" s="160">
        <v>105</v>
      </c>
      <c r="EV12" s="160">
        <v>83</v>
      </c>
      <c r="EW12" s="160">
        <v>50</v>
      </c>
      <c r="EX12" s="160">
        <v>28</v>
      </c>
      <c r="EY12" s="165">
        <v>437</v>
      </c>
      <c r="EZ12" s="164">
        <v>510</v>
      </c>
    </row>
    <row r="13" spans="2:156" ht="21" customHeight="1" x14ac:dyDescent="0.2">
      <c r="B13" s="166" t="s">
        <v>10</v>
      </c>
      <c r="C13" s="159">
        <v>0</v>
      </c>
      <c r="D13" s="160">
        <v>0</v>
      </c>
      <c r="E13" s="161">
        <v>0</v>
      </c>
      <c r="F13" s="162">
        <v>0</v>
      </c>
      <c r="G13" s="160">
        <v>77</v>
      </c>
      <c r="H13" s="160">
        <v>48</v>
      </c>
      <c r="I13" s="160">
        <v>31</v>
      </c>
      <c r="J13" s="160">
        <v>36</v>
      </c>
      <c r="K13" s="160">
        <v>21</v>
      </c>
      <c r="L13" s="163">
        <v>213</v>
      </c>
      <c r="M13" s="164">
        <v>213</v>
      </c>
      <c r="N13" s="159">
        <v>0</v>
      </c>
      <c r="O13" s="160">
        <v>0</v>
      </c>
      <c r="P13" s="165">
        <v>0</v>
      </c>
      <c r="Q13" s="162">
        <v>0</v>
      </c>
      <c r="R13" s="160">
        <v>0</v>
      </c>
      <c r="S13" s="160">
        <v>1</v>
      </c>
      <c r="T13" s="160">
        <v>2</v>
      </c>
      <c r="U13" s="160">
        <v>6</v>
      </c>
      <c r="V13" s="160">
        <v>13</v>
      </c>
      <c r="W13" s="165">
        <v>22</v>
      </c>
      <c r="X13" s="164">
        <v>22</v>
      </c>
      <c r="Y13" s="159">
        <v>17</v>
      </c>
      <c r="Z13" s="160">
        <v>14</v>
      </c>
      <c r="AA13" s="165">
        <v>31</v>
      </c>
      <c r="AB13" s="162">
        <v>0</v>
      </c>
      <c r="AC13" s="160">
        <v>63</v>
      </c>
      <c r="AD13" s="160">
        <v>33</v>
      </c>
      <c r="AE13" s="160">
        <v>29</v>
      </c>
      <c r="AF13" s="160">
        <v>31</v>
      </c>
      <c r="AG13" s="160">
        <v>13</v>
      </c>
      <c r="AH13" s="165">
        <v>169</v>
      </c>
      <c r="AI13" s="164">
        <v>200</v>
      </c>
      <c r="AJ13" s="159">
        <v>2</v>
      </c>
      <c r="AK13" s="160">
        <v>4</v>
      </c>
      <c r="AL13" s="165">
        <v>6</v>
      </c>
      <c r="AM13" s="162">
        <v>0</v>
      </c>
      <c r="AN13" s="160">
        <v>6</v>
      </c>
      <c r="AO13" s="160">
        <v>5</v>
      </c>
      <c r="AP13" s="160">
        <v>4</v>
      </c>
      <c r="AQ13" s="160">
        <v>8</v>
      </c>
      <c r="AR13" s="160">
        <v>3</v>
      </c>
      <c r="AS13" s="165">
        <v>26</v>
      </c>
      <c r="AT13" s="164">
        <v>32</v>
      </c>
      <c r="AU13" s="159">
        <v>17</v>
      </c>
      <c r="AV13" s="160">
        <v>21</v>
      </c>
      <c r="AW13" s="165">
        <v>38</v>
      </c>
      <c r="AX13" s="162">
        <v>0</v>
      </c>
      <c r="AY13" s="160">
        <v>91</v>
      </c>
      <c r="AZ13" s="160">
        <v>67</v>
      </c>
      <c r="BA13" s="160">
        <v>72</v>
      </c>
      <c r="BB13" s="160">
        <v>77</v>
      </c>
      <c r="BC13" s="160">
        <v>47</v>
      </c>
      <c r="BD13" s="163">
        <v>354</v>
      </c>
      <c r="BE13" s="164">
        <v>392</v>
      </c>
      <c r="BF13" s="159">
        <v>0</v>
      </c>
      <c r="BG13" s="160">
        <v>0</v>
      </c>
      <c r="BH13" s="165">
        <v>0</v>
      </c>
      <c r="BI13" s="162">
        <v>0</v>
      </c>
      <c r="BJ13" s="160">
        <v>126</v>
      </c>
      <c r="BK13" s="160">
        <v>61</v>
      </c>
      <c r="BL13" s="160">
        <v>30</v>
      </c>
      <c r="BM13" s="160">
        <v>24</v>
      </c>
      <c r="BN13" s="160">
        <v>7</v>
      </c>
      <c r="BO13" s="165">
        <v>248</v>
      </c>
      <c r="BP13" s="164">
        <v>248</v>
      </c>
      <c r="BQ13" s="159">
        <v>3</v>
      </c>
      <c r="BR13" s="160">
        <v>5</v>
      </c>
      <c r="BS13" s="165">
        <v>8</v>
      </c>
      <c r="BT13" s="162">
        <v>0</v>
      </c>
      <c r="BU13" s="160">
        <v>29</v>
      </c>
      <c r="BV13" s="160">
        <v>15</v>
      </c>
      <c r="BW13" s="160">
        <v>14</v>
      </c>
      <c r="BX13" s="160">
        <v>2</v>
      </c>
      <c r="BY13" s="160">
        <v>3</v>
      </c>
      <c r="BZ13" s="165">
        <v>63</v>
      </c>
      <c r="CA13" s="164">
        <v>71</v>
      </c>
      <c r="CB13" s="159">
        <v>0</v>
      </c>
      <c r="CC13" s="160">
        <v>4</v>
      </c>
      <c r="CD13" s="165">
        <v>4</v>
      </c>
      <c r="CE13" s="162">
        <v>0</v>
      </c>
      <c r="CF13" s="160">
        <v>19</v>
      </c>
      <c r="CG13" s="160">
        <v>12</v>
      </c>
      <c r="CH13" s="160">
        <v>14</v>
      </c>
      <c r="CI13" s="160">
        <v>10</v>
      </c>
      <c r="CJ13" s="160">
        <v>4</v>
      </c>
      <c r="CK13" s="165">
        <v>59</v>
      </c>
      <c r="CL13" s="164">
        <v>63</v>
      </c>
      <c r="CM13" s="159">
        <v>0</v>
      </c>
      <c r="CN13" s="160">
        <v>0</v>
      </c>
      <c r="CO13" s="165">
        <v>0</v>
      </c>
      <c r="CP13" s="162">
        <v>0</v>
      </c>
      <c r="CQ13" s="160">
        <v>0</v>
      </c>
      <c r="CR13" s="160">
        <v>1</v>
      </c>
      <c r="CS13" s="160">
        <v>4</v>
      </c>
      <c r="CT13" s="160">
        <v>0</v>
      </c>
      <c r="CU13" s="160">
        <v>1</v>
      </c>
      <c r="CV13" s="165">
        <v>6</v>
      </c>
      <c r="CW13" s="164">
        <v>6</v>
      </c>
      <c r="CX13" s="159">
        <v>0</v>
      </c>
      <c r="CY13" s="160">
        <v>0</v>
      </c>
      <c r="CZ13" s="165">
        <v>0</v>
      </c>
      <c r="DA13" s="162">
        <v>0</v>
      </c>
      <c r="DB13" s="160">
        <v>0</v>
      </c>
      <c r="DC13" s="160">
        <v>0</v>
      </c>
      <c r="DD13" s="160">
        <v>0</v>
      </c>
      <c r="DE13" s="160">
        <v>0</v>
      </c>
      <c r="DF13" s="160">
        <v>0</v>
      </c>
      <c r="DG13" s="165">
        <v>0</v>
      </c>
      <c r="DH13" s="164">
        <v>0</v>
      </c>
      <c r="DI13" s="159">
        <v>0</v>
      </c>
      <c r="DJ13" s="160">
        <v>0</v>
      </c>
      <c r="DK13" s="165">
        <v>0</v>
      </c>
      <c r="DL13" s="162">
        <v>0</v>
      </c>
      <c r="DM13" s="160">
        <v>0</v>
      </c>
      <c r="DN13" s="160">
        <v>0</v>
      </c>
      <c r="DO13" s="160">
        <v>0</v>
      </c>
      <c r="DP13" s="160">
        <v>0</v>
      </c>
      <c r="DQ13" s="160">
        <v>0</v>
      </c>
      <c r="DR13" s="165">
        <v>0</v>
      </c>
      <c r="DS13" s="164">
        <v>0</v>
      </c>
      <c r="DT13" s="159">
        <v>71</v>
      </c>
      <c r="DU13" s="160">
        <v>89</v>
      </c>
      <c r="DV13" s="165">
        <v>160</v>
      </c>
      <c r="DW13" s="162">
        <v>0</v>
      </c>
      <c r="DX13" s="160">
        <v>129</v>
      </c>
      <c r="DY13" s="160">
        <v>108</v>
      </c>
      <c r="DZ13" s="160">
        <v>69</v>
      </c>
      <c r="EA13" s="160">
        <v>66</v>
      </c>
      <c r="EB13" s="160">
        <v>36</v>
      </c>
      <c r="EC13" s="165">
        <v>408</v>
      </c>
      <c r="ED13" s="164">
        <v>568</v>
      </c>
      <c r="EE13" s="159">
        <v>10</v>
      </c>
      <c r="EF13" s="160">
        <v>2</v>
      </c>
      <c r="EG13" s="165">
        <v>12</v>
      </c>
      <c r="EH13" s="162">
        <v>0</v>
      </c>
      <c r="EI13" s="160">
        <v>22</v>
      </c>
      <c r="EJ13" s="160">
        <v>20</v>
      </c>
      <c r="EK13" s="160">
        <v>18</v>
      </c>
      <c r="EL13" s="160">
        <v>23</v>
      </c>
      <c r="EM13" s="160">
        <v>10</v>
      </c>
      <c r="EN13" s="165">
        <v>93</v>
      </c>
      <c r="EO13" s="164">
        <v>105</v>
      </c>
      <c r="EP13" s="159">
        <v>91</v>
      </c>
      <c r="EQ13" s="160">
        <v>101</v>
      </c>
      <c r="ER13" s="165">
        <v>192</v>
      </c>
      <c r="ES13" s="162">
        <v>0</v>
      </c>
      <c r="ET13" s="160">
        <v>268</v>
      </c>
      <c r="EU13" s="160">
        <v>137</v>
      </c>
      <c r="EV13" s="160">
        <v>85</v>
      </c>
      <c r="EW13" s="160">
        <v>67</v>
      </c>
      <c r="EX13" s="160">
        <v>38</v>
      </c>
      <c r="EY13" s="165">
        <v>595</v>
      </c>
      <c r="EZ13" s="164">
        <v>787</v>
      </c>
    </row>
    <row r="14" spans="2:156" ht="21" customHeight="1" x14ac:dyDescent="0.2">
      <c r="B14" s="166" t="s">
        <v>11</v>
      </c>
      <c r="C14" s="159">
        <v>0</v>
      </c>
      <c r="D14" s="160">
        <v>0</v>
      </c>
      <c r="E14" s="161">
        <v>0</v>
      </c>
      <c r="F14" s="162">
        <v>0</v>
      </c>
      <c r="G14" s="160">
        <v>23</v>
      </c>
      <c r="H14" s="160">
        <v>12</v>
      </c>
      <c r="I14" s="160">
        <v>12</v>
      </c>
      <c r="J14" s="160">
        <v>17</v>
      </c>
      <c r="K14" s="160">
        <v>11</v>
      </c>
      <c r="L14" s="163">
        <v>75</v>
      </c>
      <c r="M14" s="164">
        <v>75</v>
      </c>
      <c r="N14" s="159">
        <v>0</v>
      </c>
      <c r="O14" s="160">
        <v>0</v>
      </c>
      <c r="P14" s="165">
        <v>0</v>
      </c>
      <c r="Q14" s="162">
        <v>0</v>
      </c>
      <c r="R14" s="160">
        <v>0</v>
      </c>
      <c r="S14" s="160">
        <v>1</v>
      </c>
      <c r="T14" s="160">
        <v>0</v>
      </c>
      <c r="U14" s="160">
        <v>4</v>
      </c>
      <c r="V14" s="160">
        <v>4</v>
      </c>
      <c r="W14" s="165">
        <v>9</v>
      </c>
      <c r="X14" s="164">
        <v>9</v>
      </c>
      <c r="Y14" s="159">
        <v>6</v>
      </c>
      <c r="Z14" s="160">
        <v>3</v>
      </c>
      <c r="AA14" s="165">
        <v>9</v>
      </c>
      <c r="AB14" s="162">
        <v>0</v>
      </c>
      <c r="AC14" s="160">
        <v>15</v>
      </c>
      <c r="AD14" s="160">
        <v>12</v>
      </c>
      <c r="AE14" s="160">
        <v>14</v>
      </c>
      <c r="AF14" s="160">
        <v>18</v>
      </c>
      <c r="AG14" s="160">
        <v>10</v>
      </c>
      <c r="AH14" s="165">
        <v>69</v>
      </c>
      <c r="AI14" s="164">
        <v>78</v>
      </c>
      <c r="AJ14" s="159">
        <v>0</v>
      </c>
      <c r="AK14" s="160">
        <v>2</v>
      </c>
      <c r="AL14" s="165">
        <v>2</v>
      </c>
      <c r="AM14" s="162">
        <v>0</v>
      </c>
      <c r="AN14" s="160">
        <v>1</v>
      </c>
      <c r="AO14" s="160">
        <v>1</v>
      </c>
      <c r="AP14" s="160">
        <v>1</v>
      </c>
      <c r="AQ14" s="160">
        <v>2</v>
      </c>
      <c r="AR14" s="160">
        <v>1</v>
      </c>
      <c r="AS14" s="165">
        <v>6</v>
      </c>
      <c r="AT14" s="164">
        <v>8</v>
      </c>
      <c r="AU14" s="159">
        <v>4</v>
      </c>
      <c r="AV14" s="160">
        <v>3</v>
      </c>
      <c r="AW14" s="165">
        <v>7</v>
      </c>
      <c r="AX14" s="162">
        <v>0</v>
      </c>
      <c r="AY14" s="160">
        <v>22</v>
      </c>
      <c r="AZ14" s="160">
        <v>29</v>
      </c>
      <c r="BA14" s="160">
        <v>22</v>
      </c>
      <c r="BB14" s="160">
        <v>35</v>
      </c>
      <c r="BC14" s="160">
        <v>16</v>
      </c>
      <c r="BD14" s="163">
        <v>124</v>
      </c>
      <c r="BE14" s="164">
        <v>131</v>
      </c>
      <c r="BF14" s="159">
        <v>0</v>
      </c>
      <c r="BG14" s="160">
        <v>0</v>
      </c>
      <c r="BH14" s="165">
        <v>0</v>
      </c>
      <c r="BI14" s="162">
        <v>0</v>
      </c>
      <c r="BJ14" s="160">
        <v>44</v>
      </c>
      <c r="BK14" s="160">
        <v>25</v>
      </c>
      <c r="BL14" s="160">
        <v>14</v>
      </c>
      <c r="BM14" s="160">
        <v>7</v>
      </c>
      <c r="BN14" s="160">
        <v>2</v>
      </c>
      <c r="BO14" s="165">
        <v>92</v>
      </c>
      <c r="BP14" s="164">
        <v>92</v>
      </c>
      <c r="BQ14" s="159">
        <v>10</v>
      </c>
      <c r="BR14" s="160">
        <v>3</v>
      </c>
      <c r="BS14" s="165">
        <v>13</v>
      </c>
      <c r="BT14" s="162">
        <v>0</v>
      </c>
      <c r="BU14" s="160">
        <v>24</v>
      </c>
      <c r="BV14" s="160">
        <v>10</v>
      </c>
      <c r="BW14" s="160">
        <v>5</v>
      </c>
      <c r="BX14" s="160">
        <v>12</v>
      </c>
      <c r="BY14" s="160">
        <v>1</v>
      </c>
      <c r="BZ14" s="165">
        <v>52</v>
      </c>
      <c r="CA14" s="164">
        <v>65</v>
      </c>
      <c r="CB14" s="159">
        <v>0</v>
      </c>
      <c r="CC14" s="160">
        <v>0</v>
      </c>
      <c r="CD14" s="165">
        <v>0</v>
      </c>
      <c r="CE14" s="162">
        <v>0</v>
      </c>
      <c r="CF14" s="160">
        <v>7</v>
      </c>
      <c r="CG14" s="160">
        <v>5</v>
      </c>
      <c r="CH14" s="160">
        <v>5</v>
      </c>
      <c r="CI14" s="160">
        <v>3</v>
      </c>
      <c r="CJ14" s="160">
        <v>0</v>
      </c>
      <c r="CK14" s="165">
        <v>20</v>
      </c>
      <c r="CL14" s="164">
        <v>20</v>
      </c>
      <c r="CM14" s="159">
        <v>0</v>
      </c>
      <c r="CN14" s="160">
        <v>0</v>
      </c>
      <c r="CO14" s="165">
        <v>0</v>
      </c>
      <c r="CP14" s="162">
        <v>0</v>
      </c>
      <c r="CQ14" s="160">
        <v>1</v>
      </c>
      <c r="CR14" s="160">
        <v>0</v>
      </c>
      <c r="CS14" s="160">
        <v>0</v>
      </c>
      <c r="CT14" s="160">
        <v>1</v>
      </c>
      <c r="CU14" s="160">
        <v>0</v>
      </c>
      <c r="CV14" s="165">
        <v>2</v>
      </c>
      <c r="CW14" s="164">
        <v>2</v>
      </c>
      <c r="CX14" s="159">
        <v>0</v>
      </c>
      <c r="CY14" s="160">
        <v>0</v>
      </c>
      <c r="CZ14" s="165">
        <v>0</v>
      </c>
      <c r="DA14" s="162">
        <v>0</v>
      </c>
      <c r="DB14" s="160">
        <v>0</v>
      </c>
      <c r="DC14" s="160">
        <v>0</v>
      </c>
      <c r="DD14" s="160">
        <v>0</v>
      </c>
      <c r="DE14" s="160">
        <v>0</v>
      </c>
      <c r="DF14" s="160">
        <v>0</v>
      </c>
      <c r="DG14" s="165">
        <v>0</v>
      </c>
      <c r="DH14" s="164">
        <v>0</v>
      </c>
      <c r="DI14" s="159">
        <v>0</v>
      </c>
      <c r="DJ14" s="160">
        <v>0</v>
      </c>
      <c r="DK14" s="165">
        <v>0</v>
      </c>
      <c r="DL14" s="162">
        <v>0</v>
      </c>
      <c r="DM14" s="160">
        <v>0</v>
      </c>
      <c r="DN14" s="160">
        <v>0</v>
      </c>
      <c r="DO14" s="160">
        <v>0</v>
      </c>
      <c r="DP14" s="160">
        <v>0</v>
      </c>
      <c r="DQ14" s="160">
        <v>0</v>
      </c>
      <c r="DR14" s="165">
        <v>0</v>
      </c>
      <c r="DS14" s="164">
        <v>0</v>
      </c>
      <c r="DT14" s="159">
        <v>18</v>
      </c>
      <c r="DU14" s="160">
        <v>22</v>
      </c>
      <c r="DV14" s="165">
        <v>40</v>
      </c>
      <c r="DW14" s="162">
        <v>0</v>
      </c>
      <c r="DX14" s="160">
        <v>55</v>
      </c>
      <c r="DY14" s="160">
        <v>49</v>
      </c>
      <c r="DZ14" s="160">
        <v>32</v>
      </c>
      <c r="EA14" s="160">
        <v>31</v>
      </c>
      <c r="EB14" s="160">
        <v>16</v>
      </c>
      <c r="EC14" s="165">
        <v>183</v>
      </c>
      <c r="ED14" s="164">
        <v>223</v>
      </c>
      <c r="EE14" s="159">
        <v>6</v>
      </c>
      <c r="EF14" s="160">
        <v>1</v>
      </c>
      <c r="EG14" s="165">
        <v>7</v>
      </c>
      <c r="EH14" s="162">
        <v>0</v>
      </c>
      <c r="EI14" s="160">
        <v>16</v>
      </c>
      <c r="EJ14" s="160">
        <v>12</v>
      </c>
      <c r="EK14" s="160">
        <v>7</v>
      </c>
      <c r="EL14" s="160">
        <v>20</v>
      </c>
      <c r="EM14" s="160">
        <v>5</v>
      </c>
      <c r="EN14" s="165">
        <v>60</v>
      </c>
      <c r="EO14" s="164">
        <v>67</v>
      </c>
      <c r="EP14" s="159">
        <v>29</v>
      </c>
      <c r="EQ14" s="160">
        <v>25</v>
      </c>
      <c r="ER14" s="165">
        <v>54</v>
      </c>
      <c r="ES14" s="162">
        <v>0</v>
      </c>
      <c r="ET14" s="160">
        <v>109</v>
      </c>
      <c r="EU14" s="160">
        <v>63</v>
      </c>
      <c r="EV14" s="160">
        <v>39</v>
      </c>
      <c r="EW14" s="160">
        <v>33</v>
      </c>
      <c r="EX14" s="160">
        <v>16</v>
      </c>
      <c r="EY14" s="165">
        <v>260</v>
      </c>
      <c r="EZ14" s="164">
        <v>314</v>
      </c>
    </row>
    <row r="15" spans="2:156" ht="21" customHeight="1" x14ac:dyDescent="0.2">
      <c r="B15" s="166" t="s">
        <v>12</v>
      </c>
      <c r="C15" s="159">
        <v>0</v>
      </c>
      <c r="D15" s="160">
        <v>0</v>
      </c>
      <c r="E15" s="161">
        <v>0</v>
      </c>
      <c r="F15" s="162">
        <v>0</v>
      </c>
      <c r="G15" s="160">
        <v>31</v>
      </c>
      <c r="H15" s="160">
        <v>38</v>
      </c>
      <c r="I15" s="160">
        <v>16</v>
      </c>
      <c r="J15" s="160">
        <v>24</v>
      </c>
      <c r="K15" s="160">
        <v>8</v>
      </c>
      <c r="L15" s="163">
        <v>117</v>
      </c>
      <c r="M15" s="164">
        <v>117</v>
      </c>
      <c r="N15" s="159">
        <v>0</v>
      </c>
      <c r="O15" s="160">
        <v>0</v>
      </c>
      <c r="P15" s="165">
        <v>0</v>
      </c>
      <c r="Q15" s="162">
        <v>0</v>
      </c>
      <c r="R15" s="160">
        <v>0</v>
      </c>
      <c r="S15" s="160">
        <v>0</v>
      </c>
      <c r="T15" s="160">
        <v>2</v>
      </c>
      <c r="U15" s="160">
        <v>3</v>
      </c>
      <c r="V15" s="160">
        <v>3</v>
      </c>
      <c r="W15" s="165">
        <v>8</v>
      </c>
      <c r="X15" s="164">
        <v>8</v>
      </c>
      <c r="Y15" s="159">
        <v>10</v>
      </c>
      <c r="Z15" s="160">
        <v>23</v>
      </c>
      <c r="AA15" s="165">
        <v>33</v>
      </c>
      <c r="AB15" s="162">
        <v>0</v>
      </c>
      <c r="AC15" s="160">
        <v>20</v>
      </c>
      <c r="AD15" s="160">
        <v>44</v>
      </c>
      <c r="AE15" s="160">
        <v>21</v>
      </c>
      <c r="AF15" s="160">
        <v>16</v>
      </c>
      <c r="AG15" s="160">
        <v>7</v>
      </c>
      <c r="AH15" s="165">
        <v>108</v>
      </c>
      <c r="AI15" s="164">
        <v>141</v>
      </c>
      <c r="AJ15" s="159">
        <v>0</v>
      </c>
      <c r="AK15" s="160">
        <v>2</v>
      </c>
      <c r="AL15" s="165">
        <v>2</v>
      </c>
      <c r="AM15" s="162">
        <v>0</v>
      </c>
      <c r="AN15" s="160">
        <v>2</v>
      </c>
      <c r="AO15" s="160">
        <v>2</v>
      </c>
      <c r="AP15" s="160">
        <v>2</v>
      </c>
      <c r="AQ15" s="160">
        <v>3</v>
      </c>
      <c r="AR15" s="160">
        <v>1</v>
      </c>
      <c r="AS15" s="165">
        <v>10</v>
      </c>
      <c r="AT15" s="164">
        <v>12</v>
      </c>
      <c r="AU15" s="159">
        <v>5</v>
      </c>
      <c r="AV15" s="160">
        <v>12</v>
      </c>
      <c r="AW15" s="165">
        <v>17</v>
      </c>
      <c r="AX15" s="162">
        <v>0</v>
      </c>
      <c r="AY15" s="160">
        <v>21</v>
      </c>
      <c r="AZ15" s="160">
        <v>35</v>
      </c>
      <c r="BA15" s="160">
        <v>31</v>
      </c>
      <c r="BB15" s="160">
        <v>40</v>
      </c>
      <c r="BC15" s="160">
        <v>18</v>
      </c>
      <c r="BD15" s="163">
        <v>145</v>
      </c>
      <c r="BE15" s="164">
        <v>162</v>
      </c>
      <c r="BF15" s="159">
        <v>0</v>
      </c>
      <c r="BG15" s="160">
        <v>0</v>
      </c>
      <c r="BH15" s="165">
        <v>0</v>
      </c>
      <c r="BI15" s="162">
        <v>0</v>
      </c>
      <c r="BJ15" s="160">
        <v>59</v>
      </c>
      <c r="BK15" s="160">
        <v>36</v>
      </c>
      <c r="BL15" s="160">
        <v>21</v>
      </c>
      <c r="BM15" s="160">
        <v>12</v>
      </c>
      <c r="BN15" s="160">
        <v>1</v>
      </c>
      <c r="BO15" s="165">
        <v>129</v>
      </c>
      <c r="BP15" s="164">
        <v>129</v>
      </c>
      <c r="BQ15" s="159">
        <v>8</v>
      </c>
      <c r="BR15" s="160">
        <v>16</v>
      </c>
      <c r="BS15" s="165">
        <v>24</v>
      </c>
      <c r="BT15" s="162">
        <v>0</v>
      </c>
      <c r="BU15" s="160">
        <v>6</v>
      </c>
      <c r="BV15" s="160">
        <v>16</v>
      </c>
      <c r="BW15" s="160">
        <v>13</v>
      </c>
      <c r="BX15" s="160">
        <v>8</v>
      </c>
      <c r="BY15" s="160">
        <v>2</v>
      </c>
      <c r="BZ15" s="165">
        <v>45</v>
      </c>
      <c r="CA15" s="164">
        <v>69</v>
      </c>
      <c r="CB15" s="159">
        <v>0</v>
      </c>
      <c r="CC15" s="160">
        <v>1</v>
      </c>
      <c r="CD15" s="165">
        <v>1</v>
      </c>
      <c r="CE15" s="162">
        <v>0</v>
      </c>
      <c r="CF15" s="160">
        <v>6</v>
      </c>
      <c r="CG15" s="160">
        <v>8</v>
      </c>
      <c r="CH15" s="160">
        <v>5</v>
      </c>
      <c r="CI15" s="160">
        <v>13</v>
      </c>
      <c r="CJ15" s="160">
        <v>4</v>
      </c>
      <c r="CK15" s="165">
        <v>36</v>
      </c>
      <c r="CL15" s="164">
        <v>37</v>
      </c>
      <c r="CM15" s="159">
        <v>0</v>
      </c>
      <c r="CN15" s="160">
        <v>0</v>
      </c>
      <c r="CO15" s="165">
        <v>0</v>
      </c>
      <c r="CP15" s="162">
        <v>0</v>
      </c>
      <c r="CQ15" s="160">
        <v>0</v>
      </c>
      <c r="CR15" s="160">
        <v>1</v>
      </c>
      <c r="CS15" s="160">
        <v>0</v>
      </c>
      <c r="CT15" s="160">
        <v>1</v>
      </c>
      <c r="CU15" s="160">
        <v>0</v>
      </c>
      <c r="CV15" s="165">
        <v>2</v>
      </c>
      <c r="CW15" s="164">
        <v>2</v>
      </c>
      <c r="CX15" s="159">
        <v>0</v>
      </c>
      <c r="CY15" s="160">
        <v>0</v>
      </c>
      <c r="CZ15" s="165">
        <v>0</v>
      </c>
      <c r="DA15" s="162">
        <v>0</v>
      </c>
      <c r="DB15" s="160">
        <v>0</v>
      </c>
      <c r="DC15" s="160">
        <v>0</v>
      </c>
      <c r="DD15" s="160">
        <v>0</v>
      </c>
      <c r="DE15" s="160">
        <v>0</v>
      </c>
      <c r="DF15" s="160">
        <v>0</v>
      </c>
      <c r="DG15" s="165">
        <v>0</v>
      </c>
      <c r="DH15" s="164">
        <v>0</v>
      </c>
      <c r="DI15" s="159">
        <v>0</v>
      </c>
      <c r="DJ15" s="160">
        <v>0</v>
      </c>
      <c r="DK15" s="165">
        <v>0</v>
      </c>
      <c r="DL15" s="162">
        <v>0</v>
      </c>
      <c r="DM15" s="160">
        <v>0</v>
      </c>
      <c r="DN15" s="160">
        <v>0</v>
      </c>
      <c r="DO15" s="160">
        <v>0</v>
      </c>
      <c r="DP15" s="160">
        <v>0</v>
      </c>
      <c r="DQ15" s="160">
        <v>0</v>
      </c>
      <c r="DR15" s="165">
        <v>0</v>
      </c>
      <c r="DS15" s="164">
        <v>0</v>
      </c>
      <c r="DT15" s="159">
        <v>26</v>
      </c>
      <c r="DU15" s="160">
        <v>53</v>
      </c>
      <c r="DV15" s="165">
        <v>79</v>
      </c>
      <c r="DW15" s="162">
        <v>0</v>
      </c>
      <c r="DX15" s="160">
        <v>29</v>
      </c>
      <c r="DY15" s="160">
        <v>78</v>
      </c>
      <c r="DZ15" s="160">
        <v>56</v>
      </c>
      <c r="EA15" s="160">
        <v>41</v>
      </c>
      <c r="EB15" s="160">
        <v>18</v>
      </c>
      <c r="EC15" s="165">
        <v>222</v>
      </c>
      <c r="ED15" s="164">
        <v>301</v>
      </c>
      <c r="EE15" s="159">
        <v>2</v>
      </c>
      <c r="EF15" s="160">
        <v>6</v>
      </c>
      <c r="EG15" s="165">
        <v>8</v>
      </c>
      <c r="EH15" s="162">
        <v>0</v>
      </c>
      <c r="EI15" s="160">
        <v>12</v>
      </c>
      <c r="EJ15" s="160">
        <v>15</v>
      </c>
      <c r="EK15" s="160">
        <v>12</v>
      </c>
      <c r="EL15" s="160">
        <v>12</v>
      </c>
      <c r="EM15" s="160">
        <v>4</v>
      </c>
      <c r="EN15" s="165">
        <v>55</v>
      </c>
      <c r="EO15" s="164">
        <v>63</v>
      </c>
      <c r="EP15" s="159">
        <v>44</v>
      </c>
      <c r="EQ15" s="160">
        <v>79</v>
      </c>
      <c r="ER15" s="165">
        <v>123</v>
      </c>
      <c r="ES15" s="162">
        <v>0</v>
      </c>
      <c r="ET15" s="160">
        <v>112</v>
      </c>
      <c r="EU15" s="160">
        <v>109</v>
      </c>
      <c r="EV15" s="160">
        <v>62</v>
      </c>
      <c r="EW15" s="160">
        <v>47</v>
      </c>
      <c r="EX15" s="160">
        <v>15</v>
      </c>
      <c r="EY15" s="165">
        <v>345</v>
      </c>
      <c r="EZ15" s="164">
        <v>468</v>
      </c>
    </row>
    <row r="16" spans="2:156" ht="21" customHeight="1" x14ac:dyDescent="0.2">
      <c r="B16" s="166" t="s">
        <v>13</v>
      </c>
      <c r="C16" s="159">
        <v>0</v>
      </c>
      <c r="D16" s="160">
        <v>0</v>
      </c>
      <c r="E16" s="161">
        <v>0</v>
      </c>
      <c r="F16" s="162">
        <v>0</v>
      </c>
      <c r="G16" s="160">
        <v>18</v>
      </c>
      <c r="H16" s="160">
        <v>21</v>
      </c>
      <c r="I16" s="160">
        <v>15</v>
      </c>
      <c r="J16" s="160">
        <v>9</v>
      </c>
      <c r="K16" s="160">
        <v>12</v>
      </c>
      <c r="L16" s="163">
        <v>75</v>
      </c>
      <c r="M16" s="164">
        <v>75</v>
      </c>
      <c r="N16" s="159">
        <v>0</v>
      </c>
      <c r="O16" s="160">
        <v>0</v>
      </c>
      <c r="P16" s="165">
        <v>0</v>
      </c>
      <c r="Q16" s="162">
        <v>0</v>
      </c>
      <c r="R16" s="160">
        <v>0</v>
      </c>
      <c r="S16" s="160">
        <v>0</v>
      </c>
      <c r="T16" s="160">
        <v>1</v>
      </c>
      <c r="U16" s="160">
        <v>1</v>
      </c>
      <c r="V16" s="160">
        <v>5</v>
      </c>
      <c r="W16" s="165">
        <v>7</v>
      </c>
      <c r="X16" s="164">
        <v>7</v>
      </c>
      <c r="Y16" s="159">
        <v>0</v>
      </c>
      <c r="Z16" s="160">
        <v>1</v>
      </c>
      <c r="AA16" s="165">
        <v>1</v>
      </c>
      <c r="AB16" s="162">
        <v>0</v>
      </c>
      <c r="AC16" s="160">
        <v>12</v>
      </c>
      <c r="AD16" s="160">
        <v>23</v>
      </c>
      <c r="AE16" s="160">
        <v>9</v>
      </c>
      <c r="AF16" s="160">
        <v>7</v>
      </c>
      <c r="AG16" s="160">
        <v>11</v>
      </c>
      <c r="AH16" s="165">
        <v>62</v>
      </c>
      <c r="AI16" s="164">
        <v>63</v>
      </c>
      <c r="AJ16" s="159">
        <v>1</v>
      </c>
      <c r="AK16" s="160">
        <v>0</v>
      </c>
      <c r="AL16" s="165">
        <v>1</v>
      </c>
      <c r="AM16" s="162">
        <v>0</v>
      </c>
      <c r="AN16" s="160">
        <v>2</v>
      </c>
      <c r="AO16" s="160">
        <v>1</v>
      </c>
      <c r="AP16" s="160">
        <v>2</v>
      </c>
      <c r="AQ16" s="160">
        <v>0</v>
      </c>
      <c r="AR16" s="160">
        <v>1</v>
      </c>
      <c r="AS16" s="165">
        <v>6</v>
      </c>
      <c r="AT16" s="164">
        <v>7</v>
      </c>
      <c r="AU16" s="159">
        <v>1</v>
      </c>
      <c r="AV16" s="160">
        <v>1</v>
      </c>
      <c r="AW16" s="165">
        <v>2</v>
      </c>
      <c r="AX16" s="162">
        <v>0</v>
      </c>
      <c r="AY16" s="160">
        <v>16</v>
      </c>
      <c r="AZ16" s="160">
        <v>23</v>
      </c>
      <c r="BA16" s="160">
        <v>27</v>
      </c>
      <c r="BB16" s="160">
        <v>14</v>
      </c>
      <c r="BC16" s="160">
        <v>16</v>
      </c>
      <c r="BD16" s="163">
        <v>96</v>
      </c>
      <c r="BE16" s="164">
        <v>98</v>
      </c>
      <c r="BF16" s="159">
        <v>0</v>
      </c>
      <c r="BG16" s="160">
        <v>0</v>
      </c>
      <c r="BH16" s="165">
        <v>0</v>
      </c>
      <c r="BI16" s="162">
        <v>0</v>
      </c>
      <c r="BJ16" s="160">
        <v>19</v>
      </c>
      <c r="BK16" s="160">
        <v>11</v>
      </c>
      <c r="BL16" s="160">
        <v>9</v>
      </c>
      <c r="BM16" s="160">
        <v>5</v>
      </c>
      <c r="BN16" s="160">
        <v>4</v>
      </c>
      <c r="BO16" s="165">
        <v>48</v>
      </c>
      <c r="BP16" s="164">
        <v>48</v>
      </c>
      <c r="BQ16" s="159">
        <v>0</v>
      </c>
      <c r="BR16" s="160">
        <v>1</v>
      </c>
      <c r="BS16" s="165">
        <v>1</v>
      </c>
      <c r="BT16" s="162">
        <v>0</v>
      </c>
      <c r="BU16" s="160">
        <v>5</v>
      </c>
      <c r="BV16" s="160">
        <v>1</v>
      </c>
      <c r="BW16" s="160">
        <v>3</v>
      </c>
      <c r="BX16" s="160">
        <v>1</v>
      </c>
      <c r="BY16" s="160">
        <v>2</v>
      </c>
      <c r="BZ16" s="165">
        <v>12</v>
      </c>
      <c r="CA16" s="164">
        <v>13</v>
      </c>
      <c r="CB16" s="159">
        <v>0</v>
      </c>
      <c r="CC16" s="160">
        <v>0</v>
      </c>
      <c r="CD16" s="165">
        <v>0</v>
      </c>
      <c r="CE16" s="162">
        <v>0</v>
      </c>
      <c r="CF16" s="160">
        <v>4</v>
      </c>
      <c r="CG16" s="160">
        <v>2</v>
      </c>
      <c r="CH16" s="160">
        <v>3</v>
      </c>
      <c r="CI16" s="160">
        <v>1</v>
      </c>
      <c r="CJ16" s="160">
        <v>2</v>
      </c>
      <c r="CK16" s="165">
        <v>12</v>
      </c>
      <c r="CL16" s="164">
        <v>12</v>
      </c>
      <c r="CM16" s="159">
        <v>0</v>
      </c>
      <c r="CN16" s="160">
        <v>0</v>
      </c>
      <c r="CO16" s="165">
        <v>0</v>
      </c>
      <c r="CP16" s="162">
        <v>0</v>
      </c>
      <c r="CQ16" s="160">
        <v>0</v>
      </c>
      <c r="CR16" s="160">
        <v>0</v>
      </c>
      <c r="CS16" s="160">
        <v>0</v>
      </c>
      <c r="CT16" s="160">
        <v>1</v>
      </c>
      <c r="CU16" s="160">
        <v>0</v>
      </c>
      <c r="CV16" s="165">
        <v>1</v>
      </c>
      <c r="CW16" s="164">
        <v>1</v>
      </c>
      <c r="CX16" s="159">
        <v>0</v>
      </c>
      <c r="CY16" s="160">
        <v>0</v>
      </c>
      <c r="CZ16" s="165">
        <v>0</v>
      </c>
      <c r="DA16" s="162">
        <v>0</v>
      </c>
      <c r="DB16" s="160">
        <v>0</v>
      </c>
      <c r="DC16" s="160">
        <v>0</v>
      </c>
      <c r="DD16" s="160">
        <v>0</v>
      </c>
      <c r="DE16" s="160">
        <v>0</v>
      </c>
      <c r="DF16" s="160">
        <v>0</v>
      </c>
      <c r="DG16" s="165">
        <v>0</v>
      </c>
      <c r="DH16" s="164">
        <v>0</v>
      </c>
      <c r="DI16" s="159">
        <v>0</v>
      </c>
      <c r="DJ16" s="160">
        <v>0</v>
      </c>
      <c r="DK16" s="165">
        <v>0</v>
      </c>
      <c r="DL16" s="162">
        <v>0</v>
      </c>
      <c r="DM16" s="160">
        <v>0</v>
      </c>
      <c r="DN16" s="160">
        <v>0</v>
      </c>
      <c r="DO16" s="160">
        <v>0</v>
      </c>
      <c r="DP16" s="160">
        <v>0</v>
      </c>
      <c r="DQ16" s="160">
        <v>0</v>
      </c>
      <c r="DR16" s="165">
        <v>0</v>
      </c>
      <c r="DS16" s="164">
        <v>0</v>
      </c>
      <c r="DT16" s="159">
        <v>3</v>
      </c>
      <c r="DU16" s="160">
        <v>7</v>
      </c>
      <c r="DV16" s="165">
        <v>10</v>
      </c>
      <c r="DW16" s="162">
        <v>0</v>
      </c>
      <c r="DX16" s="160">
        <v>26</v>
      </c>
      <c r="DY16" s="160">
        <v>43</v>
      </c>
      <c r="DZ16" s="160">
        <v>21</v>
      </c>
      <c r="EA16" s="160">
        <v>12</v>
      </c>
      <c r="EB16" s="160">
        <v>12</v>
      </c>
      <c r="EC16" s="165">
        <v>114</v>
      </c>
      <c r="ED16" s="164">
        <v>124</v>
      </c>
      <c r="EE16" s="159">
        <v>0</v>
      </c>
      <c r="EF16" s="160">
        <v>1</v>
      </c>
      <c r="EG16" s="165">
        <v>1</v>
      </c>
      <c r="EH16" s="162">
        <v>0</v>
      </c>
      <c r="EI16" s="160">
        <v>8</v>
      </c>
      <c r="EJ16" s="160">
        <v>10</v>
      </c>
      <c r="EK16" s="160">
        <v>11</v>
      </c>
      <c r="EL16" s="160">
        <v>5</v>
      </c>
      <c r="EM16" s="160">
        <v>3</v>
      </c>
      <c r="EN16" s="165">
        <v>37</v>
      </c>
      <c r="EO16" s="164">
        <v>38</v>
      </c>
      <c r="EP16" s="159">
        <v>4</v>
      </c>
      <c r="EQ16" s="160">
        <v>6</v>
      </c>
      <c r="ER16" s="165">
        <v>10</v>
      </c>
      <c r="ES16" s="162">
        <v>0</v>
      </c>
      <c r="ET16" s="160">
        <v>58</v>
      </c>
      <c r="EU16" s="160">
        <v>60</v>
      </c>
      <c r="EV16" s="160">
        <v>34</v>
      </c>
      <c r="EW16" s="160">
        <v>14</v>
      </c>
      <c r="EX16" s="160">
        <v>14</v>
      </c>
      <c r="EY16" s="165">
        <v>180</v>
      </c>
      <c r="EZ16" s="164">
        <v>190</v>
      </c>
    </row>
    <row r="17" spans="2:156" ht="21" customHeight="1" x14ac:dyDescent="0.2">
      <c r="B17" s="166" t="s">
        <v>15</v>
      </c>
      <c r="C17" s="159">
        <v>0</v>
      </c>
      <c r="D17" s="160">
        <v>0</v>
      </c>
      <c r="E17" s="161">
        <v>0</v>
      </c>
      <c r="F17" s="162">
        <v>0</v>
      </c>
      <c r="G17" s="160">
        <v>3</v>
      </c>
      <c r="H17" s="160">
        <v>5</v>
      </c>
      <c r="I17" s="160">
        <v>1</v>
      </c>
      <c r="J17" s="160">
        <v>4</v>
      </c>
      <c r="K17" s="160">
        <v>3</v>
      </c>
      <c r="L17" s="163">
        <v>16</v>
      </c>
      <c r="M17" s="164">
        <v>16</v>
      </c>
      <c r="N17" s="159">
        <v>0</v>
      </c>
      <c r="O17" s="160">
        <v>0</v>
      </c>
      <c r="P17" s="165">
        <v>0</v>
      </c>
      <c r="Q17" s="162">
        <v>0</v>
      </c>
      <c r="R17" s="160">
        <v>0</v>
      </c>
      <c r="S17" s="160">
        <v>0</v>
      </c>
      <c r="T17" s="160">
        <v>1</v>
      </c>
      <c r="U17" s="160">
        <v>2</v>
      </c>
      <c r="V17" s="160">
        <v>0</v>
      </c>
      <c r="W17" s="165">
        <v>3</v>
      </c>
      <c r="X17" s="164">
        <v>3</v>
      </c>
      <c r="Y17" s="159">
        <v>0</v>
      </c>
      <c r="Z17" s="160">
        <v>2</v>
      </c>
      <c r="AA17" s="165">
        <v>2</v>
      </c>
      <c r="AB17" s="162">
        <v>0</v>
      </c>
      <c r="AC17" s="160">
        <v>5</v>
      </c>
      <c r="AD17" s="160">
        <v>6</v>
      </c>
      <c r="AE17" s="160">
        <v>4</v>
      </c>
      <c r="AF17" s="160">
        <v>5</v>
      </c>
      <c r="AG17" s="160">
        <v>0</v>
      </c>
      <c r="AH17" s="165">
        <v>20</v>
      </c>
      <c r="AI17" s="164">
        <v>22</v>
      </c>
      <c r="AJ17" s="159">
        <v>0</v>
      </c>
      <c r="AK17" s="160">
        <v>0</v>
      </c>
      <c r="AL17" s="165">
        <v>0</v>
      </c>
      <c r="AM17" s="162">
        <v>0</v>
      </c>
      <c r="AN17" s="160">
        <v>2</v>
      </c>
      <c r="AO17" s="160">
        <v>2</v>
      </c>
      <c r="AP17" s="160">
        <v>0</v>
      </c>
      <c r="AQ17" s="160">
        <v>0</v>
      </c>
      <c r="AR17" s="160">
        <v>0</v>
      </c>
      <c r="AS17" s="165">
        <v>4</v>
      </c>
      <c r="AT17" s="164">
        <v>4</v>
      </c>
      <c r="AU17" s="159">
        <v>0</v>
      </c>
      <c r="AV17" s="160">
        <v>1</v>
      </c>
      <c r="AW17" s="165">
        <v>1</v>
      </c>
      <c r="AX17" s="162">
        <v>0</v>
      </c>
      <c r="AY17" s="160">
        <v>12</v>
      </c>
      <c r="AZ17" s="160">
        <v>4</v>
      </c>
      <c r="BA17" s="160">
        <v>6</v>
      </c>
      <c r="BB17" s="160">
        <v>6</v>
      </c>
      <c r="BC17" s="160">
        <v>5</v>
      </c>
      <c r="BD17" s="163">
        <v>33</v>
      </c>
      <c r="BE17" s="164">
        <v>34</v>
      </c>
      <c r="BF17" s="159">
        <v>0</v>
      </c>
      <c r="BG17" s="160">
        <v>0</v>
      </c>
      <c r="BH17" s="165">
        <v>0</v>
      </c>
      <c r="BI17" s="162">
        <v>0</v>
      </c>
      <c r="BJ17" s="160">
        <v>4</v>
      </c>
      <c r="BK17" s="160">
        <v>3</v>
      </c>
      <c r="BL17" s="160">
        <v>1</v>
      </c>
      <c r="BM17" s="160">
        <v>2</v>
      </c>
      <c r="BN17" s="160">
        <v>0</v>
      </c>
      <c r="BO17" s="165">
        <v>10</v>
      </c>
      <c r="BP17" s="164">
        <v>10</v>
      </c>
      <c r="BQ17" s="159">
        <v>1</v>
      </c>
      <c r="BR17" s="160">
        <v>0</v>
      </c>
      <c r="BS17" s="165">
        <v>1</v>
      </c>
      <c r="BT17" s="162">
        <v>0</v>
      </c>
      <c r="BU17" s="160">
        <v>1</v>
      </c>
      <c r="BV17" s="160">
        <v>0</v>
      </c>
      <c r="BW17" s="160">
        <v>5</v>
      </c>
      <c r="BX17" s="160">
        <v>1</v>
      </c>
      <c r="BY17" s="160">
        <v>0</v>
      </c>
      <c r="BZ17" s="165">
        <v>7</v>
      </c>
      <c r="CA17" s="164">
        <v>8</v>
      </c>
      <c r="CB17" s="159">
        <v>0</v>
      </c>
      <c r="CC17" s="160">
        <v>0</v>
      </c>
      <c r="CD17" s="165">
        <v>0</v>
      </c>
      <c r="CE17" s="162">
        <v>0</v>
      </c>
      <c r="CF17" s="160">
        <v>0</v>
      </c>
      <c r="CG17" s="160">
        <v>1</v>
      </c>
      <c r="CH17" s="160">
        <v>0</v>
      </c>
      <c r="CI17" s="160">
        <v>0</v>
      </c>
      <c r="CJ17" s="160">
        <v>0</v>
      </c>
      <c r="CK17" s="165">
        <v>1</v>
      </c>
      <c r="CL17" s="164">
        <v>1</v>
      </c>
      <c r="CM17" s="159">
        <v>0</v>
      </c>
      <c r="CN17" s="160">
        <v>0</v>
      </c>
      <c r="CO17" s="165">
        <v>0</v>
      </c>
      <c r="CP17" s="162">
        <v>0</v>
      </c>
      <c r="CQ17" s="160">
        <v>0</v>
      </c>
      <c r="CR17" s="160">
        <v>0</v>
      </c>
      <c r="CS17" s="160">
        <v>0</v>
      </c>
      <c r="CT17" s="160">
        <v>0</v>
      </c>
      <c r="CU17" s="160">
        <v>0</v>
      </c>
      <c r="CV17" s="165">
        <v>0</v>
      </c>
      <c r="CW17" s="164">
        <v>0</v>
      </c>
      <c r="CX17" s="159">
        <v>0</v>
      </c>
      <c r="CY17" s="160">
        <v>0</v>
      </c>
      <c r="CZ17" s="165">
        <v>0</v>
      </c>
      <c r="DA17" s="162">
        <v>0</v>
      </c>
      <c r="DB17" s="160">
        <v>0</v>
      </c>
      <c r="DC17" s="160">
        <v>0</v>
      </c>
      <c r="DD17" s="160">
        <v>0</v>
      </c>
      <c r="DE17" s="160">
        <v>0</v>
      </c>
      <c r="DF17" s="160">
        <v>0</v>
      </c>
      <c r="DG17" s="165">
        <v>0</v>
      </c>
      <c r="DH17" s="164">
        <v>0</v>
      </c>
      <c r="DI17" s="159">
        <v>0</v>
      </c>
      <c r="DJ17" s="160">
        <v>0</v>
      </c>
      <c r="DK17" s="165">
        <v>0</v>
      </c>
      <c r="DL17" s="162">
        <v>0</v>
      </c>
      <c r="DM17" s="160">
        <v>0</v>
      </c>
      <c r="DN17" s="160">
        <v>0</v>
      </c>
      <c r="DO17" s="160">
        <v>0</v>
      </c>
      <c r="DP17" s="160">
        <v>0</v>
      </c>
      <c r="DQ17" s="160">
        <v>0</v>
      </c>
      <c r="DR17" s="165">
        <v>0</v>
      </c>
      <c r="DS17" s="164">
        <v>0</v>
      </c>
      <c r="DT17" s="159">
        <v>3</v>
      </c>
      <c r="DU17" s="160">
        <v>5</v>
      </c>
      <c r="DV17" s="165">
        <v>8</v>
      </c>
      <c r="DW17" s="162">
        <v>0</v>
      </c>
      <c r="DX17" s="160">
        <v>8</v>
      </c>
      <c r="DY17" s="160">
        <v>13</v>
      </c>
      <c r="DZ17" s="160">
        <v>13</v>
      </c>
      <c r="EA17" s="160">
        <v>10</v>
      </c>
      <c r="EB17" s="160">
        <v>4</v>
      </c>
      <c r="EC17" s="165">
        <v>48</v>
      </c>
      <c r="ED17" s="164">
        <v>56</v>
      </c>
      <c r="EE17" s="159">
        <v>2</v>
      </c>
      <c r="EF17" s="160">
        <v>3</v>
      </c>
      <c r="EG17" s="165">
        <v>5</v>
      </c>
      <c r="EH17" s="162">
        <v>0</v>
      </c>
      <c r="EI17" s="160">
        <v>6</v>
      </c>
      <c r="EJ17" s="160">
        <v>1</v>
      </c>
      <c r="EK17" s="160">
        <v>4</v>
      </c>
      <c r="EL17" s="160">
        <v>1</v>
      </c>
      <c r="EM17" s="160">
        <v>1</v>
      </c>
      <c r="EN17" s="165">
        <v>13</v>
      </c>
      <c r="EO17" s="164">
        <v>18</v>
      </c>
      <c r="EP17" s="159">
        <v>4</v>
      </c>
      <c r="EQ17" s="160">
        <v>8</v>
      </c>
      <c r="ER17" s="165">
        <v>12</v>
      </c>
      <c r="ES17" s="162">
        <v>0</v>
      </c>
      <c r="ET17" s="160">
        <v>25</v>
      </c>
      <c r="EU17" s="160">
        <v>21</v>
      </c>
      <c r="EV17" s="160">
        <v>11</v>
      </c>
      <c r="EW17" s="160">
        <v>11</v>
      </c>
      <c r="EX17" s="160">
        <v>4</v>
      </c>
      <c r="EY17" s="165">
        <v>72</v>
      </c>
      <c r="EZ17" s="164">
        <v>84</v>
      </c>
    </row>
    <row r="18" spans="2:156" ht="21" customHeight="1" x14ac:dyDescent="0.2">
      <c r="B18" s="166" t="s">
        <v>16</v>
      </c>
      <c r="C18" s="159">
        <v>0</v>
      </c>
      <c r="D18" s="160">
        <v>0</v>
      </c>
      <c r="E18" s="161">
        <v>0</v>
      </c>
      <c r="F18" s="162">
        <v>0</v>
      </c>
      <c r="G18" s="160">
        <v>7</v>
      </c>
      <c r="H18" s="160">
        <v>8</v>
      </c>
      <c r="I18" s="160">
        <v>8</v>
      </c>
      <c r="J18" s="160">
        <v>3</v>
      </c>
      <c r="K18" s="160">
        <v>1</v>
      </c>
      <c r="L18" s="163">
        <v>27</v>
      </c>
      <c r="M18" s="164">
        <v>27</v>
      </c>
      <c r="N18" s="159">
        <v>0</v>
      </c>
      <c r="O18" s="160">
        <v>0</v>
      </c>
      <c r="P18" s="165">
        <v>0</v>
      </c>
      <c r="Q18" s="162">
        <v>0</v>
      </c>
      <c r="R18" s="160">
        <v>0</v>
      </c>
      <c r="S18" s="160">
        <v>0</v>
      </c>
      <c r="T18" s="160">
        <v>1</v>
      </c>
      <c r="U18" s="160">
        <v>1</v>
      </c>
      <c r="V18" s="160">
        <v>1</v>
      </c>
      <c r="W18" s="165">
        <v>3</v>
      </c>
      <c r="X18" s="164">
        <v>3</v>
      </c>
      <c r="Y18" s="159">
        <v>6</v>
      </c>
      <c r="Z18" s="160">
        <v>4</v>
      </c>
      <c r="AA18" s="165">
        <v>10</v>
      </c>
      <c r="AB18" s="162">
        <v>0</v>
      </c>
      <c r="AC18" s="160">
        <v>11</v>
      </c>
      <c r="AD18" s="160">
        <v>24</v>
      </c>
      <c r="AE18" s="160">
        <v>4</v>
      </c>
      <c r="AF18" s="160">
        <v>6</v>
      </c>
      <c r="AG18" s="160">
        <v>4</v>
      </c>
      <c r="AH18" s="165">
        <v>49</v>
      </c>
      <c r="AI18" s="164">
        <v>59</v>
      </c>
      <c r="AJ18" s="159">
        <v>1</v>
      </c>
      <c r="AK18" s="160">
        <v>0</v>
      </c>
      <c r="AL18" s="165">
        <v>1</v>
      </c>
      <c r="AM18" s="162">
        <v>0</v>
      </c>
      <c r="AN18" s="160">
        <v>0</v>
      </c>
      <c r="AO18" s="160">
        <v>2</v>
      </c>
      <c r="AP18" s="160">
        <v>0</v>
      </c>
      <c r="AQ18" s="160">
        <v>1</v>
      </c>
      <c r="AR18" s="160">
        <v>0</v>
      </c>
      <c r="AS18" s="165">
        <v>3</v>
      </c>
      <c r="AT18" s="164">
        <v>4</v>
      </c>
      <c r="AU18" s="159">
        <v>3</v>
      </c>
      <c r="AV18" s="160">
        <v>4</v>
      </c>
      <c r="AW18" s="165">
        <v>7</v>
      </c>
      <c r="AX18" s="162">
        <v>0</v>
      </c>
      <c r="AY18" s="160">
        <v>14</v>
      </c>
      <c r="AZ18" s="160">
        <v>26</v>
      </c>
      <c r="BA18" s="160">
        <v>16</v>
      </c>
      <c r="BB18" s="160">
        <v>12</v>
      </c>
      <c r="BC18" s="160">
        <v>13</v>
      </c>
      <c r="BD18" s="163">
        <v>81</v>
      </c>
      <c r="BE18" s="164">
        <v>88</v>
      </c>
      <c r="BF18" s="159">
        <v>0</v>
      </c>
      <c r="BG18" s="160">
        <v>0</v>
      </c>
      <c r="BH18" s="165">
        <v>0</v>
      </c>
      <c r="BI18" s="162">
        <v>0</v>
      </c>
      <c r="BJ18" s="160">
        <v>18</v>
      </c>
      <c r="BK18" s="160">
        <v>23</v>
      </c>
      <c r="BL18" s="160">
        <v>8</v>
      </c>
      <c r="BM18" s="160">
        <v>4</v>
      </c>
      <c r="BN18" s="160">
        <v>1</v>
      </c>
      <c r="BO18" s="165">
        <v>54</v>
      </c>
      <c r="BP18" s="164">
        <v>54</v>
      </c>
      <c r="BQ18" s="159">
        <v>2</v>
      </c>
      <c r="BR18" s="160">
        <v>9</v>
      </c>
      <c r="BS18" s="165">
        <v>11</v>
      </c>
      <c r="BT18" s="162">
        <v>0</v>
      </c>
      <c r="BU18" s="160">
        <v>13</v>
      </c>
      <c r="BV18" s="160">
        <v>27</v>
      </c>
      <c r="BW18" s="160">
        <v>7</v>
      </c>
      <c r="BX18" s="160">
        <v>0</v>
      </c>
      <c r="BY18" s="160">
        <v>1</v>
      </c>
      <c r="BZ18" s="165">
        <v>48</v>
      </c>
      <c r="CA18" s="164">
        <v>59</v>
      </c>
      <c r="CB18" s="159">
        <v>0</v>
      </c>
      <c r="CC18" s="160">
        <v>1</v>
      </c>
      <c r="CD18" s="165">
        <v>1</v>
      </c>
      <c r="CE18" s="162">
        <v>0</v>
      </c>
      <c r="CF18" s="160">
        <v>1</v>
      </c>
      <c r="CG18" s="160">
        <v>4</v>
      </c>
      <c r="CH18" s="160">
        <v>1</v>
      </c>
      <c r="CI18" s="160">
        <v>2</v>
      </c>
      <c r="CJ18" s="160">
        <v>1</v>
      </c>
      <c r="CK18" s="165">
        <v>9</v>
      </c>
      <c r="CL18" s="164">
        <v>10</v>
      </c>
      <c r="CM18" s="159">
        <v>0</v>
      </c>
      <c r="CN18" s="160">
        <v>0</v>
      </c>
      <c r="CO18" s="165">
        <v>0</v>
      </c>
      <c r="CP18" s="162">
        <v>0</v>
      </c>
      <c r="CQ18" s="160">
        <v>1</v>
      </c>
      <c r="CR18" s="160">
        <v>1</v>
      </c>
      <c r="CS18" s="160">
        <v>2</v>
      </c>
      <c r="CT18" s="160">
        <v>0</v>
      </c>
      <c r="CU18" s="160">
        <v>0</v>
      </c>
      <c r="CV18" s="165">
        <v>4</v>
      </c>
      <c r="CW18" s="164">
        <v>4</v>
      </c>
      <c r="CX18" s="159">
        <v>0</v>
      </c>
      <c r="CY18" s="160">
        <v>0</v>
      </c>
      <c r="CZ18" s="165">
        <v>0</v>
      </c>
      <c r="DA18" s="162">
        <v>0</v>
      </c>
      <c r="DB18" s="160">
        <v>0</v>
      </c>
      <c r="DC18" s="160">
        <v>0</v>
      </c>
      <c r="DD18" s="160">
        <v>0</v>
      </c>
      <c r="DE18" s="160">
        <v>0</v>
      </c>
      <c r="DF18" s="160">
        <v>0</v>
      </c>
      <c r="DG18" s="165">
        <v>0</v>
      </c>
      <c r="DH18" s="164">
        <v>0</v>
      </c>
      <c r="DI18" s="159">
        <v>0</v>
      </c>
      <c r="DJ18" s="160">
        <v>0</v>
      </c>
      <c r="DK18" s="165">
        <v>0</v>
      </c>
      <c r="DL18" s="162">
        <v>0</v>
      </c>
      <c r="DM18" s="160">
        <v>0</v>
      </c>
      <c r="DN18" s="160">
        <v>0</v>
      </c>
      <c r="DO18" s="160">
        <v>0</v>
      </c>
      <c r="DP18" s="160">
        <v>0</v>
      </c>
      <c r="DQ18" s="160">
        <v>0</v>
      </c>
      <c r="DR18" s="165">
        <v>0</v>
      </c>
      <c r="DS18" s="164">
        <v>0</v>
      </c>
      <c r="DT18" s="159">
        <v>12</v>
      </c>
      <c r="DU18" s="160">
        <v>23</v>
      </c>
      <c r="DV18" s="165">
        <v>35</v>
      </c>
      <c r="DW18" s="162">
        <v>0</v>
      </c>
      <c r="DX18" s="160">
        <v>20</v>
      </c>
      <c r="DY18" s="160">
        <v>55</v>
      </c>
      <c r="DZ18" s="160">
        <v>28</v>
      </c>
      <c r="EA18" s="160">
        <v>13</v>
      </c>
      <c r="EB18" s="160">
        <v>8</v>
      </c>
      <c r="EC18" s="165">
        <v>124</v>
      </c>
      <c r="ED18" s="164">
        <v>159</v>
      </c>
      <c r="EE18" s="159">
        <v>3</v>
      </c>
      <c r="EF18" s="160">
        <v>1</v>
      </c>
      <c r="EG18" s="165">
        <v>4</v>
      </c>
      <c r="EH18" s="162">
        <v>0</v>
      </c>
      <c r="EI18" s="160">
        <v>11</v>
      </c>
      <c r="EJ18" s="160">
        <v>13</v>
      </c>
      <c r="EK18" s="160">
        <v>7</v>
      </c>
      <c r="EL18" s="160">
        <v>8</v>
      </c>
      <c r="EM18" s="160">
        <v>8</v>
      </c>
      <c r="EN18" s="165">
        <v>47</v>
      </c>
      <c r="EO18" s="164">
        <v>51</v>
      </c>
      <c r="EP18" s="159">
        <v>18</v>
      </c>
      <c r="EQ18" s="160">
        <v>31</v>
      </c>
      <c r="ER18" s="165">
        <v>49</v>
      </c>
      <c r="ES18" s="162">
        <v>0</v>
      </c>
      <c r="ET18" s="160">
        <v>51</v>
      </c>
      <c r="EU18" s="160">
        <v>76</v>
      </c>
      <c r="EV18" s="160">
        <v>29</v>
      </c>
      <c r="EW18" s="160">
        <v>13</v>
      </c>
      <c r="EX18" s="160">
        <v>6</v>
      </c>
      <c r="EY18" s="165">
        <v>175</v>
      </c>
      <c r="EZ18" s="164">
        <v>224</v>
      </c>
    </row>
    <row r="19" spans="2:156" ht="21" customHeight="1" x14ac:dyDescent="0.2">
      <c r="B19" s="166" t="s">
        <v>17</v>
      </c>
      <c r="C19" s="159">
        <v>0</v>
      </c>
      <c r="D19" s="160">
        <v>0</v>
      </c>
      <c r="E19" s="161">
        <v>0</v>
      </c>
      <c r="F19" s="162">
        <v>0</v>
      </c>
      <c r="G19" s="160">
        <v>15</v>
      </c>
      <c r="H19" s="160">
        <v>20</v>
      </c>
      <c r="I19" s="160">
        <v>11</v>
      </c>
      <c r="J19" s="160">
        <v>11</v>
      </c>
      <c r="K19" s="160">
        <v>7</v>
      </c>
      <c r="L19" s="163">
        <v>64</v>
      </c>
      <c r="M19" s="164">
        <v>64</v>
      </c>
      <c r="N19" s="159">
        <v>0</v>
      </c>
      <c r="O19" s="160">
        <v>0</v>
      </c>
      <c r="P19" s="165">
        <v>0</v>
      </c>
      <c r="Q19" s="162">
        <v>0</v>
      </c>
      <c r="R19" s="160">
        <v>0</v>
      </c>
      <c r="S19" s="160">
        <v>0</v>
      </c>
      <c r="T19" s="160">
        <v>2</v>
      </c>
      <c r="U19" s="160">
        <v>0</v>
      </c>
      <c r="V19" s="160">
        <v>1</v>
      </c>
      <c r="W19" s="165">
        <v>3</v>
      </c>
      <c r="X19" s="164">
        <v>3</v>
      </c>
      <c r="Y19" s="159">
        <v>0</v>
      </c>
      <c r="Z19" s="160">
        <v>4</v>
      </c>
      <c r="AA19" s="165">
        <v>4</v>
      </c>
      <c r="AB19" s="162">
        <v>0</v>
      </c>
      <c r="AC19" s="160">
        <v>15</v>
      </c>
      <c r="AD19" s="160">
        <v>20</v>
      </c>
      <c r="AE19" s="160">
        <v>16</v>
      </c>
      <c r="AF19" s="160">
        <v>6</v>
      </c>
      <c r="AG19" s="160">
        <v>3</v>
      </c>
      <c r="AH19" s="165">
        <v>60</v>
      </c>
      <c r="AI19" s="164">
        <v>64</v>
      </c>
      <c r="AJ19" s="159">
        <v>0</v>
      </c>
      <c r="AK19" s="160">
        <v>1</v>
      </c>
      <c r="AL19" s="165">
        <v>1</v>
      </c>
      <c r="AM19" s="162">
        <v>0</v>
      </c>
      <c r="AN19" s="160">
        <v>1</v>
      </c>
      <c r="AO19" s="160">
        <v>1</v>
      </c>
      <c r="AP19" s="160">
        <v>2</v>
      </c>
      <c r="AQ19" s="160">
        <v>0</v>
      </c>
      <c r="AR19" s="160">
        <v>1</v>
      </c>
      <c r="AS19" s="165">
        <v>5</v>
      </c>
      <c r="AT19" s="164">
        <v>6</v>
      </c>
      <c r="AU19" s="159">
        <v>10</v>
      </c>
      <c r="AV19" s="160">
        <v>2</v>
      </c>
      <c r="AW19" s="165">
        <v>12</v>
      </c>
      <c r="AX19" s="162">
        <v>0</v>
      </c>
      <c r="AY19" s="160">
        <v>12</v>
      </c>
      <c r="AZ19" s="160">
        <v>30</v>
      </c>
      <c r="BA19" s="160">
        <v>27</v>
      </c>
      <c r="BB19" s="160">
        <v>13</v>
      </c>
      <c r="BC19" s="160">
        <v>9</v>
      </c>
      <c r="BD19" s="163">
        <v>91</v>
      </c>
      <c r="BE19" s="164">
        <v>103</v>
      </c>
      <c r="BF19" s="159">
        <v>0</v>
      </c>
      <c r="BG19" s="160">
        <v>0</v>
      </c>
      <c r="BH19" s="165">
        <v>0</v>
      </c>
      <c r="BI19" s="162">
        <v>0</v>
      </c>
      <c r="BJ19" s="160">
        <v>16</v>
      </c>
      <c r="BK19" s="160">
        <v>24</v>
      </c>
      <c r="BL19" s="160">
        <v>7</v>
      </c>
      <c r="BM19" s="160">
        <v>3</v>
      </c>
      <c r="BN19" s="160">
        <v>1</v>
      </c>
      <c r="BO19" s="165">
        <v>51</v>
      </c>
      <c r="BP19" s="164">
        <v>51</v>
      </c>
      <c r="BQ19" s="159">
        <v>4</v>
      </c>
      <c r="BR19" s="160">
        <v>2</v>
      </c>
      <c r="BS19" s="165">
        <v>6</v>
      </c>
      <c r="BT19" s="162">
        <v>0</v>
      </c>
      <c r="BU19" s="160">
        <v>6</v>
      </c>
      <c r="BV19" s="160">
        <v>13</v>
      </c>
      <c r="BW19" s="160">
        <v>6</v>
      </c>
      <c r="BX19" s="160">
        <v>2</v>
      </c>
      <c r="BY19" s="160">
        <v>0</v>
      </c>
      <c r="BZ19" s="165">
        <v>27</v>
      </c>
      <c r="CA19" s="164">
        <v>33</v>
      </c>
      <c r="CB19" s="159">
        <v>0</v>
      </c>
      <c r="CC19" s="160">
        <v>0</v>
      </c>
      <c r="CD19" s="165">
        <v>0</v>
      </c>
      <c r="CE19" s="162">
        <v>0</v>
      </c>
      <c r="CF19" s="160">
        <v>6</v>
      </c>
      <c r="CG19" s="160">
        <v>7</v>
      </c>
      <c r="CH19" s="160">
        <v>5</v>
      </c>
      <c r="CI19" s="160">
        <v>3</v>
      </c>
      <c r="CJ19" s="160">
        <v>3</v>
      </c>
      <c r="CK19" s="165">
        <v>24</v>
      </c>
      <c r="CL19" s="164">
        <v>24</v>
      </c>
      <c r="CM19" s="159">
        <v>0</v>
      </c>
      <c r="CN19" s="160">
        <v>0</v>
      </c>
      <c r="CO19" s="165">
        <v>0</v>
      </c>
      <c r="CP19" s="162">
        <v>0</v>
      </c>
      <c r="CQ19" s="160">
        <v>0</v>
      </c>
      <c r="CR19" s="160">
        <v>2</v>
      </c>
      <c r="CS19" s="160">
        <v>2</v>
      </c>
      <c r="CT19" s="160">
        <v>0</v>
      </c>
      <c r="CU19" s="160">
        <v>0</v>
      </c>
      <c r="CV19" s="165">
        <v>4</v>
      </c>
      <c r="CW19" s="164">
        <v>4</v>
      </c>
      <c r="CX19" s="159">
        <v>0</v>
      </c>
      <c r="CY19" s="160">
        <v>0</v>
      </c>
      <c r="CZ19" s="165">
        <v>0</v>
      </c>
      <c r="DA19" s="162">
        <v>0</v>
      </c>
      <c r="DB19" s="160">
        <v>0</v>
      </c>
      <c r="DC19" s="160">
        <v>0</v>
      </c>
      <c r="DD19" s="160">
        <v>0</v>
      </c>
      <c r="DE19" s="160">
        <v>0</v>
      </c>
      <c r="DF19" s="160">
        <v>0</v>
      </c>
      <c r="DG19" s="165">
        <v>0</v>
      </c>
      <c r="DH19" s="164">
        <v>0</v>
      </c>
      <c r="DI19" s="159">
        <v>0</v>
      </c>
      <c r="DJ19" s="160">
        <v>0</v>
      </c>
      <c r="DK19" s="165">
        <v>0</v>
      </c>
      <c r="DL19" s="162">
        <v>0</v>
      </c>
      <c r="DM19" s="160">
        <v>0</v>
      </c>
      <c r="DN19" s="160">
        <v>0</v>
      </c>
      <c r="DO19" s="160">
        <v>0</v>
      </c>
      <c r="DP19" s="160">
        <v>0</v>
      </c>
      <c r="DQ19" s="160">
        <v>0</v>
      </c>
      <c r="DR19" s="165">
        <v>0</v>
      </c>
      <c r="DS19" s="164">
        <v>0</v>
      </c>
      <c r="DT19" s="159">
        <v>10</v>
      </c>
      <c r="DU19" s="160">
        <v>27</v>
      </c>
      <c r="DV19" s="165">
        <v>37</v>
      </c>
      <c r="DW19" s="162">
        <v>0</v>
      </c>
      <c r="DX19" s="160">
        <v>19</v>
      </c>
      <c r="DY19" s="160">
        <v>68</v>
      </c>
      <c r="DZ19" s="160">
        <v>31</v>
      </c>
      <c r="EA19" s="160">
        <v>16</v>
      </c>
      <c r="EB19" s="160">
        <v>9</v>
      </c>
      <c r="EC19" s="165">
        <v>143</v>
      </c>
      <c r="ED19" s="164">
        <v>180</v>
      </c>
      <c r="EE19" s="159">
        <v>6</v>
      </c>
      <c r="EF19" s="160">
        <v>2</v>
      </c>
      <c r="EG19" s="165">
        <v>8</v>
      </c>
      <c r="EH19" s="162">
        <v>0</v>
      </c>
      <c r="EI19" s="160">
        <v>7</v>
      </c>
      <c r="EJ19" s="160">
        <v>14</v>
      </c>
      <c r="EK19" s="160">
        <v>6</v>
      </c>
      <c r="EL19" s="160">
        <v>1</v>
      </c>
      <c r="EM19" s="160">
        <v>3</v>
      </c>
      <c r="EN19" s="165">
        <v>31</v>
      </c>
      <c r="EO19" s="164">
        <v>39</v>
      </c>
      <c r="EP19" s="159">
        <v>15</v>
      </c>
      <c r="EQ19" s="160">
        <v>29</v>
      </c>
      <c r="ER19" s="165">
        <v>44</v>
      </c>
      <c r="ES19" s="162">
        <v>0</v>
      </c>
      <c r="ET19" s="160">
        <v>70</v>
      </c>
      <c r="EU19" s="160">
        <v>97</v>
      </c>
      <c r="EV19" s="160">
        <v>40</v>
      </c>
      <c r="EW19" s="160">
        <v>20</v>
      </c>
      <c r="EX19" s="160">
        <v>9</v>
      </c>
      <c r="EY19" s="165">
        <v>236</v>
      </c>
      <c r="EZ19" s="164">
        <v>280</v>
      </c>
    </row>
    <row r="20" spans="2:156" ht="21" customHeight="1" x14ac:dyDescent="0.2">
      <c r="B20" s="166" t="s">
        <v>18</v>
      </c>
      <c r="C20" s="159">
        <v>0</v>
      </c>
      <c r="D20" s="160">
        <v>0</v>
      </c>
      <c r="E20" s="161">
        <v>0</v>
      </c>
      <c r="F20" s="162">
        <v>0</v>
      </c>
      <c r="G20" s="160">
        <v>25</v>
      </c>
      <c r="H20" s="160">
        <v>26</v>
      </c>
      <c r="I20" s="160">
        <v>21</v>
      </c>
      <c r="J20" s="160">
        <v>8</v>
      </c>
      <c r="K20" s="160">
        <v>9</v>
      </c>
      <c r="L20" s="163">
        <v>89</v>
      </c>
      <c r="M20" s="164">
        <v>89</v>
      </c>
      <c r="N20" s="159">
        <v>0</v>
      </c>
      <c r="O20" s="160">
        <v>0</v>
      </c>
      <c r="P20" s="165">
        <v>0</v>
      </c>
      <c r="Q20" s="162">
        <v>0</v>
      </c>
      <c r="R20" s="160">
        <v>0</v>
      </c>
      <c r="S20" s="160">
        <v>0</v>
      </c>
      <c r="T20" s="160">
        <v>1</v>
      </c>
      <c r="U20" s="160">
        <v>4</v>
      </c>
      <c r="V20" s="160">
        <v>7</v>
      </c>
      <c r="W20" s="165">
        <v>12</v>
      </c>
      <c r="X20" s="164">
        <v>12</v>
      </c>
      <c r="Y20" s="159">
        <v>5</v>
      </c>
      <c r="Z20" s="160">
        <v>10</v>
      </c>
      <c r="AA20" s="165">
        <v>15</v>
      </c>
      <c r="AB20" s="162">
        <v>0</v>
      </c>
      <c r="AC20" s="160">
        <v>22</v>
      </c>
      <c r="AD20" s="160">
        <v>27</v>
      </c>
      <c r="AE20" s="160">
        <v>14</v>
      </c>
      <c r="AF20" s="160">
        <v>9</v>
      </c>
      <c r="AG20" s="160">
        <v>7</v>
      </c>
      <c r="AH20" s="165">
        <v>79</v>
      </c>
      <c r="AI20" s="164">
        <v>94</v>
      </c>
      <c r="AJ20" s="159">
        <v>1</v>
      </c>
      <c r="AK20" s="160">
        <v>1</v>
      </c>
      <c r="AL20" s="165">
        <v>2</v>
      </c>
      <c r="AM20" s="162">
        <v>0</v>
      </c>
      <c r="AN20" s="160">
        <v>2</v>
      </c>
      <c r="AO20" s="160">
        <v>5</v>
      </c>
      <c r="AP20" s="160">
        <v>3</v>
      </c>
      <c r="AQ20" s="160">
        <v>1</v>
      </c>
      <c r="AR20" s="160">
        <v>0</v>
      </c>
      <c r="AS20" s="165">
        <v>11</v>
      </c>
      <c r="AT20" s="164">
        <v>13</v>
      </c>
      <c r="AU20" s="159">
        <v>4</v>
      </c>
      <c r="AV20" s="160">
        <v>4</v>
      </c>
      <c r="AW20" s="165">
        <v>8</v>
      </c>
      <c r="AX20" s="162">
        <v>0</v>
      </c>
      <c r="AY20" s="160">
        <v>45</v>
      </c>
      <c r="AZ20" s="160">
        <v>36</v>
      </c>
      <c r="BA20" s="160">
        <v>34</v>
      </c>
      <c r="BB20" s="160">
        <v>25</v>
      </c>
      <c r="BC20" s="160">
        <v>21</v>
      </c>
      <c r="BD20" s="163">
        <v>161</v>
      </c>
      <c r="BE20" s="164">
        <v>169</v>
      </c>
      <c r="BF20" s="159">
        <v>0</v>
      </c>
      <c r="BG20" s="160">
        <v>0</v>
      </c>
      <c r="BH20" s="165">
        <v>0</v>
      </c>
      <c r="BI20" s="162">
        <v>0</v>
      </c>
      <c r="BJ20" s="160">
        <v>58</v>
      </c>
      <c r="BK20" s="160">
        <v>30</v>
      </c>
      <c r="BL20" s="160">
        <v>29</v>
      </c>
      <c r="BM20" s="160">
        <v>6</v>
      </c>
      <c r="BN20" s="160">
        <v>4</v>
      </c>
      <c r="BO20" s="165">
        <v>127</v>
      </c>
      <c r="BP20" s="164">
        <v>127</v>
      </c>
      <c r="BQ20" s="159">
        <v>4</v>
      </c>
      <c r="BR20" s="160">
        <v>10</v>
      </c>
      <c r="BS20" s="165">
        <v>14</v>
      </c>
      <c r="BT20" s="162">
        <v>0</v>
      </c>
      <c r="BU20" s="160">
        <v>15</v>
      </c>
      <c r="BV20" s="160">
        <v>13</v>
      </c>
      <c r="BW20" s="160">
        <v>4</v>
      </c>
      <c r="BX20" s="160">
        <v>2</v>
      </c>
      <c r="BY20" s="160">
        <v>2</v>
      </c>
      <c r="BZ20" s="165">
        <v>36</v>
      </c>
      <c r="CA20" s="164">
        <v>50</v>
      </c>
      <c r="CB20" s="159">
        <v>0</v>
      </c>
      <c r="CC20" s="160">
        <v>0</v>
      </c>
      <c r="CD20" s="165">
        <v>0</v>
      </c>
      <c r="CE20" s="162">
        <v>0</v>
      </c>
      <c r="CF20" s="160">
        <v>5</v>
      </c>
      <c r="CG20" s="160">
        <v>9</v>
      </c>
      <c r="CH20" s="160">
        <v>11</v>
      </c>
      <c r="CI20" s="160">
        <v>4</v>
      </c>
      <c r="CJ20" s="160">
        <v>3</v>
      </c>
      <c r="CK20" s="165">
        <v>32</v>
      </c>
      <c r="CL20" s="164">
        <v>32</v>
      </c>
      <c r="CM20" s="159">
        <v>0</v>
      </c>
      <c r="CN20" s="160">
        <v>0</v>
      </c>
      <c r="CO20" s="165">
        <v>0</v>
      </c>
      <c r="CP20" s="162">
        <v>0</v>
      </c>
      <c r="CQ20" s="160">
        <v>0</v>
      </c>
      <c r="CR20" s="160">
        <v>0</v>
      </c>
      <c r="CS20" s="160">
        <v>0</v>
      </c>
      <c r="CT20" s="160">
        <v>0</v>
      </c>
      <c r="CU20" s="160">
        <v>0</v>
      </c>
      <c r="CV20" s="165">
        <v>0</v>
      </c>
      <c r="CW20" s="164">
        <v>0</v>
      </c>
      <c r="CX20" s="159">
        <v>0</v>
      </c>
      <c r="CY20" s="160">
        <v>0</v>
      </c>
      <c r="CZ20" s="165">
        <v>0</v>
      </c>
      <c r="DA20" s="162">
        <v>0</v>
      </c>
      <c r="DB20" s="160">
        <v>0</v>
      </c>
      <c r="DC20" s="160">
        <v>0</v>
      </c>
      <c r="DD20" s="160">
        <v>0</v>
      </c>
      <c r="DE20" s="160">
        <v>0</v>
      </c>
      <c r="DF20" s="160">
        <v>0</v>
      </c>
      <c r="DG20" s="165">
        <v>0</v>
      </c>
      <c r="DH20" s="164">
        <v>0</v>
      </c>
      <c r="DI20" s="159">
        <v>0</v>
      </c>
      <c r="DJ20" s="160">
        <v>0</v>
      </c>
      <c r="DK20" s="165">
        <v>0</v>
      </c>
      <c r="DL20" s="162">
        <v>0</v>
      </c>
      <c r="DM20" s="160">
        <v>0</v>
      </c>
      <c r="DN20" s="160">
        <v>0</v>
      </c>
      <c r="DO20" s="160">
        <v>0</v>
      </c>
      <c r="DP20" s="160">
        <v>0</v>
      </c>
      <c r="DQ20" s="160">
        <v>0</v>
      </c>
      <c r="DR20" s="165">
        <v>0</v>
      </c>
      <c r="DS20" s="164">
        <v>0</v>
      </c>
      <c r="DT20" s="159">
        <v>9</v>
      </c>
      <c r="DU20" s="160">
        <v>27</v>
      </c>
      <c r="DV20" s="165">
        <v>36</v>
      </c>
      <c r="DW20" s="162">
        <v>0</v>
      </c>
      <c r="DX20" s="160">
        <v>51</v>
      </c>
      <c r="DY20" s="160">
        <v>58</v>
      </c>
      <c r="DZ20" s="160">
        <v>43</v>
      </c>
      <c r="EA20" s="160">
        <v>21</v>
      </c>
      <c r="EB20" s="160">
        <v>21</v>
      </c>
      <c r="EC20" s="165">
        <v>194</v>
      </c>
      <c r="ED20" s="164">
        <v>230</v>
      </c>
      <c r="EE20" s="159">
        <v>2</v>
      </c>
      <c r="EF20" s="160">
        <v>1</v>
      </c>
      <c r="EG20" s="165">
        <v>3</v>
      </c>
      <c r="EH20" s="162">
        <v>0</v>
      </c>
      <c r="EI20" s="160">
        <v>18</v>
      </c>
      <c r="EJ20" s="160">
        <v>11</v>
      </c>
      <c r="EK20" s="160">
        <v>11</v>
      </c>
      <c r="EL20" s="160">
        <v>9</v>
      </c>
      <c r="EM20" s="160">
        <v>5</v>
      </c>
      <c r="EN20" s="165">
        <v>54</v>
      </c>
      <c r="EO20" s="164">
        <v>57</v>
      </c>
      <c r="EP20" s="159">
        <v>19</v>
      </c>
      <c r="EQ20" s="160">
        <v>36</v>
      </c>
      <c r="ER20" s="165">
        <v>55</v>
      </c>
      <c r="ES20" s="162">
        <v>0</v>
      </c>
      <c r="ET20" s="160">
        <v>115</v>
      </c>
      <c r="EU20" s="160">
        <v>83</v>
      </c>
      <c r="EV20" s="160">
        <v>55</v>
      </c>
      <c r="EW20" s="160">
        <v>21</v>
      </c>
      <c r="EX20" s="160">
        <v>22</v>
      </c>
      <c r="EY20" s="165">
        <v>296</v>
      </c>
      <c r="EZ20" s="164">
        <v>351</v>
      </c>
    </row>
    <row r="21" spans="2:156" ht="21" customHeight="1" x14ac:dyDescent="0.2">
      <c r="B21" s="166" t="s">
        <v>19</v>
      </c>
      <c r="C21" s="159">
        <v>0</v>
      </c>
      <c r="D21" s="160">
        <v>0</v>
      </c>
      <c r="E21" s="161">
        <v>0</v>
      </c>
      <c r="F21" s="162">
        <v>0</v>
      </c>
      <c r="G21" s="160">
        <v>12</v>
      </c>
      <c r="H21" s="160">
        <v>7</v>
      </c>
      <c r="I21" s="160">
        <v>4</v>
      </c>
      <c r="J21" s="160">
        <v>2</v>
      </c>
      <c r="K21" s="160">
        <v>2</v>
      </c>
      <c r="L21" s="163">
        <v>27</v>
      </c>
      <c r="M21" s="164">
        <v>27</v>
      </c>
      <c r="N21" s="159">
        <v>0</v>
      </c>
      <c r="O21" s="160">
        <v>0</v>
      </c>
      <c r="P21" s="165">
        <v>0</v>
      </c>
      <c r="Q21" s="162">
        <v>0</v>
      </c>
      <c r="R21" s="160">
        <v>0</v>
      </c>
      <c r="S21" s="160">
        <v>0</v>
      </c>
      <c r="T21" s="160">
        <v>2</v>
      </c>
      <c r="U21" s="160">
        <v>2</v>
      </c>
      <c r="V21" s="160">
        <v>2</v>
      </c>
      <c r="W21" s="165">
        <v>6</v>
      </c>
      <c r="X21" s="164">
        <v>6</v>
      </c>
      <c r="Y21" s="159">
        <v>1</v>
      </c>
      <c r="Z21" s="160">
        <v>5</v>
      </c>
      <c r="AA21" s="165">
        <v>6</v>
      </c>
      <c r="AB21" s="162">
        <v>0</v>
      </c>
      <c r="AC21" s="160">
        <v>14</v>
      </c>
      <c r="AD21" s="160">
        <v>9</v>
      </c>
      <c r="AE21" s="160">
        <v>7</v>
      </c>
      <c r="AF21" s="160">
        <v>4</v>
      </c>
      <c r="AG21" s="160">
        <v>3</v>
      </c>
      <c r="AH21" s="165">
        <v>37</v>
      </c>
      <c r="AI21" s="164">
        <v>43</v>
      </c>
      <c r="AJ21" s="159">
        <v>0</v>
      </c>
      <c r="AK21" s="160">
        <v>0</v>
      </c>
      <c r="AL21" s="165">
        <v>0</v>
      </c>
      <c r="AM21" s="162">
        <v>0</v>
      </c>
      <c r="AN21" s="160">
        <v>1</v>
      </c>
      <c r="AO21" s="160">
        <v>1</v>
      </c>
      <c r="AP21" s="160">
        <v>0</v>
      </c>
      <c r="AQ21" s="160">
        <v>1</v>
      </c>
      <c r="AR21" s="160">
        <v>1</v>
      </c>
      <c r="AS21" s="165">
        <v>4</v>
      </c>
      <c r="AT21" s="164">
        <v>4</v>
      </c>
      <c r="AU21" s="159">
        <v>3</v>
      </c>
      <c r="AV21" s="160">
        <v>7</v>
      </c>
      <c r="AW21" s="165">
        <v>10</v>
      </c>
      <c r="AX21" s="162">
        <v>0</v>
      </c>
      <c r="AY21" s="160">
        <v>21</v>
      </c>
      <c r="AZ21" s="160">
        <v>17</v>
      </c>
      <c r="BA21" s="160">
        <v>13</v>
      </c>
      <c r="BB21" s="160">
        <v>9</v>
      </c>
      <c r="BC21" s="160">
        <v>11</v>
      </c>
      <c r="BD21" s="163">
        <v>71</v>
      </c>
      <c r="BE21" s="164">
        <v>81</v>
      </c>
      <c r="BF21" s="159">
        <v>0</v>
      </c>
      <c r="BG21" s="160">
        <v>0</v>
      </c>
      <c r="BH21" s="165">
        <v>0</v>
      </c>
      <c r="BI21" s="162">
        <v>0</v>
      </c>
      <c r="BJ21" s="160">
        <v>17</v>
      </c>
      <c r="BK21" s="160">
        <v>11</v>
      </c>
      <c r="BL21" s="160">
        <v>3</v>
      </c>
      <c r="BM21" s="160">
        <v>0</v>
      </c>
      <c r="BN21" s="160">
        <v>2</v>
      </c>
      <c r="BO21" s="165">
        <v>33</v>
      </c>
      <c r="BP21" s="164">
        <v>33</v>
      </c>
      <c r="BQ21" s="159">
        <v>2</v>
      </c>
      <c r="BR21" s="160">
        <v>2</v>
      </c>
      <c r="BS21" s="165">
        <v>4</v>
      </c>
      <c r="BT21" s="162">
        <v>0</v>
      </c>
      <c r="BU21" s="160">
        <v>8</v>
      </c>
      <c r="BV21" s="160">
        <v>8</v>
      </c>
      <c r="BW21" s="160">
        <v>2</v>
      </c>
      <c r="BX21" s="160">
        <v>1</v>
      </c>
      <c r="BY21" s="160">
        <v>0</v>
      </c>
      <c r="BZ21" s="165">
        <v>19</v>
      </c>
      <c r="CA21" s="164">
        <v>23</v>
      </c>
      <c r="CB21" s="159">
        <v>1</v>
      </c>
      <c r="CC21" s="160">
        <v>0</v>
      </c>
      <c r="CD21" s="165">
        <v>1</v>
      </c>
      <c r="CE21" s="162">
        <v>0</v>
      </c>
      <c r="CF21" s="160">
        <v>0</v>
      </c>
      <c r="CG21" s="160">
        <v>1</v>
      </c>
      <c r="CH21" s="160">
        <v>0</v>
      </c>
      <c r="CI21" s="160">
        <v>0</v>
      </c>
      <c r="CJ21" s="160">
        <v>0</v>
      </c>
      <c r="CK21" s="165">
        <v>1</v>
      </c>
      <c r="CL21" s="164">
        <v>2</v>
      </c>
      <c r="CM21" s="159">
        <v>0</v>
      </c>
      <c r="CN21" s="160">
        <v>0</v>
      </c>
      <c r="CO21" s="165">
        <v>0</v>
      </c>
      <c r="CP21" s="162">
        <v>0</v>
      </c>
      <c r="CQ21" s="160">
        <v>0</v>
      </c>
      <c r="CR21" s="160">
        <v>2</v>
      </c>
      <c r="CS21" s="160">
        <v>0</v>
      </c>
      <c r="CT21" s="160">
        <v>0</v>
      </c>
      <c r="CU21" s="160">
        <v>0</v>
      </c>
      <c r="CV21" s="165">
        <v>2</v>
      </c>
      <c r="CW21" s="164">
        <v>2</v>
      </c>
      <c r="CX21" s="159">
        <v>0</v>
      </c>
      <c r="CY21" s="160">
        <v>0</v>
      </c>
      <c r="CZ21" s="165">
        <v>0</v>
      </c>
      <c r="DA21" s="162">
        <v>0</v>
      </c>
      <c r="DB21" s="160">
        <v>0</v>
      </c>
      <c r="DC21" s="160">
        <v>0</v>
      </c>
      <c r="DD21" s="160">
        <v>0</v>
      </c>
      <c r="DE21" s="160">
        <v>0</v>
      </c>
      <c r="DF21" s="160">
        <v>0</v>
      </c>
      <c r="DG21" s="165">
        <v>0</v>
      </c>
      <c r="DH21" s="164">
        <v>0</v>
      </c>
      <c r="DI21" s="159">
        <v>0</v>
      </c>
      <c r="DJ21" s="160">
        <v>0</v>
      </c>
      <c r="DK21" s="165">
        <v>0</v>
      </c>
      <c r="DL21" s="162">
        <v>0</v>
      </c>
      <c r="DM21" s="160">
        <v>0</v>
      </c>
      <c r="DN21" s="160">
        <v>0</v>
      </c>
      <c r="DO21" s="160">
        <v>0</v>
      </c>
      <c r="DP21" s="160">
        <v>0</v>
      </c>
      <c r="DQ21" s="160">
        <v>0</v>
      </c>
      <c r="DR21" s="165">
        <v>0</v>
      </c>
      <c r="DS21" s="164">
        <v>0</v>
      </c>
      <c r="DT21" s="159">
        <v>9</v>
      </c>
      <c r="DU21" s="160">
        <v>15</v>
      </c>
      <c r="DV21" s="165">
        <v>24</v>
      </c>
      <c r="DW21" s="162">
        <v>0</v>
      </c>
      <c r="DX21" s="160">
        <v>33</v>
      </c>
      <c r="DY21" s="160">
        <v>31</v>
      </c>
      <c r="DZ21" s="160">
        <v>12</v>
      </c>
      <c r="EA21" s="160">
        <v>8</v>
      </c>
      <c r="EB21" s="160">
        <v>8</v>
      </c>
      <c r="EC21" s="165">
        <v>92</v>
      </c>
      <c r="ED21" s="164">
        <v>116</v>
      </c>
      <c r="EE21" s="159">
        <v>3</v>
      </c>
      <c r="EF21" s="160">
        <v>3</v>
      </c>
      <c r="EG21" s="165">
        <v>6</v>
      </c>
      <c r="EH21" s="162">
        <v>0</v>
      </c>
      <c r="EI21" s="160">
        <v>5</v>
      </c>
      <c r="EJ21" s="160">
        <v>6</v>
      </c>
      <c r="EK21" s="160">
        <v>6</v>
      </c>
      <c r="EL21" s="160">
        <v>4</v>
      </c>
      <c r="EM21" s="160">
        <v>2</v>
      </c>
      <c r="EN21" s="165">
        <v>23</v>
      </c>
      <c r="EO21" s="164">
        <v>29</v>
      </c>
      <c r="EP21" s="159">
        <v>12</v>
      </c>
      <c r="EQ21" s="160">
        <v>19</v>
      </c>
      <c r="ER21" s="165">
        <v>31</v>
      </c>
      <c r="ES21" s="162">
        <v>0</v>
      </c>
      <c r="ET21" s="160">
        <v>53</v>
      </c>
      <c r="EU21" s="160">
        <v>37</v>
      </c>
      <c r="EV21" s="160">
        <v>11</v>
      </c>
      <c r="EW21" s="160">
        <v>9</v>
      </c>
      <c r="EX21" s="160">
        <v>6</v>
      </c>
      <c r="EY21" s="165">
        <v>116</v>
      </c>
      <c r="EZ21" s="164">
        <v>147</v>
      </c>
    </row>
    <row r="22" spans="2:156" ht="21" customHeight="1" x14ac:dyDescent="0.2">
      <c r="B22" s="166" t="s">
        <v>20</v>
      </c>
      <c r="C22" s="159">
        <v>0</v>
      </c>
      <c r="D22" s="160">
        <v>0</v>
      </c>
      <c r="E22" s="161">
        <v>0</v>
      </c>
      <c r="F22" s="162">
        <v>0</v>
      </c>
      <c r="G22" s="160">
        <v>26</v>
      </c>
      <c r="H22" s="160">
        <v>17</v>
      </c>
      <c r="I22" s="160">
        <v>5</v>
      </c>
      <c r="J22" s="160">
        <v>7</v>
      </c>
      <c r="K22" s="160">
        <v>7</v>
      </c>
      <c r="L22" s="163">
        <v>62</v>
      </c>
      <c r="M22" s="164">
        <v>62</v>
      </c>
      <c r="N22" s="159">
        <v>0</v>
      </c>
      <c r="O22" s="160">
        <v>0</v>
      </c>
      <c r="P22" s="165">
        <v>0</v>
      </c>
      <c r="Q22" s="162">
        <v>0</v>
      </c>
      <c r="R22" s="160">
        <v>0</v>
      </c>
      <c r="S22" s="160">
        <v>0</v>
      </c>
      <c r="T22" s="160">
        <v>0</v>
      </c>
      <c r="U22" s="160">
        <v>1</v>
      </c>
      <c r="V22" s="160">
        <v>1</v>
      </c>
      <c r="W22" s="165">
        <v>2</v>
      </c>
      <c r="X22" s="164">
        <v>2</v>
      </c>
      <c r="Y22" s="159">
        <v>3</v>
      </c>
      <c r="Z22" s="160">
        <v>5</v>
      </c>
      <c r="AA22" s="165">
        <v>8</v>
      </c>
      <c r="AB22" s="162">
        <v>0</v>
      </c>
      <c r="AC22" s="160">
        <v>19</v>
      </c>
      <c r="AD22" s="160">
        <v>18</v>
      </c>
      <c r="AE22" s="160">
        <v>10</v>
      </c>
      <c r="AF22" s="160">
        <v>6</v>
      </c>
      <c r="AG22" s="160">
        <v>2</v>
      </c>
      <c r="AH22" s="165">
        <v>55</v>
      </c>
      <c r="AI22" s="164">
        <v>63</v>
      </c>
      <c r="AJ22" s="159">
        <v>2</v>
      </c>
      <c r="AK22" s="160">
        <v>3</v>
      </c>
      <c r="AL22" s="165">
        <v>5</v>
      </c>
      <c r="AM22" s="162">
        <v>0</v>
      </c>
      <c r="AN22" s="160">
        <v>2</v>
      </c>
      <c r="AO22" s="160">
        <v>7</v>
      </c>
      <c r="AP22" s="160">
        <v>6</v>
      </c>
      <c r="AQ22" s="160">
        <v>2</v>
      </c>
      <c r="AR22" s="160">
        <v>0</v>
      </c>
      <c r="AS22" s="165">
        <v>17</v>
      </c>
      <c r="AT22" s="164">
        <v>22</v>
      </c>
      <c r="AU22" s="159">
        <v>1</v>
      </c>
      <c r="AV22" s="160">
        <v>4</v>
      </c>
      <c r="AW22" s="165">
        <v>5</v>
      </c>
      <c r="AX22" s="162">
        <v>0</v>
      </c>
      <c r="AY22" s="160">
        <v>20</v>
      </c>
      <c r="AZ22" s="160">
        <v>17</v>
      </c>
      <c r="BA22" s="160">
        <v>24</v>
      </c>
      <c r="BB22" s="160">
        <v>18</v>
      </c>
      <c r="BC22" s="160">
        <v>7</v>
      </c>
      <c r="BD22" s="163">
        <v>86</v>
      </c>
      <c r="BE22" s="164">
        <v>91</v>
      </c>
      <c r="BF22" s="159">
        <v>0</v>
      </c>
      <c r="BG22" s="160">
        <v>0</v>
      </c>
      <c r="BH22" s="165">
        <v>0</v>
      </c>
      <c r="BI22" s="162">
        <v>0</v>
      </c>
      <c r="BJ22" s="160">
        <v>32</v>
      </c>
      <c r="BK22" s="160">
        <v>20</v>
      </c>
      <c r="BL22" s="160">
        <v>11</v>
      </c>
      <c r="BM22" s="160">
        <v>4</v>
      </c>
      <c r="BN22" s="160">
        <v>2</v>
      </c>
      <c r="BO22" s="165">
        <v>69</v>
      </c>
      <c r="BP22" s="164">
        <v>69</v>
      </c>
      <c r="BQ22" s="159">
        <v>2</v>
      </c>
      <c r="BR22" s="160">
        <v>0</v>
      </c>
      <c r="BS22" s="165">
        <v>2</v>
      </c>
      <c r="BT22" s="162">
        <v>0</v>
      </c>
      <c r="BU22" s="160">
        <v>20</v>
      </c>
      <c r="BV22" s="160">
        <v>7</v>
      </c>
      <c r="BW22" s="160">
        <v>4</v>
      </c>
      <c r="BX22" s="160">
        <v>3</v>
      </c>
      <c r="BY22" s="160">
        <v>1</v>
      </c>
      <c r="BZ22" s="165">
        <v>35</v>
      </c>
      <c r="CA22" s="164">
        <v>37</v>
      </c>
      <c r="CB22" s="159">
        <v>0</v>
      </c>
      <c r="CC22" s="160">
        <v>0</v>
      </c>
      <c r="CD22" s="165">
        <v>0</v>
      </c>
      <c r="CE22" s="162">
        <v>0</v>
      </c>
      <c r="CF22" s="160">
        <v>8</v>
      </c>
      <c r="CG22" s="160">
        <v>2</v>
      </c>
      <c r="CH22" s="160">
        <v>4</v>
      </c>
      <c r="CI22" s="160">
        <v>3</v>
      </c>
      <c r="CJ22" s="160">
        <v>3</v>
      </c>
      <c r="CK22" s="165">
        <v>20</v>
      </c>
      <c r="CL22" s="164">
        <v>20</v>
      </c>
      <c r="CM22" s="159">
        <v>0</v>
      </c>
      <c r="CN22" s="160">
        <v>0</v>
      </c>
      <c r="CO22" s="165">
        <v>0</v>
      </c>
      <c r="CP22" s="162">
        <v>0</v>
      </c>
      <c r="CQ22" s="160">
        <v>0</v>
      </c>
      <c r="CR22" s="160">
        <v>1</v>
      </c>
      <c r="CS22" s="160">
        <v>1</v>
      </c>
      <c r="CT22" s="160">
        <v>3</v>
      </c>
      <c r="CU22" s="160">
        <v>0</v>
      </c>
      <c r="CV22" s="165">
        <v>5</v>
      </c>
      <c r="CW22" s="164">
        <v>5</v>
      </c>
      <c r="CX22" s="159">
        <v>0</v>
      </c>
      <c r="CY22" s="160">
        <v>0</v>
      </c>
      <c r="CZ22" s="165">
        <v>0</v>
      </c>
      <c r="DA22" s="162">
        <v>0</v>
      </c>
      <c r="DB22" s="160">
        <v>0</v>
      </c>
      <c r="DC22" s="160">
        <v>0</v>
      </c>
      <c r="DD22" s="160">
        <v>0</v>
      </c>
      <c r="DE22" s="160">
        <v>0</v>
      </c>
      <c r="DF22" s="160">
        <v>0</v>
      </c>
      <c r="DG22" s="165">
        <v>0</v>
      </c>
      <c r="DH22" s="164">
        <v>0</v>
      </c>
      <c r="DI22" s="159">
        <v>0</v>
      </c>
      <c r="DJ22" s="160">
        <v>0</v>
      </c>
      <c r="DK22" s="165">
        <v>0</v>
      </c>
      <c r="DL22" s="162">
        <v>0</v>
      </c>
      <c r="DM22" s="160">
        <v>0</v>
      </c>
      <c r="DN22" s="160">
        <v>0</v>
      </c>
      <c r="DO22" s="160">
        <v>0</v>
      </c>
      <c r="DP22" s="160">
        <v>0</v>
      </c>
      <c r="DQ22" s="160">
        <v>0</v>
      </c>
      <c r="DR22" s="165">
        <v>0</v>
      </c>
      <c r="DS22" s="164">
        <v>0</v>
      </c>
      <c r="DT22" s="159">
        <v>13</v>
      </c>
      <c r="DU22" s="160">
        <v>20</v>
      </c>
      <c r="DV22" s="165">
        <v>33</v>
      </c>
      <c r="DW22" s="162">
        <v>0</v>
      </c>
      <c r="DX22" s="160">
        <v>47</v>
      </c>
      <c r="DY22" s="160">
        <v>45</v>
      </c>
      <c r="DZ22" s="160">
        <v>19</v>
      </c>
      <c r="EA22" s="160">
        <v>16</v>
      </c>
      <c r="EB22" s="160">
        <v>8</v>
      </c>
      <c r="EC22" s="165">
        <v>135</v>
      </c>
      <c r="ED22" s="164">
        <v>168</v>
      </c>
      <c r="EE22" s="159">
        <v>1</v>
      </c>
      <c r="EF22" s="160">
        <v>2</v>
      </c>
      <c r="EG22" s="165">
        <v>3</v>
      </c>
      <c r="EH22" s="162">
        <v>0</v>
      </c>
      <c r="EI22" s="160">
        <v>6</v>
      </c>
      <c r="EJ22" s="160">
        <v>0</v>
      </c>
      <c r="EK22" s="160">
        <v>9</v>
      </c>
      <c r="EL22" s="160">
        <v>7</v>
      </c>
      <c r="EM22" s="160">
        <v>2</v>
      </c>
      <c r="EN22" s="165">
        <v>24</v>
      </c>
      <c r="EO22" s="164">
        <v>27</v>
      </c>
      <c r="EP22" s="159">
        <v>19</v>
      </c>
      <c r="EQ22" s="160">
        <v>25</v>
      </c>
      <c r="ER22" s="165">
        <v>44</v>
      </c>
      <c r="ES22" s="162">
        <v>0</v>
      </c>
      <c r="ET22" s="160">
        <v>97</v>
      </c>
      <c r="EU22" s="160">
        <v>60</v>
      </c>
      <c r="EV22" s="160">
        <v>26</v>
      </c>
      <c r="EW22" s="160">
        <v>20</v>
      </c>
      <c r="EX22" s="160">
        <v>8</v>
      </c>
      <c r="EY22" s="165">
        <v>211</v>
      </c>
      <c r="EZ22" s="164">
        <v>255</v>
      </c>
    </row>
    <row r="23" spans="2:156" ht="21" customHeight="1" x14ac:dyDescent="0.2">
      <c r="B23" s="166" t="s">
        <v>21</v>
      </c>
      <c r="C23" s="159">
        <v>0</v>
      </c>
      <c r="D23" s="160">
        <v>0</v>
      </c>
      <c r="E23" s="161">
        <v>0</v>
      </c>
      <c r="F23" s="162">
        <v>0</v>
      </c>
      <c r="G23" s="160">
        <v>14</v>
      </c>
      <c r="H23" s="160">
        <v>18</v>
      </c>
      <c r="I23" s="160">
        <v>6</v>
      </c>
      <c r="J23" s="160">
        <v>6</v>
      </c>
      <c r="K23" s="160">
        <v>6</v>
      </c>
      <c r="L23" s="163">
        <v>50</v>
      </c>
      <c r="M23" s="164">
        <v>50</v>
      </c>
      <c r="N23" s="159">
        <v>0</v>
      </c>
      <c r="O23" s="160">
        <v>0</v>
      </c>
      <c r="P23" s="165">
        <v>0</v>
      </c>
      <c r="Q23" s="162">
        <v>0</v>
      </c>
      <c r="R23" s="160">
        <v>0</v>
      </c>
      <c r="S23" s="160">
        <v>0</v>
      </c>
      <c r="T23" s="160">
        <v>1</v>
      </c>
      <c r="U23" s="160">
        <v>1</v>
      </c>
      <c r="V23" s="160">
        <v>3</v>
      </c>
      <c r="W23" s="165">
        <v>5</v>
      </c>
      <c r="X23" s="164">
        <v>5</v>
      </c>
      <c r="Y23" s="159">
        <v>3</v>
      </c>
      <c r="Z23" s="160">
        <v>4</v>
      </c>
      <c r="AA23" s="165">
        <v>7</v>
      </c>
      <c r="AB23" s="162">
        <v>0</v>
      </c>
      <c r="AC23" s="160">
        <v>20</v>
      </c>
      <c r="AD23" s="160">
        <v>14</v>
      </c>
      <c r="AE23" s="160">
        <v>7</v>
      </c>
      <c r="AF23" s="160">
        <v>7</v>
      </c>
      <c r="AG23" s="160">
        <v>2</v>
      </c>
      <c r="AH23" s="165">
        <v>50</v>
      </c>
      <c r="AI23" s="164">
        <v>57</v>
      </c>
      <c r="AJ23" s="159">
        <v>2</v>
      </c>
      <c r="AK23" s="160">
        <v>1</v>
      </c>
      <c r="AL23" s="165">
        <v>3</v>
      </c>
      <c r="AM23" s="162">
        <v>0</v>
      </c>
      <c r="AN23" s="160">
        <v>1</v>
      </c>
      <c r="AO23" s="160">
        <v>4</v>
      </c>
      <c r="AP23" s="160">
        <v>0</v>
      </c>
      <c r="AQ23" s="160">
        <v>1</v>
      </c>
      <c r="AR23" s="160">
        <v>2</v>
      </c>
      <c r="AS23" s="165">
        <v>8</v>
      </c>
      <c r="AT23" s="164">
        <v>11</v>
      </c>
      <c r="AU23" s="159">
        <v>2</v>
      </c>
      <c r="AV23" s="160">
        <v>2</v>
      </c>
      <c r="AW23" s="165">
        <v>4</v>
      </c>
      <c r="AX23" s="162">
        <v>0</v>
      </c>
      <c r="AY23" s="160">
        <v>14</v>
      </c>
      <c r="AZ23" s="160">
        <v>24</v>
      </c>
      <c r="BA23" s="160">
        <v>9</v>
      </c>
      <c r="BB23" s="160">
        <v>17</v>
      </c>
      <c r="BC23" s="160">
        <v>8</v>
      </c>
      <c r="BD23" s="163">
        <v>72</v>
      </c>
      <c r="BE23" s="164">
        <v>76</v>
      </c>
      <c r="BF23" s="159">
        <v>0</v>
      </c>
      <c r="BG23" s="160">
        <v>0</v>
      </c>
      <c r="BH23" s="165">
        <v>0</v>
      </c>
      <c r="BI23" s="162">
        <v>0</v>
      </c>
      <c r="BJ23" s="160">
        <v>18</v>
      </c>
      <c r="BK23" s="160">
        <v>20</v>
      </c>
      <c r="BL23" s="160">
        <v>10</v>
      </c>
      <c r="BM23" s="160">
        <v>2</v>
      </c>
      <c r="BN23" s="160">
        <v>1</v>
      </c>
      <c r="BO23" s="165">
        <v>51</v>
      </c>
      <c r="BP23" s="164">
        <v>51</v>
      </c>
      <c r="BQ23" s="159">
        <v>1</v>
      </c>
      <c r="BR23" s="160">
        <v>2</v>
      </c>
      <c r="BS23" s="165">
        <v>3</v>
      </c>
      <c r="BT23" s="162">
        <v>0</v>
      </c>
      <c r="BU23" s="160">
        <v>4</v>
      </c>
      <c r="BV23" s="160">
        <v>6</v>
      </c>
      <c r="BW23" s="160">
        <v>2</v>
      </c>
      <c r="BX23" s="160">
        <v>1</v>
      </c>
      <c r="BY23" s="160">
        <v>1</v>
      </c>
      <c r="BZ23" s="165">
        <v>14</v>
      </c>
      <c r="CA23" s="164">
        <v>17</v>
      </c>
      <c r="CB23" s="159">
        <v>0</v>
      </c>
      <c r="CC23" s="160">
        <v>1</v>
      </c>
      <c r="CD23" s="165">
        <v>1</v>
      </c>
      <c r="CE23" s="162">
        <v>0</v>
      </c>
      <c r="CF23" s="160">
        <v>2</v>
      </c>
      <c r="CG23" s="160">
        <v>4</v>
      </c>
      <c r="CH23" s="160">
        <v>2</v>
      </c>
      <c r="CI23" s="160">
        <v>2</v>
      </c>
      <c r="CJ23" s="160">
        <v>2</v>
      </c>
      <c r="CK23" s="165">
        <v>12</v>
      </c>
      <c r="CL23" s="164">
        <v>13</v>
      </c>
      <c r="CM23" s="159">
        <v>0</v>
      </c>
      <c r="CN23" s="160">
        <v>0</v>
      </c>
      <c r="CO23" s="165">
        <v>0</v>
      </c>
      <c r="CP23" s="162">
        <v>0</v>
      </c>
      <c r="CQ23" s="160">
        <v>0</v>
      </c>
      <c r="CR23" s="160">
        <v>0</v>
      </c>
      <c r="CS23" s="160">
        <v>0</v>
      </c>
      <c r="CT23" s="160">
        <v>0</v>
      </c>
      <c r="CU23" s="160">
        <v>0</v>
      </c>
      <c r="CV23" s="165">
        <v>0</v>
      </c>
      <c r="CW23" s="164">
        <v>0</v>
      </c>
      <c r="CX23" s="159">
        <v>0</v>
      </c>
      <c r="CY23" s="160">
        <v>0</v>
      </c>
      <c r="CZ23" s="165">
        <v>0</v>
      </c>
      <c r="DA23" s="162">
        <v>0</v>
      </c>
      <c r="DB23" s="160">
        <v>0</v>
      </c>
      <c r="DC23" s="160">
        <v>0</v>
      </c>
      <c r="DD23" s="160">
        <v>0</v>
      </c>
      <c r="DE23" s="160">
        <v>0</v>
      </c>
      <c r="DF23" s="160">
        <v>0</v>
      </c>
      <c r="DG23" s="165">
        <v>0</v>
      </c>
      <c r="DH23" s="164">
        <v>0</v>
      </c>
      <c r="DI23" s="159">
        <v>0</v>
      </c>
      <c r="DJ23" s="160">
        <v>0</v>
      </c>
      <c r="DK23" s="165">
        <v>0</v>
      </c>
      <c r="DL23" s="162">
        <v>0</v>
      </c>
      <c r="DM23" s="160">
        <v>0</v>
      </c>
      <c r="DN23" s="160">
        <v>0</v>
      </c>
      <c r="DO23" s="160">
        <v>0</v>
      </c>
      <c r="DP23" s="160">
        <v>0</v>
      </c>
      <c r="DQ23" s="160">
        <v>0</v>
      </c>
      <c r="DR23" s="165">
        <v>0</v>
      </c>
      <c r="DS23" s="164">
        <v>0</v>
      </c>
      <c r="DT23" s="159">
        <v>9</v>
      </c>
      <c r="DU23" s="160">
        <v>21</v>
      </c>
      <c r="DV23" s="165">
        <v>30</v>
      </c>
      <c r="DW23" s="162">
        <v>0</v>
      </c>
      <c r="DX23" s="160">
        <v>24</v>
      </c>
      <c r="DY23" s="160">
        <v>43</v>
      </c>
      <c r="DZ23" s="160">
        <v>16</v>
      </c>
      <c r="EA23" s="160">
        <v>13</v>
      </c>
      <c r="EB23" s="160">
        <v>8</v>
      </c>
      <c r="EC23" s="165">
        <v>104</v>
      </c>
      <c r="ED23" s="164">
        <v>134</v>
      </c>
      <c r="EE23" s="159">
        <v>0</v>
      </c>
      <c r="EF23" s="160">
        <v>1</v>
      </c>
      <c r="EG23" s="165">
        <v>1</v>
      </c>
      <c r="EH23" s="162">
        <v>0</v>
      </c>
      <c r="EI23" s="160">
        <v>6</v>
      </c>
      <c r="EJ23" s="160">
        <v>6</v>
      </c>
      <c r="EK23" s="160">
        <v>3</v>
      </c>
      <c r="EL23" s="160">
        <v>5</v>
      </c>
      <c r="EM23" s="160">
        <v>3</v>
      </c>
      <c r="EN23" s="165">
        <v>23</v>
      </c>
      <c r="EO23" s="164">
        <v>24</v>
      </c>
      <c r="EP23" s="159">
        <v>14</v>
      </c>
      <c r="EQ23" s="160">
        <v>24</v>
      </c>
      <c r="ER23" s="165">
        <v>38</v>
      </c>
      <c r="ES23" s="162">
        <v>0</v>
      </c>
      <c r="ET23" s="160">
        <v>59</v>
      </c>
      <c r="EU23" s="160">
        <v>56</v>
      </c>
      <c r="EV23" s="160">
        <v>20</v>
      </c>
      <c r="EW23" s="160">
        <v>13</v>
      </c>
      <c r="EX23" s="160">
        <v>9</v>
      </c>
      <c r="EY23" s="165">
        <v>157</v>
      </c>
      <c r="EZ23" s="164">
        <v>195</v>
      </c>
    </row>
    <row r="24" spans="2:156" ht="21" customHeight="1" x14ac:dyDescent="0.2">
      <c r="B24" s="166" t="s">
        <v>22</v>
      </c>
      <c r="C24" s="159">
        <v>0</v>
      </c>
      <c r="D24" s="160">
        <v>0</v>
      </c>
      <c r="E24" s="161">
        <v>0</v>
      </c>
      <c r="F24" s="162">
        <v>0</v>
      </c>
      <c r="G24" s="160">
        <v>9</v>
      </c>
      <c r="H24" s="160">
        <v>5</v>
      </c>
      <c r="I24" s="160">
        <v>2</v>
      </c>
      <c r="J24" s="160">
        <v>1</v>
      </c>
      <c r="K24" s="160">
        <v>3</v>
      </c>
      <c r="L24" s="163">
        <v>20</v>
      </c>
      <c r="M24" s="164">
        <v>20</v>
      </c>
      <c r="N24" s="159">
        <v>0</v>
      </c>
      <c r="O24" s="160">
        <v>0</v>
      </c>
      <c r="P24" s="165">
        <v>0</v>
      </c>
      <c r="Q24" s="162">
        <v>0</v>
      </c>
      <c r="R24" s="160">
        <v>0</v>
      </c>
      <c r="S24" s="160">
        <v>0</v>
      </c>
      <c r="T24" s="160">
        <v>0</v>
      </c>
      <c r="U24" s="160">
        <v>0</v>
      </c>
      <c r="V24" s="160">
        <v>0</v>
      </c>
      <c r="W24" s="165">
        <v>0</v>
      </c>
      <c r="X24" s="164">
        <v>0</v>
      </c>
      <c r="Y24" s="159">
        <v>0</v>
      </c>
      <c r="Z24" s="160">
        <v>1</v>
      </c>
      <c r="AA24" s="165">
        <v>1</v>
      </c>
      <c r="AB24" s="162">
        <v>0</v>
      </c>
      <c r="AC24" s="160">
        <v>5</v>
      </c>
      <c r="AD24" s="160">
        <v>6</v>
      </c>
      <c r="AE24" s="160">
        <v>3</v>
      </c>
      <c r="AF24" s="160">
        <v>2</v>
      </c>
      <c r="AG24" s="160">
        <v>2</v>
      </c>
      <c r="AH24" s="165">
        <v>18</v>
      </c>
      <c r="AI24" s="164">
        <v>19</v>
      </c>
      <c r="AJ24" s="159">
        <v>1</v>
      </c>
      <c r="AK24" s="160">
        <v>0</v>
      </c>
      <c r="AL24" s="165">
        <v>1</v>
      </c>
      <c r="AM24" s="162">
        <v>0</v>
      </c>
      <c r="AN24" s="160">
        <v>0</v>
      </c>
      <c r="AO24" s="160">
        <v>1</v>
      </c>
      <c r="AP24" s="160">
        <v>0</v>
      </c>
      <c r="AQ24" s="160">
        <v>0</v>
      </c>
      <c r="AR24" s="160">
        <v>0</v>
      </c>
      <c r="AS24" s="165">
        <v>1</v>
      </c>
      <c r="AT24" s="164">
        <v>2</v>
      </c>
      <c r="AU24" s="159">
        <v>2</v>
      </c>
      <c r="AV24" s="160">
        <v>0</v>
      </c>
      <c r="AW24" s="165">
        <v>2</v>
      </c>
      <c r="AX24" s="162">
        <v>0</v>
      </c>
      <c r="AY24" s="160">
        <v>7</v>
      </c>
      <c r="AZ24" s="160">
        <v>4</v>
      </c>
      <c r="BA24" s="160">
        <v>6</v>
      </c>
      <c r="BB24" s="160">
        <v>7</v>
      </c>
      <c r="BC24" s="160">
        <v>1</v>
      </c>
      <c r="BD24" s="163">
        <v>25</v>
      </c>
      <c r="BE24" s="164">
        <v>27</v>
      </c>
      <c r="BF24" s="159">
        <v>0</v>
      </c>
      <c r="BG24" s="160">
        <v>0</v>
      </c>
      <c r="BH24" s="165">
        <v>0</v>
      </c>
      <c r="BI24" s="162">
        <v>0</v>
      </c>
      <c r="BJ24" s="160">
        <v>14</v>
      </c>
      <c r="BK24" s="160">
        <v>10</v>
      </c>
      <c r="BL24" s="160">
        <v>10</v>
      </c>
      <c r="BM24" s="160">
        <v>0</v>
      </c>
      <c r="BN24" s="160">
        <v>0</v>
      </c>
      <c r="BO24" s="165">
        <v>34</v>
      </c>
      <c r="BP24" s="164">
        <v>34</v>
      </c>
      <c r="BQ24" s="159">
        <v>1</v>
      </c>
      <c r="BR24" s="160">
        <v>1</v>
      </c>
      <c r="BS24" s="165">
        <v>2</v>
      </c>
      <c r="BT24" s="162">
        <v>0</v>
      </c>
      <c r="BU24" s="160">
        <v>3</v>
      </c>
      <c r="BV24" s="160">
        <v>2</v>
      </c>
      <c r="BW24" s="160">
        <v>1</v>
      </c>
      <c r="BX24" s="160">
        <v>1</v>
      </c>
      <c r="BY24" s="160">
        <v>1</v>
      </c>
      <c r="BZ24" s="165">
        <v>8</v>
      </c>
      <c r="CA24" s="164">
        <v>10</v>
      </c>
      <c r="CB24" s="159">
        <v>0</v>
      </c>
      <c r="CC24" s="160">
        <v>0</v>
      </c>
      <c r="CD24" s="165">
        <v>0</v>
      </c>
      <c r="CE24" s="162">
        <v>0</v>
      </c>
      <c r="CF24" s="160">
        <v>0</v>
      </c>
      <c r="CG24" s="160">
        <v>0</v>
      </c>
      <c r="CH24" s="160">
        <v>2</v>
      </c>
      <c r="CI24" s="160">
        <v>2</v>
      </c>
      <c r="CJ24" s="160">
        <v>0</v>
      </c>
      <c r="CK24" s="165">
        <v>4</v>
      </c>
      <c r="CL24" s="164">
        <v>4</v>
      </c>
      <c r="CM24" s="159">
        <v>0</v>
      </c>
      <c r="CN24" s="160">
        <v>0</v>
      </c>
      <c r="CO24" s="165">
        <v>0</v>
      </c>
      <c r="CP24" s="162">
        <v>0</v>
      </c>
      <c r="CQ24" s="160">
        <v>0</v>
      </c>
      <c r="CR24" s="160">
        <v>1</v>
      </c>
      <c r="CS24" s="160">
        <v>0</v>
      </c>
      <c r="CT24" s="160">
        <v>0</v>
      </c>
      <c r="CU24" s="160">
        <v>1</v>
      </c>
      <c r="CV24" s="165">
        <v>2</v>
      </c>
      <c r="CW24" s="164">
        <v>2</v>
      </c>
      <c r="CX24" s="159">
        <v>0</v>
      </c>
      <c r="CY24" s="160">
        <v>0</v>
      </c>
      <c r="CZ24" s="165">
        <v>0</v>
      </c>
      <c r="DA24" s="162">
        <v>0</v>
      </c>
      <c r="DB24" s="160">
        <v>0</v>
      </c>
      <c r="DC24" s="160">
        <v>0</v>
      </c>
      <c r="DD24" s="160">
        <v>0</v>
      </c>
      <c r="DE24" s="160">
        <v>0</v>
      </c>
      <c r="DF24" s="160">
        <v>0</v>
      </c>
      <c r="DG24" s="165">
        <v>0</v>
      </c>
      <c r="DH24" s="164">
        <v>0</v>
      </c>
      <c r="DI24" s="159">
        <v>0</v>
      </c>
      <c r="DJ24" s="160">
        <v>0</v>
      </c>
      <c r="DK24" s="165">
        <v>0</v>
      </c>
      <c r="DL24" s="162">
        <v>0</v>
      </c>
      <c r="DM24" s="160">
        <v>0</v>
      </c>
      <c r="DN24" s="160">
        <v>0</v>
      </c>
      <c r="DO24" s="160">
        <v>0</v>
      </c>
      <c r="DP24" s="160">
        <v>0</v>
      </c>
      <c r="DQ24" s="160">
        <v>0</v>
      </c>
      <c r="DR24" s="165">
        <v>0</v>
      </c>
      <c r="DS24" s="164">
        <v>0</v>
      </c>
      <c r="DT24" s="159">
        <v>2</v>
      </c>
      <c r="DU24" s="160">
        <v>6</v>
      </c>
      <c r="DV24" s="165">
        <v>8</v>
      </c>
      <c r="DW24" s="162">
        <v>0</v>
      </c>
      <c r="DX24" s="160">
        <v>18</v>
      </c>
      <c r="DY24" s="160">
        <v>15</v>
      </c>
      <c r="DZ24" s="160">
        <v>12</v>
      </c>
      <c r="EA24" s="160">
        <v>5</v>
      </c>
      <c r="EB24" s="160">
        <v>6</v>
      </c>
      <c r="EC24" s="165">
        <v>56</v>
      </c>
      <c r="ED24" s="164">
        <v>64</v>
      </c>
      <c r="EE24" s="159">
        <v>0</v>
      </c>
      <c r="EF24" s="160">
        <v>1</v>
      </c>
      <c r="EG24" s="165">
        <v>1</v>
      </c>
      <c r="EH24" s="162">
        <v>0</v>
      </c>
      <c r="EI24" s="160">
        <v>4</v>
      </c>
      <c r="EJ24" s="160">
        <v>1</v>
      </c>
      <c r="EK24" s="160">
        <v>2</v>
      </c>
      <c r="EL24" s="160">
        <v>6</v>
      </c>
      <c r="EM24" s="160">
        <v>0</v>
      </c>
      <c r="EN24" s="165">
        <v>13</v>
      </c>
      <c r="EO24" s="164">
        <v>14</v>
      </c>
      <c r="EP24" s="159">
        <v>3</v>
      </c>
      <c r="EQ24" s="160">
        <v>6</v>
      </c>
      <c r="ER24" s="165">
        <v>9</v>
      </c>
      <c r="ES24" s="162">
        <v>0</v>
      </c>
      <c r="ET24" s="160">
        <v>37</v>
      </c>
      <c r="EU24" s="160">
        <v>21</v>
      </c>
      <c r="EV24" s="160">
        <v>10</v>
      </c>
      <c r="EW24" s="160">
        <v>6</v>
      </c>
      <c r="EX24" s="160">
        <v>6</v>
      </c>
      <c r="EY24" s="165">
        <v>80</v>
      </c>
      <c r="EZ24" s="164">
        <v>89</v>
      </c>
    </row>
    <row r="25" spans="2:156" ht="21" customHeight="1" x14ac:dyDescent="0.2">
      <c r="B25" s="166" t="s">
        <v>23</v>
      </c>
      <c r="C25" s="159">
        <v>0</v>
      </c>
      <c r="D25" s="160">
        <v>0</v>
      </c>
      <c r="E25" s="161">
        <v>0</v>
      </c>
      <c r="F25" s="162">
        <v>0</v>
      </c>
      <c r="G25" s="160">
        <v>8</v>
      </c>
      <c r="H25" s="160">
        <v>6</v>
      </c>
      <c r="I25" s="160">
        <v>2</v>
      </c>
      <c r="J25" s="160">
        <v>3</v>
      </c>
      <c r="K25" s="160">
        <v>1</v>
      </c>
      <c r="L25" s="163">
        <v>20</v>
      </c>
      <c r="M25" s="164">
        <v>20</v>
      </c>
      <c r="N25" s="159">
        <v>0</v>
      </c>
      <c r="O25" s="160">
        <v>0</v>
      </c>
      <c r="P25" s="165">
        <v>0</v>
      </c>
      <c r="Q25" s="162">
        <v>0</v>
      </c>
      <c r="R25" s="160">
        <v>0</v>
      </c>
      <c r="S25" s="160">
        <v>0</v>
      </c>
      <c r="T25" s="160">
        <v>0</v>
      </c>
      <c r="U25" s="160">
        <v>2</v>
      </c>
      <c r="V25" s="160">
        <v>0</v>
      </c>
      <c r="W25" s="165">
        <v>2</v>
      </c>
      <c r="X25" s="164">
        <v>2</v>
      </c>
      <c r="Y25" s="159">
        <v>6</v>
      </c>
      <c r="Z25" s="160">
        <v>3</v>
      </c>
      <c r="AA25" s="165">
        <v>9</v>
      </c>
      <c r="AB25" s="162">
        <v>0</v>
      </c>
      <c r="AC25" s="160">
        <v>7</v>
      </c>
      <c r="AD25" s="160">
        <v>11</v>
      </c>
      <c r="AE25" s="160">
        <v>2</v>
      </c>
      <c r="AF25" s="160">
        <v>4</v>
      </c>
      <c r="AG25" s="160">
        <v>2</v>
      </c>
      <c r="AH25" s="165">
        <v>26</v>
      </c>
      <c r="AI25" s="164">
        <v>35</v>
      </c>
      <c r="AJ25" s="159">
        <v>0</v>
      </c>
      <c r="AK25" s="160">
        <v>0</v>
      </c>
      <c r="AL25" s="165">
        <v>0</v>
      </c>
      <c r="AM25" s="162">
        <v>0</v>
      </c>
      <c r="AN25" s="160">
        <v>1</v>
      </c>
      <c r="AO25" s="160">
        <v>0</v>
      </c>
      <c r="AP25" s="160">
        <v>0</v>
      </c>
      <c r="AQ25" s="160">
        <v>1</v>
      </c>
      <c r="AR25" s="160">
        <v>0</v>
      </c>
      <c r="AS25" s="165">
        <v>2</v>
      </c>
      <c r="AT25" s="164">
        <v>2</v>
      </c>
      <c r="AU25" s="159">
        <v>4</v>
      </c>
      <c r="AV25" s="160">
        <v>1</v>
      </c>
      <c r="AW25" s="165">
        <v>5</v>
      </c>
      <c r="AX25" s="162">
        <v>0</v>
      </c>
      <c r="AY25" s="160">
        <v>14</v>
      </c>
      <c r="AZ25" s="160">
        <v>10</v>
      </c>
      <c r="BA25" s="160">
        <v>9</v>
      </c>
      <c r="BB25" s="160">
        <v>8</v>
      </c>
      <c r="BC25" s="160">
        <v>3</v>
      </c>
      <c r="BD25" s="163">
        <v>44</v>
      </c>
      <c r="BE25" s="164">
        <v>49</v>
      </c>
      <c r="BF25" s="159">
        <v>0</v>
      </c>
      <c r="BG25" s="160">
        <v>0</v>
      </c>
      <c r="BH25" s="165">
        <v>0</v>
      </c>
      <c r="BI25" s="162">
        <v>0</v>
      </c>
      <c r="BJ25" s="160">
        <v>14</v>
      </c>
      <c r="BK25" s="160">
        <v>16</v>
      </c>
      <c r="BL25" s="160">
        <v>5</v>
      </c>
      <c r="BM25" s="160">
        <v>2</v>
      </c>
      <c r="BN25" s="160">
        <v>3</v>
      </c>
      <c r="BO25" s="165">
        <v>40</v>
      </c>
      <c r="BP25" s="164">
        <v>40</v>
      </c>
      <c r="BQ25" s="159">
        <v>0</v>
      </c>
      <c r="BR25" s="160">
        <v>0</v>
      </c>
      <c r="BS25" s="165">
        <v>0</v>
      </c>
      <c r="BT25" s="162">
        <v>0</v>
      </c>
      <c r="BU25" s="160">
        <v>3</v>
      </c>
      <c r="BV25" s="160">
        <v>3</v>
      </c>
      <c r="BW25" s="160">
        <v>0</v>
      </c>
      <c r="BX25" s="160">
        <v>1</v>
      </c>
      <c r="BY25" s="160">
        <v>0</v>
      </c>
      <c r="BZ25" s="165">
        <v>7</v>
      </c>
      <c r="CA25" s="164">
        <v>7</v>
      </c>
      <c r="CB25" s="159">
        <v>0</v>
      </c>
      <c r="CC25" s="160">
        <v>0</v>
      </c>
      <c r="CD25" s="165">
        <v>0</v>
      </c>
      <c r="CE25" s="162">
        <v>0</v>
      </c>
      <c r="CF25" s="160">
        <v>1</v>
      </c>
      <c r="CG25" s="160">
        <v>0</v>
      </c>
      <c r="CH25" s="160">
        <v>2</v>
      </c>
      <c r="CI25" s="160">
        <v>2</v>
      </c>
      <c r="CJ25" s="160">
        <v>1</v>
      </c>
      <c r="CK25" s="165">
        <v>6</v>
      </c>
      <c r="CL25" s="164">
        <v>6</v>
      </c>
      <c r="CM25" s="159">
        <v>0</v>
      </c>
      <c r="CN25" s="160">
        <v>0</v>
      </c>
      <c r="CO25" s="165">
        <v>0</v>
      </c>
      <c r="CP25" s="162">
        <v>0</v>
      </c>
      <c r="CQ25" s="160">
        <v>1</v>
      </c>
      <c r="CR25" s="160">
        <v>1</v>
      </c>
      <c r="CS25" s="160">
        <v>0</v>
      </c>
      <c r="CT25" s="160">
        <v>0</v>
      </c>
      <c r="CU25" s="160">
        <v>0</v>
      </c>
      <c r="CV25" s="165">
        <v>2</v>
      </c>
      <c r="CW25" s="164">
        <v>2</v>
      </c>
      <c r="CX25" s="159">
        <v>0</v>
      </c>
      <c r="CY25" s="160">
        <v>0</v>
      </c>
      <c r="CZ25" s="165">
        <v>0</v>
      </c>
      <c r="DA25" s="162">
        <v>0</v>
      </c>
      <c r="DB25" s="160">
        <v>0</v>
      </c>
      <c r="DC25" s="160">
        <v>0</v>
      </c>
      <c r="DD25" s="160">
        <v>0</v>
      </c>
      <c r="DE25" s="160">
        <v>0</v>
      </c>
      <c r="DF25" s="160">
        <v>0</v>
      </c>
      <c r="DG25" s="165">
        <v>0</v>
      </c>
      <c r="DH25" s="164">
        <v>0</v>
      </c>
      <c r="DI25" s="159">
        <v>0</v>
      </c>
      <c r="DJ25" s="160">
        <v>0</v>
      </c>
      <c r="DK25" s="165">
        <v>0</v>
      </c>
      <c r="DL25" s="162">
        <v>0</v>
      </c>
      <c r="DM25" s="160">
        <v>0</v>
      </c>
      <c r="DN25" s="160">
        <v>0</v>
      </c>
      <c r="DO25" s="160">
        <v>0</v>
      </c>
      <c r="DP25" s="160">
        <v>0</v>
      </c>
      <c r="DQ25" s="160">
        <v>0</v>
      </c>
      <c r="DR25" s="165">
        <v>0</v>
      </c>
      <c r="DS25" s="164">
        <v>0</v>
      </c>
      <c r="DT25" s="159">
        <v>4</v>
      </c>
      <c r="DU25" s="160">
        <v>11</v>
      </c>
      <c r="DV25" s="165">
        <v>15</v>
      </c>
      <c r="DW25" s="162">
        <v>0</v>
      </c>
      <c r="DX25" s="160">
        <v>13</v>
      </c>
      <c r="DY25" s="160">
        <v>17</v>
      </c>
      <c r="DZ25" s="160">
        <v>5</v>
      </c>
      <c r="EA25" s="160">
        <v>7</v>
      </c>
      <c r="EB25" s="160">
        <v>4</v>
      </c>
      <c r="EC25" s="165">
        <v>46</v>
      </c>
      <c r="ED25" s="164">
        <v>61</v>
      </c>
      <c r="EE25" s="159">
        <v>4</v>
      </c>
      <c r="EF25" s="160">
        <v>0</v>
      </c>
      <c r="EG25" s="165">
        <v>4</v>
      </c>
      <c r="EH25" s="162">
        <v>0</v>
      </c>
      <c r="EI25" s="160">
        <v>5</v>
      </c>
      <c r="EJ25" s="160">
        <v>1</v>
      </c>
      <c r="EK25" s="160">
        <v>2</v>
      </c>
      <c r="EL25" s="160">
        <v>3</v>
      </c>
      <c r="EM25" s="160">
        <v>1</v>
      </c>
      <c r="EN25" s="165">
        <v>12</v>
      </c>
      <c r="EO25" s="164">
        <v>16</v>
      </c>
      <c r="EP25" s="159">
        <v>8</v>
      </c>
      <c r="EQ25" s="160">
        <v>14</v>
      </c>
      <c r="ER25" s="165">
        <v>22</v>
      </c>
      <c r="ES25" s="162">
        <v>0</v>
      </c>
      <c r="ET25" s="160">
        <v>28</v>
      </c>
      <c r="EU25" s="160">
        <v>28</v>
      </c>
      <c r="EV25" s="160">
        <v>9</v>
      </c>
      <c r="EW25" s="160">
        <v>9</v>
      </c>
      <c r="EX25" s="160">
        <v>5</v>
      </c>
      <c r="EY25" s="165">
        <v>79</v>
      </c>
      <c r="EZ25" s="164">
        <v>101</v>
      </c>
    </row>
    <row r="26" spans="2:156" ht="21" customHeight="1" x14ac:dyDescent="0.2">
      <c r="B26" s="166" t="s">
        <v>24</v>
      </c>
      <c r="C26" s="159">
        <v>0</v>
      </c>
      <c r="D26" s="160">
        <v>0</v>
      </c>
      <c r="E26" s="161">
        <v>0</v>
      </c>
      <c r="F26" s="162">
        <v>0</v>
      </c>
      <c r="G26" s="160">
        <v>6</v>
      </c>
      <c r="H26" s="160">
        <v>4</v>
      </c>
      <c r="I26" s="160">
        <v>3</v>
      </c>
      <c r="J26" s="160">
        <v>4</v>
      </c>
      <c r="K26" s="160">
        <v>3</v>
      </c>
      <c r="L26" s="163">
        <v>20</v>
      </c>
      <c r="M26" s="164">
        <v>20</v>
      </c>
      <c r="N26" s="159">
        <v>0</v>
      </c>
      <c r="O26" s="160">
        <v>0</v>
      </c>
      <c r="P26" s="165">
        <v>0</v>
      </c>
      <c r="Q26" s="162">
        <v>0</v>
      </c>
      <c r="R26" s="160">
        <v>0</v>
      </c>
      <c r="S26" s="160">
        <v>0</v>
      </c>
      <c r="T26" s="160">
        <v>0</v>
      </c>
      <c r="U26" s="160">
        <v>2</v>
      </c>
      <c r="V26" s="160">
        <v>2</v>
      </c>
      <c r="W26" s="165">
        <v>4</v>
      </c>
      <c r="X26" s="164">
        <v>4</v>
      </c>
      <c r="Y26" s="159">
        <v>2</v>
      </c>
      <c r="Z26" s="160">
        <v>2</v>
      </c>
      <c r="AA26" s="165">
        <v>4</v>
      </c>
      <c r="AB26" s="162">
        <v>0</v>
      </c>
      <c r="AC26" s="160">
        <v>10</v>
      </c>
      <c r="AD26" s="160">
        <v>6</v>
      </c>
      <c r="AE26" s="160">
        <v>7</v>
      </c>
      <c r="AF26" s="160">
        <v>3</v>
      </c>
      <c r="AG26" s="160">
        <v>1</v>
      </c>
      <c r="AH26" s="165">
        <v>27</v>
      </c>
      <c r="AI26" s="164">
        <v>31</v>
      </c>
      <c r="AJ26" s="159">
        <v>0</v>
      </c>
      <c r="AK26" s="160">
        <v>0</v>
      </c>
      <c r="AL26" s="165">
        <v>0</v>
      </c>
      <c r="AM26" s="162">
        <v>0</v>
      </c>
      <c r="AN26" s="160">
        <v>1</v>
      </c>
      <c r="AO26" s="160">
        <v>1</v>
      </c>
      <c r="AP26" s="160">
        <v>0</v>
      </c>
      <c r="AQ26" s="160">
        <v>0</v>
      </c>
      <c r="AR26" s="160">
        <v>0</v>
      </c>
      <c r="AS26" s="165">
        <v>2</v>
      </c>
      <c r="AT26" s="164">
        <v>2</v>
      </c>
      <c r="AU26" s="159">
        <v>5</v>
      </c>
      <c r="AV26" s="160">
        <v>1</v>
      </c>
      <c r="AW26" s="165">
        <v>6</v>
      </c>
      <c r="AX26" s="162">
        <v>0</v>
      </c>
      <c r="AY26" s="160">
        <v>12</v>
      </c>
      <c r="AZ26" s="160">
        <v>9</v>
      </c>
      <c r="BA26" s="160">
        <v>12</v>
      </c>
      <c r="BB26" s="160">
        <v>8</v>
      </c>
      <c r="BC26" s="160">
        <v>5</v>
      </c>
      <c r="BD26" s="163">
        <v>46</v>
      </c>
      <c r="BE26" s="164">
        <v>52</v>
      </c>
      <c r="BF26" s="159">
        <v>0</v>
      </c>
      <c r="BG26" s="160">
        <v>0</v>
      </c>
      <c r="BH26" s="165">
        <v>0</v>
      </c>
      <c r="BI26" s="162">
        <v>0</v>
      </c>
      <c r="BJ26" s="160">
        <v>13</v>
      </c>
      <c r="BK26" s="160">
        <v>11</v>
      </c>
      <c r="BL26" s="160">
        <v>3</v>
      </c>
      <c r="BM26" s="160">
        <v>1</v>
      </c>
      <c r="BN26" s="160">
        <v>1</v>
      </c>
      <c r="BO26" s="165">
        <v>29</v>
      </c>
      <c r="BP26" s="164">
        <v>29</v>
      </c>
      <c r="BQ26" s="159">
        <v>1</v>
      </c>
      <c r="BR26" s="160">
        <v>2</v>
      </c>
      <c r="BS26" s="165">
        <v>3</v>
      </c>
      <c r="BT26" s="162">
        <v>0</v>
      </c>
      <c r="BU26" s="160">
        <v>2</v>
      </c>
      <c r="BV26" s="160">
        <v>6</v>
      </c>
      <c r="BW26" s="160">
        <v>3</v>
      </c>
      <c r="BX26" s="160">
        <v>2</v>
      </c>
      <c r="BY26" s="160">
        <v>0</v>
      </c>
      <c r="BZ26" s="165">
        <v>13</v>
      </c>
      <c r="CA26" s="164">
        <v>16</v>
      </c>
      <c r="CB26" s="159">
        <v>0</v>
      </c>
      <c r="CC26" s="160">
        <v>0</v>
      </c>
      <c r="CD26" s="165">
        <v>0</v>
      </c>
      <c r="CE26" s="162">
        <v>0</v>
      </c>
      <c r="CF26" s="160">
        <v>1</v>
      </c>
      <c r="CG26" s="160">
        <v>6</v>
      </c>
      <c r="CH26" s="160">
        <v>1</v>
      </c>
      <c r="CI26" s="160">
        <v>2</v>
      </c>
      <c r="CJ26" s="160">
        <v>0</v>
      </c>
      <c r="CK26" s="165">
        <v>10</v>
      </c>
      <c r="CL26" s="164">
        <v>10</v>
      </c>
      <c r="CM26" s="159">
        <v>0</v>
      </c>
      <c r="CN26" s="160">
        <v>0</v>
      </c>
      <c r="CO26" s="165">
        <v>0</v>
      </c>
      <c r="CP26" s="162">
        <v>0</v>
      </c>
      <c r="CQ26" s="160">
        <v>1</v>
      </c>
      <c r="CR26" s="160">
        <v>1</v>
      </c>
      <c r="CS26" s="160">
        <v>0</v>
      </c>
      <c r="CT26" s="160">
        <v>0</v>
      </c>
      <c r="CU26" s="160">
        <v>0</v>
      </c>
      <c r="CV26" s="165">
        <v>2</v>
      </c>
      <c r="CW26" s="164">
        <v>2</v>
      </c>
      <c r="CX26" s="159">
        <v>0</v>
      </c>
      <c r="CY26" s="160">
        <v>0</v>
      </c>
      <c r="CZ26" s="165">
        <v>0</v>
      </c>
      <c r="DA26" s="162">
        <v>0</v>
      </c>
      <c r="DB26" s="160">
        <v>0</v>
      </c>
      <c r="DC26" s="160">
        <v>0</v>
      </c>
      <c r="DD26" s="160">
        <v>0</v>
      </c>
      <c r="DE26" s="160">
        <v>0</v>
      </c>
      <c r="DF26" s="160">
        <v>0</v>
      </c>
      <c r="DG26" s="165">
        <v>0</v>
      </c>
      <c r="DH26" s="164">
        <v>0</v>
      </c>
      <c r="DI26" s="159">
        <v>0</v>
      </c>
      <c r="DJ26" s="160">
        <v>0</v>
      </c>
      <c r="DK26" s="165">
        <v>0</v>
      </c>
      <c r="DL26" s="162">
        <v>0</v>
      </c>
      <c r="DM26" s="160">
        <v>0</v>
      </c>
      <c r="DN26" s="160">
        <v>0</v>
      </c>
      <c r="DO26" s="160">
        <v>0</v>
      </c>
      <c r="DP26" s="160">
        <v>0</v>
      </c>
      <c r="DQ26" s="160">
        <v>0</v>
      </c>
      <c r="DR26" s="165">
        <v>0</v>
      </c>
      <c r="DS26" s="164">
        <v>0</v>
      </c>
      <c r="DT26" s="159">
        <v>12</v>
      </c>
      <c r="DU26" s="160">
        <v>4</v>
      </c>
      <c r="DV26" s="165">
        <v>16</v>
      </c>
      <c r="DW26" s="162">
        <v>0</v>
      </c>
      <c r="DX26" s="160">
        <v>15</v>
      </c>
      <c r="DY26" s="160">
        <v>15</v>
      </c>
      <c r="DZ26" s="160">
        <v>11</v>
      </c>
      <c r="EA26" s="160">
        <v>6</v>
      </c>
      <c r="EB26" s="160">
        <v>5</v>
      </c>
      <c r="EC26" s="165">
        <v>52</v>
      </c>
      <c r="ED26" s="164">
        <v>68</v>
      </c>
      <c r="EE26" s="159">
        <v>3</v>
      </c>
      <c r="EF26" s="160">
        <v>0</v>
      </c>
      <c r="EG26" s="165">
        <v>3</v>
      </c>
      <c r="EH26" s="162">
        <v>0</v>
      </c>
      <c r="EI26" s="160">
        <v>5</v>
      </c>
      <c r="EJ26" s="160">
        <v>1</v>
      </c>
      <c r="EK26" s="160">
        <v>3</v>
      </c>
      <c r="EL26" s="160">
        <v>1</v>
      </c>
      <c r="EM26" s="160">
        <v>2</v>
      </c>
      <c r="EN26" s="165">
        <v>12</v>
      </c>
      <c r="EO26" s="164">
        <v>15</v>
      </c>
      <c r="EP26" s="159">
        <v>13</v>
      </c>
      <c r="EQ26" s="160">
        <v>6</v>
      </c>
      <c r="ER26" s="165">
        <v>19</v>
      </c>
      <c r="ES26" s="162">
        <v>0</v>
      </c>
      <c r="ET26" s="160">
        <v>29</v>
      </c>
      <c r="EU26" s="160">
        <v>25</v>
      </c>
      <c r="EV26" s="160">
        <v>12</v>
      </c>
      <c r="EW26" s="160">
        <v>8</v>
      </c>
      <c r="EX26" s="160">
        <v>5</v>
      </c>
      <c r="EY26" s="165">
        <v>79</v>
      </c>
      <c r="EZ26" s="164">
        <v>98</v>
      </c>
    </row>
    <row r="27" spans="2:156" ht="21" customHeight="1" x14ac:dyDescent="0.2">
      <c r="B27" s="166" t="s">
        <v>25</v>
      </c>
      <c r="C27" s="159">
        <v>0</v>
      </c>
      <c r="D27" s="160">
        <v>0</v>
      </c>
      <c r="E27" s="161">
        <v>0</v>
      </c>
      <c r="F27" s="162">
        <v>0</v>
      </c>
      <c r="G27" s="160">
        <v>5</v>
      </c>
      <c r="H27" s="160">
        <v>6</v>
      </c>
      <c r="I27" s="160">
        <v>2</v>
      </c>
      <c r="J27" s="160">
        <v>2</v>
      </c>
      <c r="K27" s="160">
        <v>0</v>
      </c>
      <c r="L27" s="163">
        <v>15</v>
      </c>
      <c r="M27" s="164">
        <v>15</v>
      </c>
      <c r="N27" s="159">
        <v>0</v>
      </c>
      <c r="O27" s="160">
        <v>0</v>
      </c>
      <c r="P27" s="165">
        <v>0</v>
      </c>
      <c r="Q27" s="162">
        <v>0</v>
      </c>
      <c r="R27" s="160">
        <v>0</v>
      </c>
      <c r="S27" s="160">
        <v>0</v>
      </c>
      <c r="T27" s="160">
        <v>1</v>
      </c>
      <c r="U27" s="160">
        <v>1</v>
      </c>
      <c r="V27" s="160">
        <v>0</v>
      </c>
      <c r="W27" s="165">
        <v>2</v>
      </c>
      <c r="X27" s="164">
        <v>2</v>
      </c>
      <c r="Y27" s="159">
        <v>1</v>
      </c>
      <c r="Z27" s="160">
        <v>1</v>
      </c>
      <c r="AA27" s="165">
        <v>2</v>
      </c>
      <c r="AB27" s="162">
        <v>0</v>
      </c>
      <c r="AC27" s="160">
        <v>2</v>
      </c>
      <c r="AD27" s="160">
        <v>6</v>
      </c>
      <c r="AE27" s="160">
        <v>2</v>
      </c>
      <c r="AF27" s="160">
        <v>5</v>
      </c>
      <c r="AG27" s="160">
        <v>0</v>
      </c>
      <c r="AH27" s="165">
        <v>15</v>
      </c>
      <c r="AI27" s="164">
        <v>17</v>
      </c>
      <c r="AJ27" s="159">
        <v>0</v>
      </c>
      <c r="AK27" s="160">
        <v>2</v>
      </c>
      <c r="AL27" s="165">
        <v>2</v>
      </c>
      <c r="AM27" s="162">
        <v>0</v>
      </c>
      <c r="AN27" s="160">
        <v>0</v>
      </c>
      <c r="AO27" s="160">
        <v>1</v>
      </c>
      <c r="AP27" s="160">
        <v>0</v>
      </c>
      <c r="AQ27" s="160">
        <v>0</v>
      </c>
      <c r="AR27" s="160">
        <v>0</v>
      </c>
      <c r="AS27" s="165">
        <v>1</v>
      </c>
      <c r="AT27" s="164">
        <v>3</v>
      </c>
      <c r="AU27" s="159">
        <v>1</v>
      </c>
      <c r="AV27" s="160">
        <v>2</v>
      </c>
      <c r="AW27" s="165">
        <v>3</v>
      </c>
      <c r="AX27" s="162">
        <v>0</v>
      </c>
      <c r="AY27" s="160">
        <v>7</v>
      </c>
      <c r="AZ27" s="160">
        <v>5</v>
      </c>
      <c r="BA27" s="160">
        <v>3</v>
      </c>
      <c r="BB27" s="160">
        <v>3</v>
      </c>
      <c r="BC27" s="160">
        <v>0</v>
      </c>
      <c r="BD27" s="163">
        <v>18</v>
      </c>
      <c r="BE27" s="164">
        <v>21</v>
      </c>
      <c r="BF27" s="159">
        <v>0</v>
      </c>
      <c r="BG27" s="160">
        <v>0</v>
      </c>
      <c r="BH27" s="165">
        <v>0</v>
      </c>
      <c r="BI27" s="162">
        <v>0</v>
      </c>
      <c r="BJ27" s="160">
        <v>8</v>
      </c>
      <c r="BK27" s="160">
        <v>2</v>
      </c>
      <c r="BL27" s="160">
        <v>2</v>
      </c>
      <c r="BM27" s="160">
        <v>1</v>
      </c>
      <c r="BN27" s="160">
        <v>1</v>
      </c>
      <c r="BO27" s="165">
        <v>14</v>
      </c>
      <c r="BP27" s="164">
        <v>14</v>
      </c>
      <c r="BQ27" s="159">
        <v>0</v>
      </c>
      <c r="BR27" s="160">
        <v>1</v>
      </c>
      <c r="BS27" s="165">
        <v>1</v>
      </c>
      <c r="BT27" s="162">
        <v>0</v>
      </c>
      <c r="BU27" s="160">
        <v>1</v>
      </c>
      <c r="BV27" s="160">
        <v>5</v>
      </c>
      <c r="BW27" s="160">
        <v>3</v>
      </c>
      <c r="BX27" s="160">
        <v>3</v>
      </c>
      <c r="BY27" s="160">
        <v>0</v>
      </c>
      <c r="BZ27" s="165">
        <v>12</v>
      </c>
      <c r="CA27" s="164">
        <v>13</v>
      </c>
      <c r="CB27" s="159">
        <v>0</v>
      </c>
      <c r="CC27" s="160">
        <v>0</v>
      </c>
      <c r="CD27" s="165">
        <v>0</v>
      </c>
      <c r="CE27" s="162">
        <v>0</v>
      </c>
      <c r="CF27" s="160">
        <v>2</v>
      </c>
      <c r="CG27" s="160">
        <v>1</v>
      </c>
      <c r="CH27" s="160">
        <v>0</v>
      </c>
      <c r="CI27" s="160">
        <v>1</v>
      </c>
      <c r="CJ27" s="160">
        <v>1</v>
      </c>
      <c r="CK27" s="165">
        <v>5</v>
      </c>
      <c r="CL27" s="164">
        <v>5</v>
      </c>
      <c r="CM27" s="159">
        <v>0</v>
      </c>
      <c r="CN27" s="160">
        <v>0</v>
      </c>
      <c r="CO27" s="165">
        <v>0</v>
      </c>
      <c r="CP27" s="162">
        <v>0</v>
      </c>
      <c r="CQ27" s="160">
        <v>0</v>
      </c>
      <c r="CR27" s="160">
        <v>0</v>
      </c>
      <c r="CS27" s="160">
        <v>0</v>
      </c>
      <c r="CT27" s="160">
        <v>1</v>
      </c>
      <c r="CU27" s="160">
        <v>0</v>
      </c>
      <c r="CV27" s="165">
        <v>1</v>
      </c>
      <c r="CW27" s="164">
        <v>1</v>
      </c>
      <c r="CX27" s="159">
        <v>0</v>
      </c>
      <c r="CY27" s="160">
        <v>0</v>
      </c>
      <c r="CZ27" s="165">
        <v>0</v>
      </c>
      <c r="DA27" s="162">
        <v>0</v>
      </c>
      <c r="DB27" s="160">
        <v>0</v>
      </c>
      <c r="DC27" s="160">
        <v>0</v>
      </c>
      <c r="DD27" s="160">
        <v>0</v>
      </c>
      <c r="DE27" s="160">
        <v>0</v>
      </c>
      <c r="DF27" s="160">
        <v>0</v>
      </c>
      <c r="DG27" s="165">
        <v>0</v>
      </c>
      <c r="DH27" s="164">
        <v>0</v>
      </c>
      <c r="DI27" s="159">
        <v>0</v>
      </c>
      <c r="DJ27" s="160">
        <v>0</v>
      </c>
      <c r="DK27" s="165">
        <v>0</v>
      </c>
      <c r="DL27" s="162">
        <v>0</v>
      </c>
      <c r="DM27" s="160">
        <v>0</v>
      </c>
      <c r="DN27" s="160">
        <v>0</v>
      </c>
      <c r="DO27" s="160">
        <v>0</v>
      </c>
      <c r="DP27" s="160">
        <v>0</v>
      </c>
      <c r="DQ27" s="160">
        <v>0</v>
      </c>
      <c r="DR27" s="165">
        <v>0</v>
      </c>
      <c r="DS27" s="164">
        <v>0</v>
      </c>
      <c r="DT27" s="159">
        <v>4</v>
      </c>
      <c r="DU27" s="160">
        <v>8</v>
      </c>
      <c r="DV27" s="165">
        <v>12</v>
      </c>
      <c r="DW27" s="162">
        <v>0</v>
      </c>
      <c r="DX27" s="160">
        <v>4</v>
      </c>
      <c r="DY27" s="160">
        <v>10</v>
      </c>
      <c r="DZ27" s="160">
        <v>5</v>
      </c>
      <c r="EA27" s="160">
        <v>4</v>
      </c>
      <c r="EB27" s="160">
        <v>1</v>
      </c>
      <c r="EC27" s="165">
        <v>24</v>
      </c>
      <c r="ED27" s="164">
        <v>36</v>
      </c>
      <c r="EE27" s="159">
        <v>0</v>
      </c>
      <c r="EF27" s="160">
        <v>1</v>
      </c>
      <c r="EG27" s="165">
        <v>1</v>
      </c>
      <c r="EH27" s="162">
        <v>0</v>
      </c>
      <c r="EI27" s="160">
        <v>4</v>
      </c>
      <c r="EJ27" s="160">
        <v>1</v>
      </c>
      <c r="EK27" s="160">
        <v>2</v>
      </c>
      <c r="EL27" s="160">
        <v>2</v>
      </c>
      <c r="EM27" s="160">
        <v>0</v>
      </c>
      <c r="EN27" s="165">
        <v>9</v>
      </c>
      <c r="EO27" s="164">
        <v>10</v>
      </c>
      <c r="EP27" s="159">
        <v>4</v>
      </c>
      <c r="EQ27" s="160">
        <v>9</v>
      </c>
      <c r="ER27" s="165">
        <v>13</v>
      </c>
      <c r="ES27" s="162">
        <v>0</v>
      </c>
      <c r="ET27" s="160">
        <v>16</v>
      </c>
      <c r="EU27" s="160">
        <v>13</v>
      </c>
      <c r="EV27" s="160">
        <v>6</v>
      </c>
      <c r="EW27" s="160">
        <v>5</v>
      </c>
      <c r="EX27" s="160">
        <v>0</v>
      </c>
      <c r="EY27" s="165">
        <v>40</v>
      </c>
      <c r="EZ27" s="164">
        <v>53</v>
      </c>
    </row>
    <row r="28" spans="2:156" ht="21" customHeight="1" x14ac:dyDescent="0.2">
      <c r="B28" s="166" t="s">
        <v>26</v>
      </c>
      <c r="C28" s="159">
        <v>0</v>
      </c>
      <c r="D28" s="160">
        <v>0</v>
      </c>
      <c r="E28" s="161">
        <v>0</v>
      </c>
      <c r="F28" s="162">
        <v>0</v>
      </c>
      <c r="G28" s="160">
        <v>8</v>
      </c>
      <c r="H28" s="160">
        <v>4</v>
      </c>
      <c r="I28" s="160">
        <v>5</v>
      </c>
      <c r="J28" s="160">
        <v>4</v>
      </c>
      <c r="K28" s="160">
        <v>3</v>
      </c>
      <c r="L28" s="163">
        <v>24</v>
      </c>
      <c r="M28" s="164">
        <v>24</v>
      </c>
      <c r="N28" s="159">
        <v>0</v>
      </c>
      <c r="O28" s="160">
        <v>0</v>
      </c>
      <c r="P28" s="165">
        <v>0</v>
      </c>
      <c r="Q28" s="162">
        <v>0</v>
      </c>
      <c r="R28" s="160">
        <v>0</v>
      </c>
      <c r="S28" s="160">
        <v>0</v>
      </c>
      <c r="T28" s="160">
        <v>0</v>
      </c>
      <c r="U28" s="160">
        <v>1</v>
      </c>
      <c r="V28" s="160">
        <v>1</v>
      </c>
      <c r="W28" s="165">
        <v>2</v>
      </c>
      <c r="X28" s="164">
        <v>2</v>
      </c>
      <c r="Y28" s="159">
        <v>1</v>
      </c>
      <c r="Z28" s="160">
        <v>0</v>
      </c>
      <c r="AA28" s="165">
        <v>1</v>
      </c>
      <c r="AB28" s="162">
        <v>0</v>
      </c>
      <c r="AC28" s="160">
        <v>5</v>
      </c>
      <c r="AD28" s="160">
        <v>6</v>
      </c>
      <c r="AE28" s="160">
        <v>5</v>
      </c>
      <c r="AF28" s="160">
        <v>5</v>
      </c>
      <c r="AG28" s="160">
        <v>3</v>
      </c>
      <c r="AH28" s="165">
        <v>24</v>
      </c>
      <c r="AI28" s="164">
        <v>25</v>
      </c>
      <c r="AJ28" s="159">
        <v>0</v>
      </c>
      <c r="AK28" s="160">
        <v>0</v>
      </c>
      <c r="AL28" s="165">
        <v>0</v>
      </c>
      <c r="AM28" s="162">
        <v>0</v>
      </c>
      <c r="AN28" s="160">
        <v>0</v>
      </c>
      <c r="AO28" s="160">
        <v>0</v>
      </c>
      <c r="AP28" s="160">
        <v>1</v>
      </c>
      <c r="AQ28" s="160">
        <v>0</v>
      </c>
      <c r="AR28" s="160">
        <v>1</v>
      </c>
      <c r="AS28" s="165">
        <v>2</v>
      </c>
      <c r="AT28" s="164">
        <v>2</v>
      </c>
      <c r="AU28" s="159">
        <v>2</v>
      </c>
      <c r="AV28" s="160">
        <v>0</v>
      </c>
      <c r="AW28" s="165">
        <v>2</v>
      </c>
      <c r="AX28" s="162">
        <v>0</v>
      </c>
      <c r="AY28" s="160">
        <v>3</v>
      </c>
      <c r="AZ28" s="160">
        <v>3</v>
      </c>
      <c r="BA28" s="160">
        <v>6</v>
      </c>
      <c r="BB28" s="160">
        <v>4</v>
      </c>
      <c r="BC28" s="160">
        <v>4</v>
      </c>
      <c r="BD28" s="163">
        <v>20</v>
      </c>
      <c r="BE28" s="164">
        <v>22</v>
      </c>
      <c r="BF28" s="159">
        <v>0</v>
      </c>
      <c r="BG28" s="160">
        <v>0</v>
      </c>
      <c r="BH28" s="165">
        <v>0</v>
      </c>
      <c r="BI28" s="162">
        <v>0</v>
      </c>
      <c r="BJ28" s="160">
        <v>6</v>
      </c>
      <c r="BK28" s="160">
        <v>6</v>
      </c>
      <c r="BL28" s="160">
        <v>2</v>
      </c>
      <c r="BM28" s="160">
        <v>2</v>
      </c>
      <c r="BN28" s="160">
        <v>0</v>
      </c>
      <c r="BO28" s="165">
        <v>16</v>
      </c>
      <c r="BP28" s="164">
        <v>16</v>
      </c>
      <c r="BQ28" s="159">
        <v>0</v>
      </c>
      <c r="BR28" s="160">
        <v>0</v>
      </c>
      <c r="BS28" s="165">
        <v>0</v>
      </c>
      <c r="BT28" s="162">
        <v>0</v>
      </c>
      <c r="BU28" s="160">
        <v>4</v>
      </c>
      <c r="BV28" s="160">
        <v>1</v>
      </c>
      <c r="BW28" s="160">
        <v>0</v>
      </c>
      <c r="BX28" s="160">
        <v>1</v>
      </c>
      <c r="BY28" s="160">
        <v>0</v>
      </c>
      <c r="BZ28" s="165">
        <v>6</v>
      </c>
      <c r="CA28" s="164">
        <v>6</v>
      </c>
      <c r="CB28" s="159">
        <v>0</v>
      </c>
      <c r="CC28" s="160">
        <v>0</v>
      </c>
      <c r="CD28" s="165">
        <v>0</v>
      </c>
      <c r="CE28" s="162">
        <v>0</v>
      </c>
      <c r="CF28" s="160">
        <v>2</v>
      </c>
      <c r="CG28" s="160">
        <v>1</v>
      </c>
      <c r="CH28" s="160">
        <v>3</v>
      </c>
      <c r="CI28" s="160">
        <v>1</v>
      </c>
      <c r="CJ28" s="160">
        <v>0</v>
      </c>
      <c r="CK28" s="165">
        <v>7</v>
      </c>
      <c r="CL28" s="164">
        <v>7</v>
      </c>
      <c r="CM28" s="159">
        <v>0</v>
      </c>
      <c r="CN28" s="160">
        <v>0</v>
      </c>
      <c r="CO28" s="165">
        <v>0</v>
      </c>
      <c r="CP28" s="162">
        <v>0</v>
      </c>
      <c r="CQ28" s="160">
        <v>0</v>
      </c>
      <c r="CR28" s="160">
        <v>0</v>
      </c>
      <c r="CS28" s="160">
        <v>0</v>
      </c>
      <c r="CT28" s="160">
        <v>1</v>
      </c>
      <c r="CU28" s="160">
        <v>0</v>
      </c>
      <c r="CV28" s="165">
        <v>1</v>
      </c>
      <c r="CW28" s="164">
        <v>1</v>
      </c>
      <c r="CX28" s="159">
        <v>0</v>
      </c>
      <c r="CY28" s="160">
        <v>0</v>
      </c>
      <c r="CZ28" s="165">
        <v>0</v>
      </c>
      <c r="DA28" s="162">
        <v>0</v>
      </c>
      <c r="DB28" s="160">
        <v>0</v>
      </c>
      <c r="DC28" s="160">
        <v>0</v>
      </c>
      <c r="DD28" s="160">
        <v>0</v>
      </c>
      <c r="DE28" s="160">
        <v>0</v>
      </c>
      <c r="DF28" s="160">
        <v>0</v>
      </c>
      <c r="DG28" s="165">
        <v>0</v>
      </c>
      <c r="DH28" s="164">
        <v>0</v>
      </c>
      <c r="DI28" s="159">
        <v>0</v>
      </c>
      <c r="DJ28" s="160">
        <v>0</v>
      </c>
      <c r="DK28" s="165">
        <v>0</v>
      </c>
      <c r="DL28" s="162">
        <v>0</v>
      </c>
      <c r="DM28" s="160">
        <v>0</v>
      </c>
      <c r="DN28" s="160">
        <v>0</v>
      </c>
      <c r="DO28" s="160">
        <v>0</v>
      </c>
      <c r="DP28" s="160">
        <v>0</v>
      </c>
      <c r="DQ28" s="160">
        <v>0</v>
      </c>
      <c r="DR28" s="165">
        <v>0</v>
      </c>
      <c r="DS28" s="164">
        <v>0</v>
      </c>
      <c r="DT28" s="159">
        <v>5</v>
      </c>
      <c r="DU28" s="160">
        <v>8</v>
      </c>
      <c r="DV28" s="165">
        <v>13</v>
      </c>
      <c r="DW28" s="162">
        <v>0</v>
      </c>
      <c r="DX28" s="160">
        <v>15</v>
      </c>
      <c r="DY28" s="160">
        <v>10</v>
      </c>
      <c r="DZ28" s="160">
        <v>8</v>
      </c>
      <c r="EA28" s="160">
        <v>7</v>
      </c>
      <c r="EB28" s="160">
        <v>3</v>
      </c>
      <c r="EC28" s="165">
        <v>43</v>
      </c>
      <c r="ED28" s="164">
        <v>56</v>
      </c>
      <c r="EE28" s="159">
        <v>1</v>
      </c>
      <c r="EF28" s="160">
        <v>0</v>
      </c>
      <c r="EG28" s="165">
        <v>1</v>
      </c>
      <c r="EH28" s="162">
        <v>0</v>
      </c>
      <c r="EI28" s="160">
        <v>2</v>
      </c>
      <c r="EJ28" s="160">
        <v>3</v>
      </c>
      <c r="EK28" s="160">
        <v>1</v>
      </c>
      <c r="EL28" s="160">
        <v>1</v>
      </c>
      <c r="EM28" s="160">
        <v>0</v>
      </c>
      <c r="EN28" s="165">
        <v>7</v>
      </c>
      <c r="EO28" s="164">
        <v>8</v>
      </c>
      <c r="EP28" s="159">
        <v>6</v>
      </c>
      <c r="EQ28" s="160">
        <v>8</v>
      </c>
      <c r="ER28" s="165">
        <v>14</v>
      </c>
      <c r="ES28" s="162">
        <v>0</v>
      </c>
      <c r="ET28" s="160">
        <v>23</v>
      </c>
      <c r="EU28" s="160">
        <v>14</v>
      </c>
      <c r="EV28" s="160">
        <v>12</v>
      </c>
      <c r="EW28" s="160">
        <v>7</v>
      </c>
      <c r="EX28" s="160">
        <v>2</v>
      </c>
      <c r="EY28" s="165">
        <v>58</v>
      </c>
      <c r="EZ28" s="164">
        <v>72</v>
      </c>
    </row>
    <row r="29" spans="2:156" ht="21" customHeight="1" x14ac:dyDescent="0.2">
      <c r="B29" s="166" t="s">
        <v>27</v>
      </c>
      <c r="C29" s="159">
        <v>0</v>
      </c>
      <c r="D29" s="160">
        <v>0</v>
      </c>
      <c r="E29" s="161">
        <v>0</v>
      </c>
      <c r="F29" s="162">
        <v>0</v>
      </c>
      <c r="G29" s="160">
        <v>3</v>
      </c>
      <c r="H29" s="160">
        <v>5</v>
      </c>
      <c r="I29" s="160">
        <v>5</v>
      </c>
      <c r="J29" s="160">
        <v>4</v>
      </c>
      <c r="K29" s="160">
        <v>2</v>
      </c>
      <c r="L29" s="163">
        <v>19</v>
      </c>
      <c r="M29" s="164">
        <v>19</v>
      </c>
      <c r="N29" s="159">
        <v>0</v>
      </c>
      <c r="O29" s="160">
        <v>0</v>
      </c>
      <c r="P29" s="165">
        <v>0</v>
      </c>
      <c r="Q29" s="162">
        <v>0</v>
      </c>
      <c r="R29" s="160">
        <v>0</v>
      </c>
      <c r="S29" s="160">
        <v>0</v>
      </c>
      <c r="T29" s="160">
        <v>0</v>
      </c>
      <c r="U29" s="160">
        <v>1</v>
      </c>
      <c r="V29" s="160">
        <v>0</v>
      </c>
      <c r="W29" s="165">
        <v>1</v>
      </c>
      <c r="X29" s="164">
        <v>1</v>
      </c>
      <c r="Y29" s="159">
        <v>1</v>
      </c>
      <c r="Z29" s="160">
        <v>3</v>
      </c>
      <c r="AA29" s="165">
        <v>4</v>
      </c>
      <c r="AB29" s="162">
        <v>0</v>
      </c>
      <c r="AC29" s="160">
        <v>3</v>
      </c>
      <c r="AD29" s="160">
        <v>3</v>
      </c>
      <c r="AE29" s="160">
        <v>4</v>
      </c>
      <c r="AF29" s="160">
        <v>3</v>
      </c>
      <c r="AG29" s="160">
        <v>3</v>
      </c>
      <c r="AH29" s="165">
        <v>16</v>
      </c>
      <c r="AI29" s="164">
        <v>20</v>
      </c>
      <c r="AJ29" s="159">
        <v>0</v>
      </c>
      <c r="AK29" s="160">
        <v>0</v>
      </c>
      <c r="AL29" s="165">
        <v>0</v>
      </c>
      <c r="AM29" s="162">
        <v>0</v>
      </c>
      <c r="AN29" s="160">
        <v>0</v>
      </c>
      <c r="AO29" s="160">
        <v>0</v>
      </c>
      <c r="AP29" s="160">
        <v>0</v>
      </c>
      <c r="AQ29" s="160">
        <v>0</v>
      </c>
      <c r="AR29" s="160">
        <v>0</v>
      </c>
      <c r="AS29" s="165">
        <v>0</v>
      </c>
      <c r="AT29" s="164">
        <v>0</v>
      </c>
      <c r="AU29" s="159">
        <v>1</v>
      </c>
      <c r="AV29" s="160">
        <v>1</v>
      </c>
      <c r="AW29" s="165">
        <v>2</v>
      </c>
      <c r="AX29" s="162">
        <v>0</v>
      </c>
      <c r="AY29" s="160">
        <v>9</v>
      </c>
      <c r="AZ29" s="160">
        <v>3</v>
      </c>
      <c r="BA29" s="160">
        <v>7</v>
      </c>
      <c r="BB29" s="160">
        <v>5</v>
      </c>
      <c r="BC29" s="160">
        <v>4</v>
      </c>
      <c r="BD29" s="163">
        <v>28</v>
      </c>
      <c r="BE29" s="164">
        <v>30</v>
      </c>
      <c r="BF29" s="159">
        <v>0</v>
      </c>
      <c r="BG29" s="160">
        <v>0</v>
      </c>
      <c r="BH29" s="165">
        <v>0</v>
      </c>
      <c r="BI29" s="162">
        <v>0</v>
      </c>
      <c r="BJ29" s="160">
        <v>8</v>
      </c>
      <c r="BK29" s="160">
        <v>3</v>
      </c>
      <c r="BL29" s="160">
        <v>3</v>
      </c>
      <c r="BM29" s="160">
        <v>6</v>
      </c>
      <c r="BN29" s="160">
        <v>0</v>
      </c>
      <c r="BO29" s="165">
        <v>20</v>
      </c>
      <c r="BP29" s="164">
        <v>20</v>
      </c>
      <c r="BQ29" s="159">
        <v>3</v>
      </c>
      <c r="BR29" s="160">
        <v>1</v>
      </c>
      <c r="BS29" s="165">
        <v>4</v>
      </c>
      <c r="BT29" s="162">
        <v>0</v>
      </c>
      <c r="BU29" s="160">
        <v>2</v>
      </c>
      <c r="BV29" s="160">
        <v>2</v>
      </c>
      <c r="BW29" s="160">
        <v>3</v>
      </c>
      <c r="BX29" s="160">
        <v>0</v>
      </c>
      <c r="BY29" s="160">
        <v>0</v>
      </c>
      <c r="BZ29" s="165">
        <v>7</v>
      </c>
      <c r="CA29" s="164">
        <v>11</v>
      </c>
      <c r="CB29" s="159">
        <v>0</v>
      </c>
      <c r="CC29" s="160">
        <v>0</v>
      </c>
      <c r="CD29" s="165">
        <v>0</v>
      </c>
      <c r="CE29" s="162">
        <v>0</v>
      </c>
      <c r="CF29" s="160">
        <v>1</v>
      </c>
      <c r="CG29" s="160">
        <v>1</v>
      </c>
      <c r="CH29" s="160">
        <v>1</v>
      </c>
      <c r="CI29" s="160">
        <v>4</v>
      </c>
      <c r="CJ29" s="160">
        <v>0</v>
      </c>
      <c r="CK29" s="165">
        <v>7</v>
      </c>
      <c r="CL29" s="164">
        <v>7</v>
      </c>
      <c r="CM29" s="159">
        <v>0</v>
      </c>
      <c r="CN29" s="160">
        <v>0</v>
      </c>
      <c r="CO29" s="165">
        <v>0</v>
      </c>
      <c r="CP29" s="162">
        <v>0</v>
      </c>
      <c r="CQ29" s="160">
        <v>1</v>
      </c>
      <c r="CR29" s="160">
        <v>1</v>
      </c>
      <c r="CS29" s="160">
        <v>0</v>
      </c>
      <c r="CT29" s="160">
        <v>0</v>
      </c>
      <c r="CU29" s="160">
        <v>0</v>
      </c>
      <c r="CV29" s="165">
        <v>2</v>
      </c>
      <c r="CW29" s="164">
        <v>2</v>
      </c>
      <c r="CX29" s="159">
        <v>0</v>
      </c>
      <c r="CY29" s="160">
        <v>0</v>
      </c>
      <c r="CZ29" s="165">
        <v>0</v>
      </c>
      <c r="DA29" s="162">
        <v>0</v>
      </c>
      <c r="DB29" s="160">
        <v>0</v>
      </c>
      <c r="DC29" s="160">
        <v>0</v>
      </c>
      <c r="DD29" s="160">
        <v>0</v>
      </c>
      <c r="DE29" s="160">
        <v>0</v>
      </c>
      <c r="DF29" s="160">
        <v>0</v>
      </c>
      <c r="DG29" s="165">
        <v>0</v>
      </c>
      <c r="DH29" s="164">
        <v>0</v>
      </c>
      <c r="DI29" s="159">
        <v>0</v>
      </c>
      <c r="DJ29" s="160">
        <v>0</v>
      </c>
      <c r="DK29" s="165">
        <v>0</v>
      </c>
      <c r="DL29" s="162">
        <v>0</v>
      </c>
      <c r="DM29" s="160">
        <v>0</v>
      </c>
      <c r="DN29" s="160">
        <v>0</v>
      </c>
      <c r="DO29" s="160">
        <v>0</v>
      </c>
      <c r="DP29" s="160">
        <v>0</v>
      </c>
      <c r="DQ29" s="160">
        <v>0</v>
      </c>
      <c r="DR29" s="165">
        <v>0</v>
      </c>
      <c r="DS29" s="164">
        <v>0</v>
      </c>
      <c r="DT29" s="159">
        <v>10</v>
      </c>
      <c r="DU29" s="160">
        <v>13</v>
      </c>
      <c r="DV29" s="165">
        <v>23</v>
      </c>
      <c r="DW29" s="162">
        <v>0</v>
      </c>
      <c r="DX29" s="160">
        <v>5</v>
      </c>
      <c r="DY29" s="160">
        <v>8</v>
      </c>
      <c r="DZ29" s="160">
        <v>6</v>
      </c>
      <c r="EA29" s="160">
        <v>6</v>
      </c>
      <c r="EB29" s="160">
        <v>4</v>
      </c>
      <c r="EC29" s="165">
        <v>29</v>
      </c>
      <c r="ED29" s="164">
        <v>52</v>
      </c>
      <c r="EE29" s="159">
        <v>1</v>
      </c>
      <c r="EF29" s="160">
        <v>0</v>
      </c>
      <c r="EG29" s="165">
        <v>1</v>
      </c>
      <c r="EH29" s="162">
        <v>0</v>
      </c>
      <c r="EI29" s="160">
        <v>4</v>
      </c>
      <c r="EJ29" s="160">
        <v>1</v>
      </c>
      <c r="EK29" s="160">
        <v>0</v>
      </c>
      <c r="EL29" s="160">
        <v>4</v>
      </c>
      <c r="EM29" s="160">
        <v>0</v>
      </c>
      <c r="EN29" s="165">
        <v>9</v>
      </c>
      <c r="EO29" s="164">
        <v>10</v>
      </c>
      <c r="EP29" s="159">
        <v>12</v>
      </c>
      <c r="EQ29" s="160">
        <v>15</v>
      </c>
      <c r="ER29" s="165">
        <v>27</v>
      </c>
      <c r="ES29" s="162">
        <v>0</v>
      </c>
      <c r="ET29" s="160">
        <v>16</v>
      </c>
      <c r="EU29" s="160">
        <v>8</v>
      </c>
      <c r="EV29" s="160">
        <v>9</v>
      </c>
      <c r="EW29" s="160">
        <v>8</v>
      </c>
      <c r="EX29" s="160">
        <v>4</v>
      </c>
      <c r="EY29" s="165">
        <v>45</v>
      </c>
      <c r="EZ29" s="164">
        <v>72</v>
      </c>
    </row>
    <row r="30" spans="2:156" ht="21" customHeight="1" x14ac:dyDescent="0.2">
      <c r="B30" s="166" t="s">
        <v>28</v>
      </c>
      <c r="C30" s="159">
        <v>0</v>
      </c>
      <c r="D30" s="160">
        <v>0</v>
      </c>
      <c r="E30" s="161">
        <v>0</v>
      </c>
      <c r="F30" s="162">
        <v>0</v>
      </c>
      <c r="G30" s="160">
        <v>0</v>
      </c>
      <c r="H30" s="160">
        <v>1</v>
      </c>
      <c r="I30" s="160">
        <v>1</v>
      </c>
      <c r="J30" s="160">
        <v>0</v>
      </c>
      <c r="K30" s="160">
        <v>0</v>
      </c>
      <c r="L30" s="163">
        <v>2</v>
      </c>
      <c r="M30" s="164">
        <v>2</v>
      </c>
      <c r="N30" s="159">
        <v>0</v>
      </c>
      <c r="O30" s="160">
        <v>0</v>
      </c>
      <c r="P30" s="165">
        <v>0</v>
      </c>
      <c r="Q30" s="162">
        <v>0</v>
      </c>
      <c r="R30" s="160">
        <v>0</v>
      </c>
      <c r="S30" s="160">
        <v>0</v>
      </c>
      <c r="T30" s="160">
        <v>0</v>
      </c>
      <c r="U30" s="160">
        <v>0</v>
      </c>
      <c r="V30" s="160">
        <v>0</v>
      </c>
      <c r="W30" s="165">
        <v>0</v>
      </c>
      <c r="X30" s="164">
        <v>0</v>
      </c>
      <c r="Y30" s="159">
        <v>0</v>
      </c>
      <c r="Z30" s="160">
        <v>0</v>
      </c>
      <c r="AA30" s="165">
        <v>0</v>
      </c>
      <c r="AB30" s="162">
        <v>0</v>
      </c>
      <c r="AC30" s="160">
        <v>1</v>
      </c>
      <c r="AD30" s="160">
        <v>0</v>
      </c>
      <c r="AE30" s="160">
        <v>1</v>
      </c>
      <c r="AF30" s="160">
        <v>1</v>
      </c>
      <c r="AG30" s="160">
        <v>0</v>
      </c>
      <c r="AH30" s="165">
        <v>3</v>
      </c>
      <c r="AI30" s="164">
        <v>3</v>
      </c>
      <c r="AJ30" s="159">
        <v>0</v>
      </c>
      <c r="AK30" s="160">
        <v>0</v>
      </c>
      <c r="AL30" s="165">
        <v>0</v>
      </c>
      <c r="AM30" s="162">
        <v>0</v>
      </c>
      <c r="AN30" s="160">
        <v>0</v>
      </c>
      <c r="AO30" s="160">
        <v>0</v>
      </c>
      <c r="AP30" s="160">
        <v>0</v>
      </c>
      <c r="AQ30" s="160">
        <v>0</v>
      </c>
      <c r="AR30" s="160">
        <v>0</v>
      </c>
      <c r="AS30" s="165">
        <v>0</v>
      </c>
      <c r="AT30" s="164">
        <v>0</v>
      </c>
      <c r="AU30" s="159">
        <v>0</v>
      </c>
      <c r="AV30" s="160">
        <v>0</v>
      </c>
      <c r="AW30" s="165">
        <v>0</v>
      </c>
      <c r="AX30" s="162">
        <v>0</v>
      </c>
      <c r="AY30" s="160">
        <v>3</v>
      </c>
      <c r="AZ30" s="160">
        <v>1</v>
      </c>
      <c r="BA30" s="160">
        <v>2</v>
      </c>
      <c r="BB30" s="160">
        <v>0</v>
      </c>
      <c r="BC30" s="160">
        <v>1</v>
      </c>
      <c r="BD30" s="163">
        <v>7</v>
      </c>
      <c r="BE30" s="164">
        <v>7</v>
      </c>
      <c r="BF30" s="159">
        <v>0</v>
      </c>
      <c r="BG30" s="160">
        <v>0</v>
      </c>
      <c r="BH30" s="165">
        <v>0</v>
      </c>
      <c r="BI30" s="162">
        <v>0</v>
      </c>
      <c r="BJ30" s="160">
        <v>1</v>
      </c>
      <c r="BK30" s="160">
        <v>5</v>
      </c>
      <c r="BL30" s="160">
        <v>1</v>
      </c>
      <c r="BM30" s="160">
        <v>0</v>
      </c>
      <c r="BN30" s="160">
        <v>0</v>
      </c>
      <c r="BO30" s="165">
        <v>7</v>
      </c>
      <c r="BP30" s="164">
        <v>7</v>
      </c>
      <c r="BQ30" s="159">
        <v>0</v>
      </c>
      <c r="BR30" s="160">
        <v>0</v>
      </c>
      <c r="BS30" s="165">
        <v>0</v>
      </c>
      <c r="BT30" s="162">
        <v>0</v>
      </c>
      <c r="BU30" s="160">
        <v>2</v>
      </c>
      <c r="BV30" s="160">
        <v>0</v>
      </c>
      <c r="BW30" s="160">
        <v>0</v>
      </c>
      <c r="BX30" s="160">
        <v>0</v>
      </c>
      <c r="BY30" s="160">
        <v>0</v>
      </c>
      <c r="BZ30" s="165">
        <v>2</v>
      </c>
      <c r="CA30" s="164">
        <v>2</v>
      </c>
      <c r="CB30" s="159">
        <v>0</v>
      </c>
      <c r="CC30" s="160">
        <v>0</v>
      </c>
      <c r="CD30" s="165">
        <v>0</v>
      </c>
      <c r="CE30" s="162">
        <v>0</v>
      </c>
      <c r="CF30" s="160">
        <v>0</v>
      </c>
      <c r="CG30" s="160">
        <v>0</v>
      </c>
      <c r="CH30" s="160">
        <v>0</v>
      </c>
      <c r="CI30" s="160">
        <v>0</v>
      </c>
      <c r="CJ30" s="160">
        <v>0</v>
      </c>
      <c r="CK30" s="165">
        <v>0</v>
      </c>
      <c r="CL30" s="164">
        <v>0</v>
      </c>
      <c r="CM30" s="159">
        <v>0</v>
      </c>
      <c r="CN30" s="160">
        <v>0</v>
      </c>
      <c r="CO30" s="165">
        <v>0</v>
      </c>
      <c r="CP30" s="162">
        <v>0</v>
      </c>
      <c r="CQ30" s="160">
        <v>0</v>
      </c>
      <c r="CR30" s="160">
        <v>0</v>
      </c>
      <c r="CS30" s="160">
        <v>1</v>
      </c>
      <c r="CT30" s="160">
        <v>0</v>
      </c>
      <c r="CU30" s="160">
        <v>0</v>
      </c>
      <c r="CV30" s="165">
        <v>1</v>
      </c>
      <c r="CW30" s="164">
        <v>1</v>
      </c>
      <c r="CX30" s="159">
        <v>0</v>
      </c>
      <c r="CY30" s="160">
        <v>0</v>
      </c>
      <c r="CZ30" s="165">
        <v>0</v>
      </c>
      <c r="DA30" s="162">
        <v>0</v>
      </c>
      <c r="DB30" s="160">
        <v>0</v>
      </c>
      <c r="DC30" s="160">
        <v>0</v>
      </c>
      <c r="DD30" s="160">
        <v>0</v>
      </c>
      <c r="DE30" s="160">
        <v>0</v>
      </c>
      <c r="DF30" s="160">
        <v>0</v>
      </c>
      <c r="DG30" s="165">
        <v>0</v>
      </c>
      <c r="DH30" s="164">
        <v>0</v>
      </c>
      <c r="DI30" s="159">
        <v>0</v>
      </c>
      <c r="DJ30" s="160">
        <v>0</v>
      </c>
      <c r="DK30" s="165">
        <v>0</v>
      </c>
      <c r="DL30" s="162">
        <v>0</v>
      </c>
      <c r="DM30" s="160">
        <v>0</v>
      </c>
      <c r="DN30" s="160">
        <v>0</v>
      </c>
      <c r="DO30" s="160">
        <v>0</v>
      </c>
      <c r="DP30" s="160">
        <v>0</v>
      </c>
      <c r="DQ30" s="160">
        <v>0</v>
      </c>
      <c r="DR30" s="165">
        <v>0</v>
      </c>
      <c r="DS30" s="164">
        <v>0</v>
      </c>
      <c r="DT30" s="159">
        <v>0</v>
      </c>
      <c r="DU30" s="160">
        <v>1</v>
      </c>
      <c r="DV30" s="165">
        <v>1</v>
      </c>
      <c r="DW30" s="162">
        <v>0</v>
      </c>
      <c r="DX30" s="160">
        <v>3</v>
      </c>
      <c r="DY30" s="160">
        <v>5</v>
      </c>
      <c r="DZ30" s="160">
        <v>1</v>
      </c>
      <c r="EA30" s="160">
        <v>1</v>
      </c>
      <c r="EB30" s="160">
        <v>1</v>
      </c>
      <c r="EC30" s="165">
        <v>11</v>
      </c>
      <c r="ED30" s="164">
        <v>12</v>
      </c>
      <c r="EE30" s="159">
        <v>0</v>
      </c>
      <c r="EF30" s="160">
        <v>0</v>
      </c>
      <c r="EG30" s="165">
        <v>0</v>
      </c>
      <c r="EH30" s="162">
        <v>0</v>
      </c>
      <c r="EI30" s="160">
        <v>3</v>
      </c>
      <c r="EJ30" s="160">
        <v>0</v>
      </c>
      <c r="EK30" s="160">
        <v>1</v>
      </c>
      <c r="EL30" s="160">
        <v>0</v>
      </c>
      <c r="EM30" s="160">
        <v>0</v>
      </c>
      <c r="EN30" s="165">
        <v>4</v>
      </c>
      <c r="EO30" s="164">
        <v>4</v>
      </c>
      <c r="EP30" s="159">
        <v>0</v>
      </c>
      <c r="EQ30" s="160">
        <v>1</v>
      </c>
      <c r="ER30" s="165">
        <v>1</v>
      </c>
      <c r="ES30" s="162">
        <v>0</v>
      </c>
      <c r="ET30" s="160">
        <v>9</v>
      </c>
      <c r="EU30" s="160">
        <v>7</v>
      </c>
      <c r="EV30" s="160">
        <v>2</v>
      </c>
      <c r="EW30" s="160">
        <v>1</v>
      </c>
      <c r="EX30" s="160">
        <v>1</v>
      </c>
      <c r="EY30" s="165">
        <v>20</v>
      </c>
      <c r="EZ30" s="164">
        <v>21</v>
      </c>
    </row>
    <row r="31" spans="2:156" ht="21" customHeight="1" x14ac:dyDescent="0.2">
      <c r="B31" s="166" t="s">
        <v>29</v>
      </c>
      <c r="C31" s="159">
        <v>0</v>
      </c>
      <c r="D31" s="160">
        <v>0</v>
      </c>
      <c r="E31" s="161">
        <v>0</v>
      </c>
      <c r="F31" s="162">
        <v>0</v>
      </c>
      <c r="G31" s="160">
        <v>0</v>
      </c>
      <c r="H31" s="160">
        <v>2</v>
      </c>
      <c r="I31" s="160">
        <v>0</v>
      </c>
      <c r="J31" s="160">
        <v>1</v>
      </c>
      <c r="K31" s="160">
        <v>0</v>
      </c>
      <c r="L31" s="163">
        <v>3</v>
      </c>
      <c r="M31" s="164">
        <v>3</v>
      </c>
      <c r="N31" s="159">
        <v>0</v>
      </c>
      <c r="O31" s="160">
        <v>0</v>
      </c>
      <c r="P31" s="165">
        <v>0</v>
      </c>
      <c r="Q31" s="162">
        <v>0</v>
      </c>
      <c r="R31" s="160">
        <v>0</v>
      </c>
      <c r="S31" s="160">
        <v>0</v>
      </c>
      <c r="T31" s="160">
        <v>0</v>
      </c>
      <c r="U31" s="160">
        <v>0</v>
      </c>
      <c r="V31" s="160">
        <v>1</v>
      </c>
      <c r="W31" s="165">
        <v>1</v>
      </c>
      <c r="X31" s="164">
        <v>1</v>
      </c>
      <c r="Y31" s="159">
        <v>0</v>
      </c>
      <c r="Z31" s="160">
        <v>0</v>
      </c>
      <c r="AA31" s="165">
        <v>0</v>
      </c>
      <c r="AB31" s="162">
        <v>0</v>
      </c>
      <c r="AC31" s="160">
        <v>0</v>
      </c>
      <c r="AD31" s="160">
        <v>1</v>
      </c>
      <c r="AE31" s="160">
        <v>4</v>
      </c>
      <c r="AF31" s="160">
        <v>1</v>
      </c>
      <c r="AG31" s="160">
        <v>0</v>
      </c>
      <c r="AH31" s="165">
        <v>6</v>
      </c>
      <c r="AI31" s="164">
        <v>6</v>
      </c>
      <c r="AJ31" s="159">
        <v>0</v>
      </c>
      <c r="AK31" s="160">
        <v>0</v>
      </c>
      <c r="AL31" s="165">
        <v>0</v>
      </c>
      <c r="AM31" s="162">
        <v>0</v>
      </c>
      <c r="AN31" s="160">
        <v>0</v>
      </c>
      <c r="AO31" s="160">
        <v>1</v>
      </c>
      <c r="AP31" s="160">
        <v>0</v>
      </c>
      <c r="AQ31" s="160">
        <v>0</v>
      </c>
      <c r="AR31" s="160">
        <v>0</v>
      </c>
      <c r="AS31" s="165">
        <v>1</v>
      </c>
      <c r="AT31" s="164">
        <v>1</v>
      </c>
      <c r="AU31" s="159">
        <v>1</v>
      </c>
      <c r="AV31" s="160">
        <v>0</v>
      </c>
      <c r="AW31" s="165">
        <v>1</v>
      </c>
      <c r="AX31" s="162">
        <v>0</v>
      </c>
      <c r="AY31" s="160">
        <v>2</v>
      </c>
      <c r="AZ31" s="160">
        <v>0</v>
      </c>
      <c r="BA31" s="160">
        <v>2</v>
      </c>
      <c r="BB31" s="160">
        <v>2</v>
      </c>
      <c r="BC31" s="160">
        <v>1</v>
      </c>
      <c r="BD31" s="163">
        <v>7</v>
      </c>
      <c r="BE31" s="164">
        <v>8</v>
      </c>
      <c r="BF31" s="159">
        <v>0</v>
      </c>
      <c r="BG31" s="160">
        <v>0</v>
      </c>
      <c r="BH31" s="165">
        <v>0</v>
      </c>
      <c r="BI31" s="162">
        <v>0</v>
      </c>
      <c r="BJ31" s="160">
        <v>0</v>
      </c>
      <c r="BK31" s="160">
        <v>3</v>
      </c>
      <c r="BL31" s="160">
        <v>2</v>
      </c>
      <c r="BM31" s="160">
        <v>0</v>
      </c>
      <c r="BN31" s="160">
        <v>1</v>
      </c>
      <c r="BO31" s="165">
        <v>6</v>
      </c>
      <c r="BP31" s="164">
        <v>6</v>
      </c>
      <c r="BQ31" s="159">
        <v>1</v>
      </c>
      <c r="BR31" s="160">
        <v>0</v>
      </c>
      <c r="BS31" s="165">
        <v>1</v>
      </c>
      <c r="BT31" s="162">
        <v>0</v>
      </c>
      <c r="BU31" s="160">
        <v>0</v>
      </c>
      <c r="BV31" s="160">
        <v>0</v>
      </c>
      <c r="BW31" s="160">
        <v>1</v>
      </c>
      <c r="BX31" s="160">
        <v>0</v>
      </c>
      <c r="BY31" s="160">
        <v>0</v>
      </c>
      <c r="BZ31" s="165">
        <v>1</v>
      </c>
      <c r="CA31" s="164">
        <v>2</v>
      </c>
      <c r="CB31" s="159">
        <v>0</v>
      </c>
      <c r="CC31" s="160">
        <v>0</v>
      </c>
      <c r="CD31" s="165">
        <v>0</v>
      </c>
      <c r="CE31" s="162">
        <v>0</v>
      </c>
      <c r="CF31" s="160">
        <v>0</v>
      </c>
      <c r="CG31" s="160">
        <v>0</v>
      </c>
      <c r="CH31" s="160">
        <v>0</v>
      </c>
      <c r="CI31" s="160">
        <v>0</v>
      </c>
      <c r="CJ31" s="160">
        <v>1</v>
      </c>
      <c r="CK31" s="165">
        <v>1</v>
      </c>
      <c r="CL31" s="164">
        <v>1</v>
      </c>
      <c r="CM31" s="159">
        <v>0</v>
      </c>
      <c r="CN31" s="160">
        <v>0</v>
      </c>
      <c r="CO31" s="165">
        <v>0</v>
      </c>
      <c r="CP31" s="162">
        <v>0</v>
      </c>
      <c r="CQ31" s="160">
        <v>0</v>
      </c>
      <c r="CR31" s="160">
        <v>0</v>
      </c>
      <c r="CS31" s="160">
        <v>1</v>
      </c>
      <c r="CT31" s="160">
        <v>0</v>
      </c>
      <c r="CU31" s="160">
        <v>0</v>
      </c>
      <c r="CV31" s="165">
        <v>1</v>
      </c>
      <c r="CW31" s="164">
        <v>1</v>
      </c>
      <c r="CX31" s="159">
        <v>0</v>
      </c>
      <c r="CY31" s="160">
        <v>0</v>
      </c>
      <c r="CZ31" s="165">
        <v>0</v>
      </c>
      <c r="DA31" s="162">
        <v>0</v>
      </c>
      <c r="DB31" s="160">
        <v>0</v>
      </c>
      <c r="DC31" s="160">
        <v>0</v>
      </c>
      <c r="DD31" s="160">
        <v>0</v>
      </c>
      <c r="DE31" s="160">
        <v>0</v>
      </c>
      <c r="DF31" s="160">
        <v>0</v>
      </c>
      <c r="DG31" s="165">
        <v>0</v>
      </c>
      <c r="DH31" s="164">
        <v>0</v>
      </c>
      <c r="DI31" s="159">
        <v>0</v>
      </c>
      <c r="DJ31" s="160">
        <v>0</v>
      </c>
      <c r="DK31" s="165">
        <v>0</v>
      </c>
      <c r="DL31" s="162">
        <v>0</v>
      </c>
      <c r="DM31" s="160">
        <v>0</v>
      </c>
      <c r="DN31" s="160">
        <v>0</v>
      </c>
      <c r="DO31" s="160">
        <v>0</v>
      </c>
      <c r="DP31" s="160">
        <v>0</v>
      </c>
      <c r="DQ31" s="160">
        <v>0</v>
      </c>
      <c r="DR31" s="165">
        <v>0</v>
      </c>
      <c r="DS31" s="164">
        <v>0</v>
      </c>
      <c r="DT31" s="159">
        <v>4</v>
      </c>
      <c r="DU31" s="160">
        <v>0</v>
      </c>
      <c r="DV31" s="165">
        <v>4</v>
      </c>
      <c r="DW31" s="162">
        <v>0</v>
      </c>
      <c r="DX31" s="160">
        <v>0</v>
      </c>
      <c r="DY31" s="160">
        <v>3</v>
      </c>
      <c r="DZ31" s="160">
        <v>3</v>
      </c>
      <c r="EA31" s="160">
        <v>1</v>
      </c>
      <c r="EB31" s="160">
        <v>3</v>
      </c>
      <c r="EC31" s="165">
        <v>10</v>
      </c>
      <c r="ED31" s="164">
        <v>14</v>
      </c>
      <c r="EE31" s="159">
        <v>1</v>
      </c>
      <c r="EF31" s="160">
        <v>0</v>
      </c>
      <c r="EG31" s="165">
        <v>1</v>
      </c>
      <c r="EH31" s="162">
        <v>0</v>
      </c>
      <c r="EI31" s="160">
        <v>2</v>
      </c>
      <c r="EJ31" s="160">
        <v>0</v>
      </c>
      <c r="EK31" s="160">
        <v>0</v>
      </c>
      <c r="EL31" s="160">
        <v>1</v>
      </c>
      <c r="EM31" s="160">
        <v>0</v>
      </c>
      <c r="EN31" s="165">
        <v>3</v>
      </c>
      <c r="EO31" s="164">
        <v>4</v>
      </c>
      <c r="EP31" s="159">
        <v>5</v>
      </c>
      <c r="EQ31" s="160">
        <v>0</v>
      </c>
      <c r="ER31" s="165">
        <v>5</v>
      </c>
      <c r="ES31" s="162">
        <v>0</v>
      </c>
      <c r="ET31" s="160">
        <v>0</v>
      </c>
      <c r="EU31" s="160">
        <v>4</v>
      </c>
      <c r="EV31" s="160">
        <v>4</v>
      </c>
      <c r="EW31" s="160">
        <v>1</v>
      </c>
      <c r="EX31" s="160">
        <v>1</v>
      </c>
      <c r="EY31" s="165">
        <v>10</v>
      </c>
      <c r="EZ31" s="164">
        <v>15</v>
      </c>
    </row>
    <row r="32" spans="2:156" ht="21" customHeight="1" x14ac:dyDescent="0.2">
      <c r="B32" s="166" t="s">
        <v>30</v>
      </c>
      <c r="C32" s="159">
        <v>0</v>
      </c>
      <c r="D32" s="160">
        <v>0</v>
      </c>
      <c r="E32" s="161">
        <v>0</v>
      </c>
      <c r="F32" s="162">
        <v>0</v>
      </c>
      <c r="G32" s="160">
        <v>1</v>
      </c>
      <c r="H32" s="160">
        <v>0</v>
      </c>
      <c r="I32" s="160">
        <v>2</v>
      </c>
      <c r="J32" s="160">
        <v>1</v>
      </c>
      <c r="K32" s="160">
        <v>0</v>
      </c>
      <c r="L32" s="163">
        <v>4</v>
      </c>
      <c r="M32" s="164">
        <v>4</v>
      </c>
      <c r="N32" s="159">
        <v>0</v>
      </c>
      <c r="O32" s="160">
        <v>0</v>
      </c>
      <c r="P32" s="165">
        <v>0</v>
      </c>
      <c r="Q32" s="162">
        <v>0</v>
      </c>
      <c r="R32" s="160">
        <v>0</v>
      </c>
      <c r="S32" s="160">
        <v>0</v>
      </c>
      <c r="T32" s="160">
        <v>1</v>
      </c>
      <c r="U32" s="160">
        <v>0</v>
      </c>
      <c r="V32" s="160">
        <v>0</v>
      </c>
      <c r="W32" s="165">
        <v>1</v>
      </c>
      <c r="X32" s="164">
        <v>1</v>
      </c>
      <c r="Y32" s="159">
        <v>0</v>
      </c>
      <c r="Z32" s="160">
        <v>1</v>
      </c>
      <c r="AA32" s="165">
        <v>1</v>
      </c>
      <c r="AB32" s="162">
        <v>0</v>
      </c>
      <c r="AC32" s="160">
        <v>1</v>
      </c>
      <c r="AD32" s="160">
        <v>0</v>
      </c>
      <c r="AE32" s="160">
        <v>1</v>
      </c>
      <c r="AF32" s="160">
        <v>1</v>
      </c>
      <c r="AG32" s="160">
        <v>0</v>
      </c>
      <c r="AH32" s="165">
        <v>3</v>
      </c>
      <c r="AI32" s="164">
        <v>4</v>
      </c>
      <c r="AJ32" s="159">
        <v>1</v>
      </c>
      <c r="AK32" s="160">
        <v>0</v>
      </c>
      <c r="AL32" s="165">
        <v>1</v>
      </c>
      <c r="AM32" s="162">
        <v>0</v>
      </c>
      <c r="AN32" s="160">
        <v>0</v>
      </c>
      <c r="AO32" s="160">
        <v>0</v>
      </c>
      <c r="AP32" s="160">
        <v>0</v>
      </c>
      <c r="AQ32" s="160">
        <v>0</v>
      </c>
      <c r="AR32" s="160">
        <v>0</v>
      </c>
      <c r="AS32" s="165">
        <v>0</v>
      </c>
      <c r="AT32" s="164">
        <v>1</v>
      </c>
      <c r="AU32" s="159">
        <v>0</v>
      </c>
      <c r="AV32" s="160">
        <v>0</v>
      </c>
      <c r="AW32" s="165">
        <v>0</v>
      </c>
      <c r="AX32" s="162">
        <v>0</v>
      </c>
      <c r="AY32" s="160">
        <v>0</v>
      </c>
      <c r="AZ32" s="160">
        <v>2</v>
      </c>
      <c r="BA32" s="160">
        <v>3</v>
      </c>
      <c r="BB32" s="160">
        <v>1</v>
      </c>
      <c r="BC32" s="160">
        <v>0</v>
      </c>
      <c r="BD32" s="163">
        <v>6</v>
      </c>
      <c r="BE32" s="164">
        <v>6</v>
      </c>
      <c r="BF32" s="159">
        <v>0</v>
      </c>
      <c r="BG32" s="160">
        <v>0</v>
      </c>
      <c r="BH32" s="165">
        <v>0</v>
      </c>
      <c r="BI32" s="162">
        <v>0</v>
      </c>
      <c r="BJ32" s="160">
        <v>0</v>
      </c>
      <c r="BK32" s="160">
        <v>0</v>
      </c>
      <c r="BL32" s="160">
        <v>0</v>
      </c>
      <c r="BM32" s="160">
        <v>2</v>
      </c>
      <c r="BN32" s="160">
        <v>0</v>
      </c>
      <c r="BO32" s="165">
        <v>2</v>
      </c>
      <c r="BP32" s="164">
        <v>2</v>
      </c>
      <c r="BQ32" s="159">
        <v>0</v>
      </c>
      <c r="BR32" s="160">
        <v>1</v>
      </c>
      <c r="BS32" s="165">
        <v>1</v>
      </c>
      <c r="BT32" s="162">
        <v>0</v>
      </c>
      <c r="BU32" s="160">
        <v>0</v>
      </c>
      <c r="BV32" s="160">
        <v>0</v>
      </c>
      <c r="BW32" s="160">
        <v>0</v>
      </c>
      <c r="BX32" s="160">
        <v>0</v>
      </c>
      <c r="BY32" s="160">
        <v>0</v>
      </c>
      <c r="BZ32" s="165">
        <v>0</v>
      </c>
      <c r="CA32" s="164">
        <v>1</v>
      </c>
      <c r="CB32" s="159">
        <v>0</v>
      </c>
      <c r="CC32" s="160">
        <v>0</v>
      </c>
      <c r="CD32" s="165">
        <v>0</v>
      </c>
      <c r="CE32" s="162">
        <v>0</v>
      </c>
      <c r="CF32" s="160">
        <v>1</v>
      </c>
      <c r="CG32" s="160">
        <v>0</v>
      </c>
      <c r="CH32" s="160">
        <v>0</v>
      </c>
      <c r="CI32" s="160">
        <v>1</v>
      </c>
      <c r="CJ32" s="160">
        <v>0</v>
      </c>
      <c r="CK32" s="165">
        <v>2</v>
      </c>
      <c r="CL32" s="164">
        <v>2</v>
      </c>
      <c r="CM32" s="159">
        <v>0</v>
      </c>
      <c r="CN32" s="160">
        <v>0</v>
      </c>
      <c r="CO32" s="165">
        <v>0</v>
      </c>
      <c r="CP32" s="162">
        <v>0</v>
      </c>
      <c r="CQ32" s="160">
        <v>0</v>
      </c>
      <c r="CR32" s="160">
        <v>0</v>
      </c>
      <c r="CS32" s="160">
        <v>0</v>
      </c>
      <c r="CT32" s="160">
        <v>0</v>
      </c>
      <c r="CU32" s="160">
        <v>0</v>
      </c>
      <c r="CV32" s="165">
        <v>0</v>
      </c>
      <c r="CW32" s="164">
        <v>0</v>
      </c>
      <c r="CX32" s="159">
        <v>0</v>
      </c>
      <c r="CY32" s="160">
        <v>0</v>
      </c>
      <c r="CZ32" s="165">
        <v>0</v>
      </c>
      <c r="DA32" s="162">
        <v>0</v>
      </c>
      <c r="DB32" s="160">
        <v>0</v>
      </c>
      <c r="DC32" s="160">
        <v>0</v>
      </c>
      <c r="DD32" s="160">
        <v>0</v>
      </c>
      <c r="DE32" s="160">
        <v>0</v>
      </c>
      <c r="DF32" s="160">
        <v>0</v>
      </c>
      <c r="DG32" s="165">
        <v>0</v>
      </c>
      <c r="DH32" s="164">
        <v>0</v>
      </c>
      <c r="DI32" s="159">
        <v>0</v>
      </c>
      <c r="DJ32" s="160">
        <v>0</v>
      </c>
      <c r="DK32" s="165">
        <v>0</v>
      </c>
      <c r="DL32" s="162">
        <v>0</v>
      </c>
      <c r="DM32" s="160">
        <v>0</v>
      </c>
      <c r="DN32" s="160">
        <v>0</v>
      </c>
      <c r="DO32" s="160">
        <v>0</v>
      </c>
      <c r="DP32" s="160">
        <v>0</v>
      </c>
      <c r="DQ32" s="160">
        <v>0</v>
      </c>
      <c r="DR32" s="165">
        <v>0</v>
      </c>
      <c r="DS32" s="164">
        <v>0</v>
      </c>
      <c r="DT32" s="159">
        <v>2</v>
      </c>
      <c r="DU32" s="160">
        <v>0</v>
      </c>
      <c r="DV32" s="165">
        <v>2</v>
      </c>
      <c r="DW32" s="162">
        <v>0</v>
      </c>
      <c r="DX32" s="160">
        <v>2</v>
      </c>
      <c r="DY32" s="160">
        <v>1</v>
      </c>
      <c r="DZ32" s="160">
        <v>2</v>
      </c>
      <c r="EA32" s="160">
        <v>2</v>
      </c>
      <c r="EB32" s="160">
        <v>0</v>
      </c>
      <c r="EC32" s="165">
        <v>7</v>
      </c>
      <c r="ED32" s="164">
        <v>9</v>
      </c>
      <c r="EE32" s="159">
        <v>0</v>
      </c>
      <c r="EF32" s="160">
        <v>0</v>
      </c>
      <c r="EG32" s="165">
        <v>0</v>
      </c>
      <c r="EH32" s="162">
        <v>0</v>
      </c>
      <c r="EI32" s="160">
        <v>0</v>
      </c>
      <c r="EJ32" s="160">
        <v>2</v>
      </c>
      <c r="EK32" s="160">
        <v>1</v>
      </c>
      <c r="EL32" s="160">
        <v>1</v>
      </c>
      <c r="EM32" s="160">
        <v>0</v>
      </c>
      <c r="EN32" s="165">
        <v>4</v>
      </c>
      <c r="EO32" s="164">
        <v>4</v>
      </c>
      <c r="EP32" s="159">
        <v>3</v>
      </c>
      <c r="EQ32" s="160">
        <v>2</v>
      </c>
      <c r="ER32" s="165">
        <v>5</v>
      </c>
      <c r="ES32" s="162">
        <v>0</v>
      </c>
      <c r="ET32" s="160">
        <v>3</v>
      </c>
      <c r="EU32" s="160">
        <v>1</v>
      </c>
      <c r="EV32" s="160">
        <v>3</v>
      </c>
      <c r="EW32" s="160">
        <v>2</v>
      </c>
      <c r="EX32" s="160">
        <v>0</v>
      </c>
      <c r="EY32" s="165">
        <v>9</v>
      </c>
      <c r="EZ32" s="164">
        <v>14</v>
      </c>
    </row>
    <row r="33" spans="2:156" ht="21" customHeight="1" x14ac:dyDescent="0.2">
      <c r="B33" s="166" t="s">
        <v>31</v>
      </c>
      <c r="C33" s="159">
        <v>0</v>
      </c>
      <c r="D33" s="160">
        <v>0</v>
      </c>
      <c r="E33" s="161">
        <v>0</v>
      </c>
      <c r="F33" s="162">
        <v>0</v>
      </c>
      <c r="G33" s="160">
        <v>0</v>
      </c>
      <c r="H33" s="160">
        <v>0</v>
      </c>
      <c r="I33" s="160">
        <v>2</v>
      </c>
      <c r="J33" s="160">
        <v>0</v>
      </c>
      <c r="K33" s="160">
        <v>0</v>
      </c>
      <c r="L33" s="163">
        <v>2</v>
      </c>
      <c r="M33" s="164">
        <v>2</v>
      </c>
      <c r="N33" s="159">
        <v>0</v>
      </c>
      <c r="O33" s="160">
        <v>0</v>
      </c>
      <c r="P33" s="165">
        <v>0</v>
      </c>
      <c r="Q33" s="162">
        <v>0</v>
      </c>
      <c r="R33" s="160">
        <v>0</v>
      </c>
      <c r="S33" s="160">
        <v>1</v>
      </c>
      <c r="T33" s="160">
        <v>0</v>
      </c>
      <c r="U33" s="160">
        <v>0</v>
      </c>
      <c r="V33" s="160">
        <v>0</v>
      </c>
      <c r="W33" s="165">
        <v>1</v>
      </c>
      <c r="X33" s="164">
        <v>1</v>
      </c>
      <c r="Y33" s="159">
        <v>0</v>
      </c>
      <c r="Z33" s="160">
        <v>1</v>
      </c>
      <c r="AA33" s="165">
        <v>1</v>
      </c>
      <c r="AB33" s="162">
        <v>0</v>
      </c>
      <c r="AC33" s="160">
        <v>0</v>
      </c>
      <c r="AD33" s="160">
        <v>1</v>
      </c>
      <c r="AE33" s="160">
        <v>4</v>
      </c>
      <c r="AF33" s="160">
        <v>1</v>
      </c>
      <c r="AG33" s="160">
        <v>0</v>
      </c>
      <c r="AH33" s="165">
        <v>6</v>
      </c>
      <c r="AI33" s="164">
        <v>7</v>
      </c>
      <c r="AJ33" s="159">
        <v>0</v>
      </c>
      <c r="AK33" s="160">
        <v>0</v>
      </c>
      <c r="AL33" s="165">
        <v>0</v>
      </c>
      <c r="AM33" s="162">
        <v>0</v>
      </c>
      <c r="AN33" s="160">
        <v>0</v>
      </c>
      <c r="AO33" s="160">
        <v>0</v>
      </c>
      <c r="AP33" s="160">
        <v>0</v>
      </c>
      <c r="AQ33" s="160">
        <v>0</v>
      </c>
      <c r="AR33" s="160">
        <v>0</v>
      </c>
      <c r="AS33" s="165">
        <v>0</v>
      </c>
      <c r="AT33" s="164">
        <v>0</v>
      </c>
      <c r="AU33" s="159">
        <v>0</v>
      </c>
      <c r="AV33" s="160">
        <v>0</v>
      </c>
      <c r="AW33" s="165">
        <v>0</v>
      </c>
      <c r="AX33" s="162">
        <v>0</v>
      </c>
      <c r="AY33" s="160">
        <v>0</v>
      </c>
      <c r="AZ33" s="160">
        <v>1</v>
      </c>
      <c r="BA33" s="160">
        <v>0</v>
      </c>
      <c r="BB33" s="160">
        <v>2</v>
      </c>
      <c r="BC33" s="160">
        <v>1</v>
      </c>
      <c r="BD33" s="163">
        <v>4</v>
      </c>
      <c r="BE33" s="164">
        <v>4</v>
      </c>
      <c r="BF33" s="159">
        <v>0</v>
      </c>
      <c r="BG33" s="160">
        <v>0</v>
      </c>
      <c r="BH33" s="165">
        <v>0</v>
      </c>
      <c r="BI33" s="162">
        <v>0</v>
      </c>
      <c r="BJ33" s="160">
        <v>2</v>
      </c>
      <c r="BK33" s="160">
        <v>1</v>
      </c>
      <c r="BL33" s="160">
        <v>0</v>
      </c>
      <c r="BM33" s="160">
        <v>1</v>
      </c>
      <c r="BN33" s="160">
        <v>0</v>
      </c>
      <c r="BO33" s="165">
        <v>4</v>
      </c>
      <c r="BP33" s="164">
        <v>4</v>
      </c>
      <c r="BQ33" s="159">
        <v>0</v>
      </c>
      <c r="BR33" s="160">
        <v>0</v>
      </c>
      <c r="BS33" s="165">
        <v>0</v>
      </c>
      <c r="BT33" s="162">
        <v>0</v>
      </c>
      <c r="BU33" s="160">
        <v>1</v>
      </c>
      <c r="BV33" s="160">
        <v>1</v>
      </c>
      <c r="BW33" s="160">
        <v>1</v>
      </c>
      <c r="BX33" s="160">
        <v>1</v>
      </c>
      <c r="BY33" s="160">
        <v>0</v>
      </c>
      <c r="BZ33" s="165">
        <v>4</v>
      </c>
      <c r="CA33" s="164">
        <v>4</v>
      </c>
      <c r="CB33" s="159">
        <v>0</v>
      </c>
      <c r="CC33" s="160">
        <v>0</v>
      </c>
      <c r="CD33" s="165">
        <v>0</v>
      </c>
      <c r="CE33" s="162">
        <v>0</v>
      </c>
      <c r="CF33" s="160">
        <v>0</v>
      </c>
      <c r="CG33" s="160">
        <v>0</v>
      </c>
      <c r="CH33" s="160">
        <v>0</v>
      </c>
      <c r="CI33" s="160">
        <v>1</v>
      </c>
      <c r="CJ33" s="160">
        <v>1</v>
      </c>
      <c r="CK33" s="165">
        <v>2</v>
      </c>
      <c r="CL33" s="164">
        <v>2</v>
      </c>
      <c r="CM33" s="159">
        <v>0</v>
      </c>
      <c r="CN33" s="160">
        <v>0</v>
      </c>
      <c r="CO33" s="165">
        <v>0</v>
      </c>
      <c r="CP33" s="162">
        <v>0</v>
      </c>
      <c r="CQ33" s="160">
        <v>0</v>
      </c>
      <c r="CR33" s="160">
        <v>0</v>
      </c>
      <c r="CS33" s="160">
        <v>0</v>
      </c>
      <c r="CT33" s="160">
        <v>0</v>
      </c>
      <c r="CU33" s="160">
        <v>0</v>
      </c>
      <c r="CV33" s="165">
        <v>0</v>
      </c>
      <c r="CW33" s="164">
        <v>0</v>
      </c>
      <c r="CX33" s="159">
        <v>0</v>
      </c>
      <c r="CY33" s="160">
        <v>0</v>
      </c>
      <c r="CZ33" s="165">
        <v>0</v>
      </c>
      <c r="DA33" s="162">
        <v>0</v>
      </c>
      <c r="DB33" s="160">
        <v>0</v>
      </c>
      <c r="DC33" s="160">
        <v>0</v>
      </c>
      <c r="DD33" s="160">
        <v>0</v>
      </c>
      <c r="DE33" s="160">
        <v>0</v>
      </c>
      <c r="DF33" s="160">
        <v>0</v>
      </c>
      <c r="DG33" s="165">
        <v>0</v>
      </c>
      <c r="DH33" s="164">
        <v>0</v>
      </c>
      <c r="DI33" s="159">
        <v>0</v>
      </c>
      <c r="DJ33" s="160">
        <v>0</v>
      </c>
      <c r="DK33" s="165">
        <v>0</v>
      </c>
      <c r="DL33" s="162">
        <v>0</v>
      </c>
      <c r="DM33" s="160">
        <v>0</v>
      </c>
      <c r="DN33" s="160">
        <v>0</v>
      </c>
      <c r="DO33" s="160">
        <v>0</v>
      </c>
      <c r="DP33" s="160">
        <v>0</v>
      </c>
      <c r="DQ33" s="160">
        <v>0</v>
      </c>
      <c r="DR33" s="165">
        <v>0</v>
      </c>
      <c r="DS33" s="164">
        <v>0</v>
      </c>
      <c r="DT33" s="159">
        <v>1</v>
      </c>
      <c r="DU33" s="160">
        <v>3</v>
      </c>
      <c r="DV33" s="165">
        <v>4</v>
      </c>
      <c r="DW33" s="162">
        <v>0</v>
      </c>
      <c r="DX33" s="160">
        <v>3</v>
      </c>
      <c r="DY33" s="160">
        <v>4</v>
      </c>
      <c r="DZ33" s="160">
        <v>4</v>
      </c>
      <c r="EA33" s="160">
        <v>2</v>
      </c>
      <c r="EB33" s="160">
        <v>0</v>
      </c>
      <c r="EC33" s="165">
        <v>13</v>
      </c>
      <c r="ED33" s="164">
        <v>17</v>
      </c>
      <c r="EE33" s="159">
        <v>0</v>
      </c>
      <c r="EF33" s="160">
        <v>0</v>
      </c>
      <c r="EG33" s="165">
        <v>0</v>
      </c>
      <c r="EH33" s="162">
        <v>0</v>
      </c>
      <c r="EI33" s="160">
        <v>0</v>
      </c>
      <c r="EJ33" s="160">
        <v>0</v>
      </c>
      <c r="EK33" s="160">
        <v>0</v>
      </c>
      <c r="EL33" s="160">
        <v>0</v>
      </c>
      <c r="EM33" s="160">
        <v>0</v>
      </c>
      <c r="EN33" s="165">
        <v>0</v>
      </c>
      <c r="EO33" s="164">
        <v>0</v>
      </c>
      <c r="EP33" s="159">
        <v>1</v>
      </c>
      <c r="EQ33" s="160">
        <v>3</v>
      </c>
      <c r="ER33" s="165">
        <v>4</v>
      </c>
      <c r="ES33" s="162">
        <v>0</v>
      </c>
      <c r="ET33" s="160">
        <v>5</v>
      </c>
      <c r="EU33" s="160">
        <v>4</v>
      </c>
      <c r="EV33" s="160">
        <v>5</v>
      </c>
      <c r="EW33" s="160">
        <v>2</v>
      </c>
      <c r="EX33" s="160">
        <v>1</v>
      </c>
      <c r="EY33" s="165">
        <v>17</v>
      </c>
      <c r="EZ33" s="164">
        <v>21</v>
      </c>
    </row>
    <row r="34" spans="2:156" ht="21" customHeight="1" x14ac:dyDescent="0.2">
      <c r="B34" s="166" t="s">
        <v>32</v>
      </c>
      <c r="C34" s="159">
        <v>0</v>
      </c>
      <c r="D34" s="160">
        <v>0</v>
      </c>
      <c r="E34" s="161">
        <v>0</v>
      </c>
      <c r="F34" s="162">
        <v>0</v>
      </c>
      <c r="G34" s="160">
        <v>1</v>
      </c>
      <c r="H34" s="160">
        <v>2</v>
      </c>
      <c r="I34" s="160">
        <v>1</v>
      </c>
      <c r="J34" s="160">
        <v>0</v>
      </c>
      <c r="K34" s="160">
        <v>1</v>
      </c>
      <c r="L34" s="163">
        <v>5</v>
      </c>
      <c r="M34" s="164">
        <v>5</v>
      </c>
      <c r="N34" s="159">
        <v>0</v>
      </c>
      <c r="O34" s="160">
        <v>0</v>
      </c>
      <c r="P34" s="165">
        <v>0</v>
      </c>
      <c r="Q34" s="162">
        <v>0</v>
      </c>
      <c r="R34" s="160">
        <v>0</v>
      </c>
      <c r="S34" s="160">
        <v>0</v>
      </c>
      <c r="T34" s="160">
        <v>0</v>
      </c>
      <c r="U34" s="160">
        <v>0</v>
      </c>
      <c r="V34" s="160">
        <v>1</v>
      </c>
      <c r="W34" s="165">
        <v>1</v>
      </c>
      <c r="X34" s="164">
        <v>1</v>
      </c>
      <c r="Y34" s="159">
        <v>1</v>
      </c>
      <c r="Z34" s="160">
        <v>0</v>
      </c>
      <c r="AA34" s="165">
        <v>1</v>
      </c>
      <c r="AB34" s="162">
        <v>0</v>
      </c>
      <c r="AC34" s="160">
        <v>2</v>
      </c>
      <c r="AD34" s="160">
        <v>4</v>
      </c>
      <c r="AE34" s="160">
        <v>0</v>
      </c>
      <c r="AF34" s="160">
        <v>1</v>
      </c>
      <c r="AG34" s="160">
        <v>1</v>
      </c>
      <c r="AH34" s="165">
        <v>8</v>
      </c>
      <c r="AI34" s="164">
        <v>9</v>
      </c>
      <c r="AJ34" s="159">
        <v>0</v>
      </c>
      <c r="AK34" s="160">
        <v>0</v>
      </c>
      <c r="AL34" s="165">
        <v>0</v>
      </c>
      <c r="AM34" s="162">
        <v>0</v>
      </c>
      <c r="AN34" s="160">
        <v>0</v>
      </c>
      <c r="AO34" s="160">
        <v>1</v>
      </c>
      <c r="AP34" s="160">
        <v>0</v>
      </c>
      <c r="AQ34" s="160">
        <v>0</v>
      </c>
      <c r="AR34" s="160">
        <v>0</v>
      </c>
      <c r="AS34" s="165">
        <v>1</v>
      </c>
      <c r="AT34" s="164">
        <v>1</v>
      </c>
      <c r="AU34" s="159">
        <v>0</v>
      </c>
      <c r="AV34" s="160">
        <v>0</v>
      </c>
      <c r="AW34" s="165">
        <v>0</v>
      </c>
      <c r="AX34" s="162">
        <v>0</v>
      </c>
      <c r="AY34" s="160">
        <v>0</v>
      </c>
      <c r="AZ34" s="160">
        <v>2</v>
      </c>
      <c r="BA34" s="160">
        <v>2</v>
      </c>
      <c r="BB34" s="160">
        <v>4</v>
      </c>
      <c r="BC34" s="160">
        <v>1</v>
      </c>
      <c r="BD34" s="163">
        <v>9</v>
      </c>
      <c r="BE34" s="164">
        <v>9</v>
      </c>
      <c r="BF34" s="159">
        <v>0</v>
      </c>
      <c r="BG34" s="160">
        <v>0</v>
      </c>
      <c r="BH34" s="165">
        <v>0</v>
      </c>
      <c r="BI34" s="162">
        <v>0</v>
      </c>
      <c r="BJ34" s="160">
        <v>3</v>
      </c>
      <c r="BK34" s="160">
        <v>5</v>
      </c>
      <c r="BL34" s="160">
        <v>1</v>
      </c>
      <c r="BM34" s="160">
        <v>1</v>
      </c>
      <c r="BN34" s="160">
        <v>0</v>
      </c>
      <c r="BO34" s="165">
        <v>10</v>
      </c>
      <c r="BP34" s="164">
        <v>10</v>
      </c>
      <c r="BQ34" s="159">
        <v>0</v>
      </c>
      <c r="BR34" s="160">
        <v>0</v>
      </c>
      <c r="BS34" s="165">
        <v>0</v>
      </c>
      <c r="BT34" s="162">
        <v>0</v>
      </c>
      <c r="BU34" s="160">
        <v>0</v>
      </c>
      <c r="BV34" s="160">
        <v>1</v>
      </c>
      <c r="BW34" s="160">
        <v>0</v>
      </c>
      <c r="BX34" s="160">
        <v>0</v>
      </c>
      <c r="BY34" s="160">
        <v>0</v>
      </c>
      <c r="BZ34" s="165">
        <v>1</v>
      </c>
      <c r="CA34" s="164">
        <v>1</v>
      </c>
      <c r="CB34" s="159">
        <v>0</v>
      </c>
      <c r="CC34" s="160">
        <v>0</v>
      </c>
      <c r="CD34" s="165">
        <v>0</v>
      </c>
      <c r="CE34" s="162">
        <v>0</v>
      </c>
      <c r="CF34" s="160">
        <v>0</v>
      </c>
      <c r="CG34" s="160">
        <v>1</v>
      </c>
      <c r="CH34" s="160">
        <v>0</v>
      </c>
      <c r="CI34" s="160">
        <v>0</v>
      </c>
      <c r="CJ34" s="160">
        <v>0</v>
      </c>
      <c r="CK34" s="165">
        <v>1</v>
      </c>
      <c r="CL34" s="164">
        <v>1</v>
      </c>
      <c r="CM34" s="159">
        <v>0</v>
      </c>
      <c r="CN34" s="160">
        <v>0</v>
      </c>
      <c r="CO34" s="165">
        <v>0</v>
      </c>
      <c r="CP34" s="162">
        <v>0</v>
      </c>
      <c r="CQ34" s="160">
        <v>0</v>
      </c>
      <c r="CR34" s="160">
        <v>0</v>
      </c>
      <c r="CS34" s="160">
        <v>0</v>
      </c>
      <c r="CT34" s="160">
        <v>0</v>
      </c>
      <c r="CU34" s="160">
        <v>0</v>
      </c>
      <c r="CV34" s="165">
        <v>0</v>
      </c>
      <c r="CW34" s="164">
        <v>0</v>
      </c>
      <c r="CX34" s="159">
        <v>0</v>
      </c>
      <c r="CY34" s="160">
        <v>0</v>
      </c>
      <c r="CZ34" s="165">
        <v>0</v>
      </c>
      <c r="DA34" s="162">
        <v>0</v>
      </c>
      <c r="DB34" s="160">
        <v>0</v>
      </c>
      <c r="DC34" s="160">
        <v>0</v>
      </c>
      <c r="DD34" s="160">
        <v>0</v>
      </c>
      <c r="DE34" s="160">
        <v>0</v>
      </c>
      <c r="DF34" s="160">
        <v>0</v>
      </c>
      <c r="DG34" s="165">
        <v>0</v>
      </c>
      <c r="DH34" s="164">
        <v>0</v>
      </c>
      <c r="DI34" s="159">
        <v>0</v>
      </c>
      <c r="DJ34" s="160">
        <v>0</v>
      </c>
      <c r="DK34" s="165">
        <v>0</v>
      </c>
      <c r="DL34" s="162">
        <v>0</v>
      </c>
      <c r="DM34" s="160">
        <v>0</v>
      </c>
      <c r="DN34" s="160">
        <v>0</v>
      </c>
      <c r="DO34" s="160">
        <v>0</v>
      </c>
      <c r="DP34" s="160">
        <v>0</v>
      </c>
      <c r="DQ34" s="160">
        <v>0</v>
      </c>
      <c r="DR34" s="165">
        <v>0</v>
      </c>
      <c r="DS34" s="164">
        <v>0</v>
      </c>
      <c r="DT34" s="159">
        <v>2</v>
      </c>
      <c r="DU34" s="160">
        <v>2</v>
      </c>
      <c r="DV34" s="165">
        <v>4</v>
      </c>
      <c r="DW34" s="162">
        <v>0</v>
      </c>
      <c r="DX34" s="160">
        <v>4</v>
      </c>
      <c r="DY34" s="160">
        <v>10</v>
      </c>
      <c r="DZ34" s="160">
        <v>2</v>
      </c>
      <c r="EA34" s="160">
        <v>1</v>
      </c>
      <c r="EB34" s="160">
        <v>1</v>
      </c>
      <c r="EC34" s="165">
        <v>18</v>
      </c>
      <c r="ED34" s="164">
        <v>22</v>
      </c>
      <c r="EE34" s="159">
        <v>0</v>
      </c>
      <c r="EF34" s="160">
        <v>0</v>
      </c>
      <c r="EG34" s="165">
        <v>0</v>
      </c>
      <c r="EH34" s="162">
        <v>0</v>
      </c>
      <c r="EI34" s="160">
        <v>1</v>
      </c>
      <c r="EJ34" s="160">
        <v>1</v>
      </c>
      <c r="EK34" s="160">
        <v>0</v>
      </c>
      <c r="EL34" s="160">
        <v>2</v>
      </c>
      <c r="EM34" s="160">
        <v>1</v>
      </c>
      <c r="EN34" s="165">
        <v>5</v>
      </c>
      <c r="EO34" s="164">
        <v>5</v>
      </c>
      <c r="EP34" s="159">
        <v>3</v>
      </c>
      <c r="EQ34" s="160">
        <v>2</v>
      </c>
      <c r="ER34" s="165">
        <v>5</v>
      </c>
      <c r="ES34" s="162">
        <v>0</v>
      </c>
      <c r="ET34" s="160">
        <v>8</v>
      </c>
      <c r="EU34" s="160">
        <v>13</v>
      </c>
      <c r="EV34" s="160">
        <v>3</v>
      </c>
      <c r="EW34" s="160">
        <v>1</v>
      </c>
      <c r="EX34" s="160">
        <v>1</v>
      </c>
      <c r="EY34" s="165">
        <v>26</v>
      </c>
      <c r="EZ34" s="164">
        <v>31</v>
      </c>
    </row>
    <row r="35" spans="2:156" ht="21" customHeight="1" x14ac:dyDescent="0.2">
      <c r="B35" s="166" t="s">
        <v>33</v>
      </c>
      <c r="C35" s="159">
        <v>0</v>
      </c>
      <c r="D35" s="160">
        <v>0</v>
      </c>
      <c r="E35" s="161">
        <v>0</v>
      </c>
      <c r="F35" s="162">
        <v>0</v>
      </c>
      <c r="G35" s="160">
        <v>0</v>
      </c>
      <c r="H35" s="160">
        <v>0</v>
      </c>
      <c r="I35" s="160">
        <v>1</v>
      </c>
      <c r="J35" s="160">
        <v>0</v>
      </c>
      <c r="K35" s="160">
        <v>0</v>
      </c>
      <c r="L35" s="163">
        <v>1</v>
      </c>
      <c r="M35" s="164">
        <v>1</v>
      </c>
      <c r="N35" s="159">
        <v>0</v>
      </c>
      <c r="O35" s="160">
        <v>0</v>
      </c>
      <c r="P35" s="165">
        <v>0</v>
      </c>
      <c r="Q35" s="162">
        <v>0</v>
      </c>
      <c r="R35" s="160">
        <v>0</v>
      </c>
      <c r="S35" s="160">
        <v>0</v>
      </c>
      <c r="T35" s="160">
        <v>0</v>
      </c>
      <c r="U35" s="160">
        <v>1</v>
      </c>
      <c r="V35" s="160">
        <v>0</v>
      </c>
      <c r="W35" s="165">
        <v>1</v>
      </c>
      <c r="X35" s="164">
        <v>1</v>
      </c>
      <c r="Y35" s="159">
        <v>0</v>
      </c>
      <c r="Z35" s="160">
        <v>0</v>
      </c>
      <c r="AA35" s="165">
        <v>0</v>
      </c>
      <c r="AB35" s="162">
        <v>0</v>
      </c>
      <c r="AC35" s="160">
        <v>1</v>
      </c>
      <c r="AD35" s="160">
        <v>0</v>
      </c>
      <c r="AE35" s="160">
        <v>1</v>
      </c>
      <c r="AF35" s="160">
        <v>0</v>
      </c>
      <c r="AG35" s="160">
        <v>0</v>
      </c>
      <c r="AH35" s="165">
        <v>2</v>
      </c>
      <c r="AI35" s="164">
        <v>2</v>
      </c>
      <c r="AJ35" s="159">
        <v>2</v>
      </c>
      <c r="AK35" s="160">
        <v>1</v>
      </c>
      <c r="AL35" s="165">
        <v>3</v>
      </c>
      <c r="AM35" s="162">
        <v>0</v>
      </c>
      <c r="AN35" s="160">
        <v>1</v>
      </c>
      <c r="AO35" s="160">
        <v>0</v>
      </c>
      <c r="AP35" s="160">
        <v>2</v>
      </c>
      <c r="AQ35" s="160">
        <v>1</v>
      </c>
      <c r="AR35" s="160">
        <v>0</v>
      </c>
      <c r="AS35" s="165">
        <v>4</v>
      </c>
      <c r="AT35" s="164">
        <v>7</v>
      </c>
      <c r="AU35" s="159">
        <v>0</v>
      </c>
      <c r="AV35" s="160">
        <v>0</v>
      </c>
      <c r="AW35" s="165">
        <v>0</v>
      </c>
      <c r="AX35" s="162">
        <v>0</v>
      </c>
      <c r="AY35" s="160">
        <v>2</v>
      </c>
      <c r="AZ35" s="160">
        <v>0</v>
      </c>
      <c r="BA35" s="160">
        <v>2</v>
      </c>
      <c r="BB35" s="160">
        <v>0</v>
      </c>
      <c r="BC35" s="160">
        <v>0</v>
      </c>
      <c r="BD35" s="163">
        <v>4</v>
      </c>
      <c r="BE35" s="164">
        <v>4</v>
      </c>
      <c r="BF35" s="159">
        <v>0</v>
      </c>
      <c r="BG35" s="160">
        <v>0</v>
      </c>
      <c r="BH35" s="165">
        <v>0</v>
      </c>
      <c r="BI35" s="162">
        <v>0</v>
      </c>
      <c r="BJ35" s="160">
        <v>1</v>
      </c>
      <c r="BK35" s="160">
        <v>0</v>
      </c>
      <c r="BL35" s="160">
        <v>0</v>
      </c>
      <c r="BM35" s="160">
        <v>0</v>
      </c>
      <c r="BN35" s="160">
        <v>0</v>
      </c>
      <c r="BO35" s="165">
        <v>1</v>
      </c>
      <c r="BP35" s="164">
        <v>1</v>
      </c>
      <c r="BQ35" s="159">
        <v>0</v>
      </c>
      <c r="BR35" s="160">
        <v>1</v>
      </c>
      <c r="BS35" s="165">
        <v>1</v>
      </c>
      <c r="BT35" s="162">
        <v>0</v>
      </c>
      <c r="BU35" s="160">
        <v>0</v>
      </c>
      <c r="BV35" s="160">
        <v>0</v>
      </c>
      <c r="BW35" s="160">
        <v>0</v>
      </c>
      <c r="BX35" s="160">
        <v>0</v>
      </c>
      <c r="BY35" s="160">
        <v>0</v>
      </c>
      <c r="BZ35" s="165">
        <v>0</v>
      </c>
      <c r="CA35" s="164">
        <v>1</v>
      </c>
      <c r="CB35" s="159">
        <v>0</v>
      </c>
      <c r="CC35" s="160">
        <v>0</v>
      </c>
      <c r="CD35" s="165">
        <v>0</v>
      </c>
      <c r="CE35" s="162">
        <v>0</v>
      </c>
      <c r="CF35" s="160">
        <v>0</v>
      </c>
      <c r="CG35" s="160">
        <v>0</v>
      </c>
      <c r="CH35" s="160">
        <v>0</v>
      </c>
      <c r="CI35" s="160">
        <v>0</v>
      </c>
      <c r="CJ35" s="160">
        <v>1</v>
      </c>
      <c r="CK35" s="165">
        <v>1</v>
      </c>
      <c r="CL35" s="164">
        <v>1</v>
      </c>
      <c r="CM35" s="159">
        <v>0</v>
      </c>
      <c r="CN35" s="160">
        <v>0</v>
      </c>
      <c r="CO35" s="165">
        <v>0</v>
      </c>
      <c r="CP35" s="162">
        <v>0</v>
      </c>
      <c r="CQ35" s="160">
        <v>0</v>
      </c>
      <c r="CR35" s="160">
        <v>0</v>
      </c>
      <c r="CS35" s="160">
        <v>0</v>
      </c>
      <c r="CT35" s="160">
        <v>0</v>
      </c>
      <c r="CU35" s="160">
        <v>0</v>
      </c>
      <c r="CV35" s="165">
        <v>0</v>
      </c>
      <c r="CW35" s="164">
        <v>0</v>
      </c>
      <c r="CX35" s="159">
        <v>0</v>
      </c>
      <c r="CY35" s="160">
        <v>0</v>
      </c>
      <c r="CZ35" s="165">
        <v>0</v>
      </c>
      <c r="DA35" s="162">
        <v>0</v>
      </c>
      <c r="DB35" s="160">
        <v>0</v>
      </c>
      <c r="DC35" s="160">
        <v>0</v>
      </c>
      <c r="DD35" s="160">
        <v>0</v>
      </c>
      <c r="DE35" s="160">
        <v>0</v>
      </c>
      <c r="DF35" s="160">
        <v>0</v>
      </c>
      <c r="DG35" s="165">
        <v>0</v>
      </c>
      <c r="DH35" s="164">
        <v>0</v>
      </c>
      <c r="DI35" s="159">
        <v>0</v>
      </c>
      <c r="DJ35" s="160">
        <v>0</v>
      </c>
      <c r="DK35" s="165">
        <v>0</v>
      </c>
      <c r="DL35" s="162">
        <v>0</v>
      </c>
      <c r="DM35" s="160">
        <v>0</v>
      </c>
      <c r="DN35" s="160">
        <v>0</v>
      </c>
      <c r="DO35" s="160">
        <v>0</v>
      </c>
      <c r="DP35" s="160">
        <v>0</v>
      </c>
      <c r="DQ35" s="160">
        <v>0</v>
      </c>
      <c r="DR35" s="165">
        <v>0</v>
      </c>
      <c r="DS35" s="164">
        <v>0</v>
      </c>
      <c r="DT35" s="159">
        <v>2</v>
      </c>
      <c r="DU35" s="160">
        <v>0</v>
      </c>
      <c r="DV35" s="165">
        <v>2</v>
      </c>
      <c r="DW35" s="162">
        <v>0</v>
      </c>
      <c r="DX35" s="160">
        <v>1</v>
      </c>
      <c r="DY35" s="160">
        <v>1</v>
      </c>
      <c r="DZ35" s="160">
        <v>0</v>
      </c>
      <c r="EA35" s="160">
        <v>0</v>
      </c>
      <c r="EB35" s="160">
        <v>0</v>
      </c>
      <c r="EC35" s="165">
        <v>2</v>
      </c>
      <c r="ED35" s="164">
        <v>4</v>
      </c>
      <c r="EE35" s="159">
        <v>0</v>
      </c>
      <c r="EF35" s="160">
        <v>0</v>
      </c>
      <c r="EG35" s="165">
        <v>0</v>
      </c>
      <c r="EH35" s="162">
        <v>0</v>
      </c>
      <c r="EI35" s="160">
        <v>1</v>
      </c>
      <c r="EJ35" s="160">
        <v>0</v>
      </c>
      <c r="EK35" s="160">
        <v>1</v>
      </c>
      <c r="EL35" s="160">
        <v>0</v>
      </c>
      <c r="EM35" s="160">
        <v>0</v>
      </c>
      <c r="EN35" s="165">
        <v>2</v>
      </c>
      <c r="EO35" s="164">
        <v>2</v>
      </c>
      <c r="EP35" s="159">
        <v>2</v>
      </c>
      <c r="EQ35" s="160">
        <v>2</v>
      </c>
      <c r="ER35" s="165">
        <v>4</v>
      </c>
      <c r="ES35" s="162">
        <v>0</v>
      </c>
      <c r="ET35" s="160">
        <v>3</v>
      </c>
      <c r="EU35" s="160">
        <v>1</v>
      </c>
      <c r="EV35" s="160">
        <v>2</v>
      </c>
      <c r="EW35" s="160">
        <v>1</v>
      </c>
      <c r="EX35" s="160">
        <v>1</v>
      </c>
      <c r="EY35" s="165">
        <v>8</v>
      </c>
      <c r="EZ35" s="164">
        <v>12</v>
      </c>
    </row>
    <row r="36" spans="2:156" ht="21" customHeight="1" x14ac:dyDescent="0.2">
      <c r="B36" s="166" t="s">
        <v>34</v>
      </c>
      <c r="C36" s="159">
        <v>0</v>
      </c>
      <c r="D36" s="160">
        <v>0</v>
      </c>
      <c r="E36" s="161">
        <v>0</v>
      </c>
      <c r="F36" s="162">
        <v>0</v>
      </c>
      <c r="G36" s="160">
        <v>0</v>
      </c>
      <c r="H36" s="160">
        <v>0</v>
      </c>
      <c r="I36" s="160">
        <v>0</v>
      </c>
      <c r="J36" s="160">
        <v>1</v>
      </c>
      <c r="K36" s="160">
        <v>0</v>
      </c>
      <c r="L36" s="163">
        <v>1</v>
      </c>
      <c r="M36" s="164">
        <v>1</v>
      </c>
      <c r="N36" s="159">
        <v>0</v>
      </c>
      <c r="O36" s="160">
        <v>0</v>
      </c>
      <c r="P36" s="165">
        <v>0</v>
      </c>
      <c r="Q36" s="162">
        <v>0</v>
      </c>
      <c r="R36" s="160">
        <v>0</v>
      </c>
      <c r="S36" s="160">
        <v>0</v>
      </c>
      <c r="T36" s="160">
        <v>0</v>
      </c>
      <c r="U36" s="160">
        <v>0</v>
      </c>
      <c r="V36" s="160">
        <v>0</v>
      </c>
      <c r="W36" s="165">
        <v>0</v>
      </c>
      <c r="X36" s="164">
        <v>0</v>
      </c>
      <c r="Y36" s="159">
        <v>1</v>
      </c>
      <c r="Z36" s="160">
        <v>0</v>
      </c>
      <c r="AA36" s="165">
        <v>1</v>
      </c>
      <c r="AB36" s="162">
        <v>0</v>
      </c>
      <c r="AC36" s="160">
        <v>1</v>
      </c>
      <c r="AD36" s="160">
        <v>2</v>
      </c>
      <c r="AE36" s="160">
        <v>0</v>
      </c>
      <c r="AF36" s="160">
        <v>0</v>
      </c>
      <c r="AG36" s="160">
        <v>1</v>
      </c>
      <c r="AH36" s="165">
        <v>4</v>
      </c>
      <c r="AI36" s="164">
        <v>5</v>
      </c>
      <c r="AJ36" s="159">
        <v>0</v>
      </c>
      <c r="AK36" s="160">
        <v>0</v>
      </c>
      <c r="AL36" s="165">
        <v>0</v>
      </c>
      <c r="AM36" s="162">
        <v>0</v>
      </c>
      <c r="AN36" s="160">
        <v>0</v>
      </c>
      <c r="AO36" s="160">
        <v>0</v>
      </c>
      <c r="AP36" s="160">
        <v>0</v>
      </c>
      <c r="AQ36" s="160">
        <v>0</v>
      </c>
      <c r="AR36" s="160">
        <v>1</v>
      </c>
      <c r="AS36" s="165">
        <v>1</v>
      </c>
      <c r="AT36" s="164">
        <v>1</v>
      </c>
      <c r="AU36" s="159">
        <v>0</v>
      </c>
      <c r="AV36" s="160">
        <v>0</v>
      </c>
      <c r="AW36" s="165">
        <v>0</v>
      </c>
      <c r="AX36" s="162">
        <v>0</v>
      </c>
      <c r="AY36" s="160">
        <v>0</v>
      </c>
      <c r="AZ36" s="160">
        <v>3</v>
      </c>
      <c r="BA36" s="160">
        <v>0</v>
      </c>
      <c r="BB36" s="160">
        <v>1</v>
      </c>
      <c r="BC36" s="160">
        <v>2</v>
      </c>
      <c r="BD36" s="163">
        <v>6</v>
      </c>
      <c r="BE36" s="164">
        <v>6</v>
      </c>
      <c r="BF36" s="159">
        <v>0</v>
      </c>
      <c r="BG36" s="160">
        <v>0</v>
      </c>
      <c r="BH36" s="165">
        <v>0</v>
      </c>
      <c r="BI36" s="162">
        <v>0</v>
      </c>
      <c r="BJ36" s="160">
        <v>1</v>
      </c>
      <c r="BK36" s="160">
        <v>1</v>
      </c>
      <c r="BL36" s="160">
        <v>1</v>
      </c>
      <c r="BM36" s="160">
        <v>0</v>
      </c>
      <c r="BN36" s="160">
        <v>0</v>
      </c>
      <c r="BO36" s="165">
        <v>3</v>
      </c>
      <c r="BP36" s="164">
        <v>3</v>
      </c>
      <c r="BQ36" s="159">
        <v>0</v>
      </c>
      <c r="BR36" s="160">
        <v>0</v>
      </c>
      <c r="BS36" s="165">
        <v>0</v>
      </c>
      <c r="BT36" s="162">
        <v>0</v>
      </c>
      <c r="BU36" s="160">
        <v>0</v>
      </c>
      <c r="BV36" s="160">
        <v>0</v>
      </c>
      <c r="BW36" s="160">
        <v>0</v>
      </c>
      <c r="BX36" s="160">
        <v>0</v>
      </c>
      <c r="BY36" s="160">
        <v>0</v>
      </c>
      <c r="BZ36" s="165">
        <v>0</v>
      </c>
      <c r="CA36" s="164">
        <v>0</v>
      </c>
      <c r="CB36" s="159">
        <v>0</v>
      </c>
      <c r="CC36" s="160">
        <v>0</v>
      </c>
      <c r="CD36" s="165">
        <v>0</v>
      </c>
      <c r="CE36" s="162">
        <v>0</v>
      </c>
      <c r="CF36" s="160">
        <v>0</v>
      </c>
      <c r="CG36" s="160">
        <v>0</v>
      </c>
      <c r="CH36" s="160">
        <v>0</v>
      </c>
      <c r="CI36" s="160">
        <v>0</v>
      </c>
      <c r="CJ36" s="160">
        <v>0</v>
      </c>
      <c r="CK36" s="165">
        <v>0</v>
      </c>
      <c r="CL36" s="164">
        <v>0</v>
      </c>
      <c r="CM36" s="159">
        <v>0</v>
      </c>
      <c r="CN36" s="160">
        <v>0</v>
      </c>
      <c r="CO36" s="165">
        <v>0</v>
      </c>
      <c r="CP36" s="162">
        <v>0</v>
      </c>
      <c r="CQ36" s="160">
        <v>0</v>
      </c>
      <c r="CR36" s="160">
        <v>0</v>
      </c>
      <c r="CS36" s="160">
        <v>0</v>
      </c>
      <c r="CT36" s="160">
        <v>0</v>
      </c>
      <c r="CU36" s="160">
        <v>0</v>
      </c>
      <c r="CV36" s="165">
        <v>0</v>
      </c>
      <c r="CW36" s="164">
        <v>0</v>
      </c>
      <c r="CX36" s="159">
        <v>0</v>
      </c>
      <c r="CY36" s="160">
        <v>0</v>
      </c>
      <c r="CZ36" s="165">
        <v>0</v>
      </c>
      <c r="DA36" s="162">
        <v>0</v>
      </c>
      <c r="DB36" s="160">
        <v>0</v>
      </c>
      <c r="DC36" s="160">
        <v>0</v>
      </c>
      <c r="DD36" s="160">
        <v>0</v>
      </c>
      <c r="DE36" s="160">
        <v>0</v>
      </c>
      <c r="DF36" s="160">
        <v>0</v>
      </c>
      <c r="DG36" s="165">
        <v>0</v>
      </c>
      <c r="DH36" s="164">
        <v>0</v>
      </c>
      <c r="DI36" s="159">
        <v>0</v>
      </c>
      <c r="DJ36" s="160">
        <v>0</v>
      </c>
      <c r="DK36" s="165">
        <v>0</v>
      </c>
      <c r="DL36" s="162">
        <v>0</v>
      </c>
      <c r="DM36" s="160">
        <v>0</v>
      </c>
      <c r="DN36" s="160">
        <v>0</v>
      </c>
      <c r="DO36" s="160">
        <v>0</v>
      </c>
      <c r="DP36" s="160">
        <v>0</v>
      </c>
      <c r="DQ36" s="160">
        <v>0</v>
      </c>
      <c r="DR36" s="165">
        <v>0</v>
      </c>
      <c r="DS36" s="164">
        <v>0</v>
      </c>
      <c r="DT36" s="159">
        <v>0</v>
      </c>
      <c r="DU36" s="160">
        <v>0</v>
      </c>
      <c r="DV36" s="165">
        <v>0</v>
      </c>
      <c r="DW36" s="162">
        <v>0</v>
      </c>
      <c r="DX36" s="160">
        <v>2</v>
      </c>
      <c r="DY36" s="160">
        <v>6</v>
      </c>
      <c r="DZ36" s="160">
        <v>2</v>
      </c>
      <c r="EA36" s="160">
        <v>2</v>
      </c>
      <c r="EB36" s="160">
        <v>1</v>
      </c>
      <c r="EC36" s="165">
        <v>13</v>
      </c>
      <c r="ED36" s="164">
        <v>13</v>
      </c>
      <c r="EE36" s="159">
        <v>0</v>
      </c>
      <c r="EF36" s="160">
        <v>0</v>
      </c>
      <c r="EG36" s="165">
        <v>0</v>
      </c>
      <c r="EH36" s="162">
        <v>0</v>
      </c>
      <c r="EI36" s="160">
        <v>0</v>
      </c>
      <c r="EJ36" s="160">
        <v>1</v>
      </c>
      <c r="EK36" s="160">
        <v>0</v>
      </c>
      <c r="EL36" s="160">
        <v>0</v>
      </c>
      <c r="EM36" s="160">
        <v>1</v>
      </c>
      <c r="EN36" s="165">
        <v>2</v>
      </c>
      <c r="EO36" s="164">
        <v>2</v>
      </c>
      <c r="EP36" s="159">
        <v>1</v>
      </c>
      <c r="EQ36" s="160">
        <v>0</v>
      </c>
      <c r="ER36" s="165">
        <v>1</v>
      </c>
      <c r="ES36" s="162">
        <v>0</v>
      </c>
      <c r="ET36" s="160">
        <v>3</v>
      </c>
      <c r="EU36" s="160">
        <v>6</v>
      </c>
      <c r="EV36" s="160">
        <v>1</v>
      </c>
      <c r="EW36" s="160">
        <v>2</v>
      </c>
      <c r="EX36" s="160">
        <v>1</v>
      </c>
      <c r="EY36" s="165">
        <v>13</v>
      </c>
      <c r="EZ36" s="164">
        <v>14</v>
      </c>
    </row>
    <row r="37" spans="2:156" ht="21" customHeight="1" x14ac:dyDescent="0.2">
      <c r="B37" s="166" t="s">
        <v>35</v>
      </c>
      <c r="C37" s="159">
        <v>0</v>
      </c>
      <c r="D37" s="160">
        <v>0</v>
      </c>
      <c r="E37" s="161">
        <v>0</v>
      </c>
      <c r="F37" s="162">
        <v>0</v>
      </c>
      <c r="G37" s="160">
        <v>1</v>
      </c>
      <c r="H37" s="160">
        <v>2</v>
      </c>
      <c r="I37" s="160">
        <v>4</v>
      </c>
      <c r="J37" s="160">
        <v>1</v>
      </c>
      <c r="K37" s="160">
        <v>0</v>
      </c>
      <c r="L37" s="163">
        <v>8</v>
      </c>
      <c r="M37" s="164">
        <v>8</v>
      </c>
      <c r="N37" s="159">
        <v>0</v>
      </c>
      <c r="O37" s="160">
        <v>0</v>
      </c>
      <c r="P37" s="165">
        <v>0</v>
      </c>
      <c r="Q37" s="162">
        <v>0</v>
      </c>
      <c r="R37" s="160">
        <v>0</v>
      </c>
      <c r="S37" s="160">
        <v>0</v>
      </c>
      <c r="T37" s="160">
        <v>0</v>
      </c>
      <c r="U37" s="160">
        <v>0</v>
      </c>
      <c r="V37" s="160">
        <v>0</v>
      </c>
      <c r="W37" s="165">
        <v>0</v>
      </c>
      <c r="X37" s="164">
        <v>0</v>
      </c>
      <c r="Y37" s="159">
        <v>0</v>
      </c>
      <c r="Z37" s="160">
        <v>0</v>
      </c>
      <c r="AA37" s="165">
        <v>0</v>
      </c>
      <c r="AB37" s="162">
        <v>0</v>
      </c>
      <c r="AC37" s="160">
        <v>0</v>
      </c>
      <c r="AD37" s="160">
        <v>1</v>
      </c>
      <c r="AE37" s="160">
        <v>2</v>
      </c>
      <c r="AF37" s="160">
        <v>1</v>
      </c>
      <c r="AG37" s="160">
        <v>0</v>
      </c>
      <c r="AH37" s="165">
        <v>4</v>
      </c>
      <c r="AI37" s="164">
        <v>4</v>
      </c>
      <c r="AJ37" s="159">
        <v>1</v>
      </c>
      <c r="AK37" s="160">
        <v>1</v>
      </c>
      <c r="AL37" s="165">
        <v>2</v>
      </c>
      <c r="AM37" s="162">
        <v>0</v>
      </c>
      <c r="AN37" s="160">
        <v>2</v>
      </c>
      <c r="AO37" s="160">
        <v>0</v>
      </c>
      <c r="AP37" s="160">
        <v>1</v>
      </c>
      <c r="AQ37" s="160">
        <v>0</v>
      </c>
      <c r="AR37" s="160">
        <v>0</v>
      </c>
      <c r="AS37" s="165">
        <v>3</v>
      </c>
      <c r="AT37" s="164">
        <v>5</v>
      </c>
      <c r="AU37" s="159">
        <v>1</v>
      </c>
      <c r="AV37" s="160">
        <v>0</v>
      </c>
      <c r="AW37" s="165">
        <v>1</v>
      </c>
      <c r="AX37" s="162">
        <v>0</v>
      </c>
      <c r="AY37" s="160">
        <v>6</v>
      </c>
      <c r="AZ37" s="160">
        <v>5</v>
      </c>
      <c r="BA37" s="160">
        <v>4</v>
      </c>
      <c r="BB37" s="160">
        <v>4</v>
      </c>
      <c r="BC37" s="160">
        <v>1</v>
      </c>
      <c r="BD37" s="163">
        <v>20</v>
      </c>
      <c r="BE37" s="164">
        <v>21</v>
      </c>
      <c r="BF37" s="159">
        <v>0</v>
      </c>
      <c r="BG37" s="160">
        <v>0</v>
      </c>
      <c r="BH37" s="165">
        <v>0</v>
      </c>
      <c r="BI37" s="162">
        <v>0</v>
      </c>
      <c r="BJ37" s="160">
        <v>3</v>
      </c>
      <c r="BK37" s="160">
        <v>1</v>
      </c>
      <c r="BL37" s="160">
        <v>3</v>
      </c>
      <c r="BM37" s="160">
        <v>0</v>
      </c>
      <c r="BN37" s="160">
        <v>0</v>
      </c>
      <c r="BO37" s="165">
        <v>7</v>
      </c>
      <c r="BP37" s="164">
        <v>7</v>
      </c>
      <c r="BQ37" s="159">
        <v>1</v>
      </c>
      <c r="BR37" s="160">
        <v>0</v>
      </c>
      <c r="BS37" s="165">
        <v>1</v>
      </c>
      <c r="BT37" s="162">
        <v>0</v>
      </c>
      <c r="BU37" s="160">
        <v>3</v>
      </c>
      <c r="BV37" s="160">
        <v>0</v>
      </c>
      <c r="BW37" s="160">
        <v>1</v>
      </c>
      <c r="BX37" s="160">
        <v>1</v>
      </c>
      <c r="BY37" s="160">
        <v>0</v>
      </c>
      <c r="BZ37" s="165">
        <v>5</v>
      </c>
      <c r="CA37" s="164">
        <v>6</v>
      </c>
      <c r="CB37" s="159">
        <v>0</v>
      </c>
      <c r="CC37" s="160">
        <v>0</v>
      </c>
      <c r="CD37" s="165">
        <v>0</v>
      </c>
      <c r="CE37" s="162">
        <v>0</v>
      </c>
      <c r="CF37" s="160">
        <v>0</v>
      </c>
      <c r="CG37" s="160">
        <v>0</v>
      </c>
      <c r="CH37" s="160">
        <v>0</v>
      </c>
      <c r="CI37" s="160">
        <v>0</v>
      </c>
      <c r="CJ37" s="160">
        <v>0</v>
      </c>
      <c r="CK37" s="165">
        <v>0</v>
      </c>
      <c r="CL37" s="164">
        <v>0</v>
      </c>
      <c r="CM37" s="159">
        <v>0</v>
      </c>
      <c r="CN37" s="160">
        <v>0</v>
      </c>
      <c r="CO37" s="165">
        <v>0</v>
      </c>
      <c r="CP37" s="162">
        <v>0</v>
      </c>
      <c r="CQ37" s="160">
        <v>0</v>
      </c>
      <c r="CR37" s="160">
        <v>0</v>
      </c>
      <c r="CS37" s="160">
        <v>0</v>
      </c>
      <c r="CT37" s="160">
        <v>0</v>
      </c>
      <c r="CU37" s="160">
        <v>0</v>
      </c>
      <c r="CV37" s="165">
        <v>0</v>
      </c>
      <c r="CW37" s="164">
        <v>0</v>
      </c>
      <c r="CX37" s="159">
        <v>0</v>
      </c>
      <c r="CY37" s="160">
        <v>0</v>
      </c>
      <c r="CZ37" s="165">
        <v>0</v>
      </c>
      <c r="DA37" s="162">
        <v>0</v>
      </c>
      <c r="DB37" s="160">
        <v>0</v>
      </c>
      <c r="DC37" s="160">
        <v>0</v>
      </c>
      <c r="DD37" s="160">
        <v>0</v>
      </c>
      <c r="DE37" s="160">
        <v>0</v>
      </c>
      <c r="DF37" s="160">
        <v>0</v>
      </c>
      <c r="DG37" s="165">
        <v>0</v>
      </c>
      <c r="DH37" s="164">
        <v>0</v>
      </c>
      <c r="DI37" s="159">
        <v>0</v>
      </c>
      <c r="DJ37" s="160">
        <v>0</v>
      </c>
      <c r="DK37" s="165">
        <v>0</v>
      </c>
      <c r="DL37" s="162">
        <v>0</v>
      </c>
      <c r="DM37" s="160">
        <v>0</v>
      </c>
      <c r="DN37" s="160">
        <v>0</v>
      </c>
      <c r="DO37" s="160">
        <v>0</v>
      </c>
      <c r="DP37" s="160">
        <v>0</v>
      </c>
      <c r="DQ37" s="160">
        <v>0</v>
      </c>
      <c r="DR37" s="165">
        <v>0</v>
      </c>
      <c r="DS37" s="164">
        <v>0</v>
      </c>
      <c r="DT37" s="159">
        <v>2</v>
      </c>
      <c r="DU37" s="160">
        <v>0</v>
      </c>
      <c r="DV37" s="165">
        <v>2</v>
      </c>
      <c r="DW37" s="162">
        <v>0</v>
      </c>
      <c r="DX37" s="160">
        <v>5</v>
      </c>
      <c r="DY37" s="160">
        <v>3</v>
      </c>
      <c r="DZ37" s="160">
        <v>7</v>
      </c>
      <c r="EA37" s="160">
        <v>2</v>
      </c>
      <c r="EB37" s="160">
        <v>0</v>
      </c>
      <c r="EC37" s="165">
        <v>17</v>
      </c>
      <c r="ED37" s="164">
        <v>19</v>
      </c>
      <c r="EE37" s="159">
        <v>1</v>
      </c>
      <c r="EF37" s="160">
        <v>0</v>
      </c>
      <c r="EG37" s="165">
        <v>1</v>
      </c>
      <c r="EH37" s="162">
        <v>0</v>
      </c>
      <c r="EI37" s="160">
        <v>4</v>
      </c>
      <c r="EJ37" s="160">
        <v>2</v>
      </c>
      <c r="EK37" s="160">
        <v>2</v>
      </c>
      <c r="EL37" s="160">
        <v>4</v>
      </c>
      <c r="EM37" s="160">
        <v>1</v>
      </c>
      <c r="EN37" s="165">
        <v>13</v>
      </c>
      <c r="EO37" s="164">
        <v>14</v>
      </c>
      <c r="EP37" s="159">
        <v>4</v>
      </c>
      <c r="EQ37" s="160">
        <v>1</v>
      </c>
      <c r="ER37" s="165">
        <v>5</v>
      </c>
      <c r="ES37" s="162">
        <v>0</v>
      </c>
      <c r="ET37" s="160">
        <v>10</v>
      </c>
      <c r="EU37" s="160">
        <v>3</v>
      </c>
      <c r="EV37" s="160">
        <v>6</v>
      </c>
      <c r="EW37" s="160">
        <v>2</v>
      </c>
      <c r="EX37" s="160">
        <v>0</v>
      </c>
      <c r="EY37" s="165">
        <v>21</v>
      </c>
      <c r="EZ37" s="164">
        <v>26</v>
      </c>
    </row>
    <row r="38" spans="2:156" ht="21" customHeight="1" x14ac:dyDescent="0.2">
      <c r="B38" s="166" t="s">
        <v>36</v>
      </c>
      <c r="C38" s="159">
        <v>0</v>
      </c>
      <c r="D38" s="160">
        <v>0</v>
      </c>
      <c r="E38" s="161">
        <v>0</v>
      </c>
      <c r="F38" s="162">
        <v>0</v>
      </c>
      <c r="G38" s="160">
        <v>0</v>
      </c>
      <c r="H38" s="160">
        <v>1</v>
      </c>
      <c r="I38" s="160">
        <v>0</v>
      </c>
      <c r="J38" s="160">
        <v>0</v>
      </c>
      <c r="K38" s="160">
        <v>1</v>
      </c>
      <c r="L38" s="163">
        <v>2</v>
      </c>
      <c r="M38" s="164">
        <v>2</v>
      </c>
      <c r="N38" s="159">
        <v>0</v>
      </c>
      <c r="O38" s="160">
        <v>0</v>
      </c>
      <c r="P38" s="165">
        <v>0</v>
      </c>
      <c r="Q38" s="162">
        <v>0</v>
      </c>
      <c r="R38" s="160">
        <v>0</v>
      </c>
      <c r="S38" s="160">
        <v>0</v>
      </c>
      <c r="T38" s="160">
        <v>1</v>
      </c>
      <c r="U38" s="160">
        <v>1</v>
      </c>
      <c r="V38" s="160">
        <v>1</v>
      </c>
      <c r="W38" s="165">
        <v>3</v>
      </c>
      <c r="X38" s="164">
        <v>3</v>
      </c>
      <c r="Y38" s="159">
        <v>0</v>
      </c>
      <c r="Z38" s="160">
        <v>0</v>
      </c>
      <c r="AA38" s="165">
        <v>0</v>
      </c>
      <c r="AB38" s="162">
        <v>0</v>
      </c>
      <c r="AC38" s="160">
        <v>0</v>
      </c>
      <c r="AD38" s="160">
        <v>1</v>
      </c>
      <c r="AE38" s="160">
        <v>2</v>
      </c>
      <c r="AF38" s="160">
        <v>0</v>
      </c>
      <c r="AG38" s="160">
        <v>0</v>
      </c>
      <c r="AH38" s="165">
        <v>3</v>
      </c>
      <c r="AI38" s="164">
        <v>3</v>
      </c>
      <c r="AJ38" s="159">
        <v>0</v>
      </c>
      <c r="AK38" s="160">
        <v>1</v>
      </c>
      <c r="AL38" s="165">
        <v>1</v>
      </c>
      <c r="AM38" s="162">
        <v>0</v>
      </c>
      <c r="AN38" s="160">
        <v>1</v>
      </c>
      <c r="AO38" s="160">
        <v>0</v>
      </c>
      <c r="AP38" s="160">
        <v>0</v>
      </c>
      <c r="AQ38" s="160">
        <v>0</v>
      </c>
      <c r="AR38" s="160">
        <v>0</v>
      </c>
      <c r="AS38" s="165">
        <v>1</v>
      </c>
      <c r="AT38" s="164">
        <v>2</v>
      </c>
      <c r="AU38" s="159">
        <v>0</v>
      </c>
      <c r="AV38" s="160">
        <v>0</v>
      </c>
      <c r="AW38" s="165">
        <v>0</v>
      </c>
      <c r="AX38" s="162">
        <v>0</v>
      </c>
      <c r="AY38" s="160">
        <v>4</v>
      </c>
      <c r="AZ38" s="160">
        <v>3</v>
      </c>
      <c r="BA38" s="160">
        <v>2</v>
      </c>
      <c r="BB38" s="160">
        <v>2</v>
      </c>
      <c r="BC38" s="160">
        <v>1</v>
      </c>
      <c r="BD38" s="163">
        <v>12</v>
      </c>
      <c r="BE38" s="164">
        <v>12</v>
      </c>
      <c r="BF38" s="159">
        <v>0</v>
      </c>
      <c r="BG38" s="160">
        <v>0</v>
      </c>
      <c r="BH38" s="165">
        <v>0</v>
      </c>
      <c r="BI38" s="162">
        <v>0</v>
      </c>
      <c r="BJ38" s="160">
        <v>1</v>
      </c>
      <c r="BK38" s="160">
        <v>3</v>
      </c>
      <c r="BL38" s="160">
        <v>0</v>
      </c>
      <c r="BM38" s="160">
        <v>0</v>
      </c>
      <c r="BN38" s="160">
        <v>0</v>
      </c>
      <c r="BO38" s="165">
        <v>4</v>
      </c>
      <c r="BP38" s="164">
        <v>4</v>
      </c>
      <c r="BQ38" s="159">
        <v>0</v>
      </c>
      <c r="BR38" s="160">
        <v>1</v>
      </c>
      <c r="BS38" s="165">
        <v>1</v>
      </c>
      <c r="BT38" s="162">
        <v>0</v>
      </c>
      <c r="BU38" s="160">
        <v>1</v>
      </c>
      <c r="BV38" s="160">
        <v>0</v>
      </c>
      <c r="BW38" s="160">
        <v>1</v>
      </c>
      <c r="BX38" s="160">
        <v>0</v>
      </c>
      <c r="BY38" s="160">
        <v>0</v>
      </c>
      <c r="BZ38" s="165">
        <v>2</v>
      </c>
      <c r="CA38" s="164">
        <v>3</v>
      </c>
      <c r="CB38" s="159">
        <v>0</v>
      </c>
      <c r="CC38" s="160">
        <v>0</v>
      </c>
      <c r="CD38" s="165">
        <v>0</v>
      </c>
      <c r="CE38" s="162">
        <v>0</v>
      </c>
      <c r="CF38" s="160">
        <v>0</v>
      </c>
      <c r="CG38" s="160">
        <v>1</v>
      </c>
      <c r="CH38" s="160">
        <v>0</v>
      </c>
      <c r="CI38" s="160">
        <v>1</v>
      </c>
      <c r="CJ38" s="160">
        <v>0</v>
      </c>
      <c r="CK38" s="165">
        <v>2</v>
      </c>
      <c r="CL38" s="164">
        <v>2</v>
      </c>
      <c r="CM38" s="159">
        <v>0</v>
      </c>
      <c r="CN38" s="160">
        <v>0</v>
      </c>
      <c r="CO38" s="165">
        <v>0</v>
      </c>
      <c r="CP38" s="162">
        <v>0</v>
      </c>
      <c r="CQ38" s="160">
        <v>0</v>
      </c>
      <c r="CR38" s="160">
        <v>0</v>
      </c>
      <c r="CS38" s="160">
        <v>0</v>
      </c>
      <c r="CT38" s="160">
        <v>0</v>
      </c>
      <c r="CU38" s="160">
        <v>0</v>
      </c>
      <c r="CV38" s="165">
        <v>0</v>
      </c>
      <c r="CW38" s="164">
        <v>0</v>
      </c>
      <c r="CX38" s="159">
        <v>0</v>
      </c>
      <c r="CY38" s="160">
        <v>0</v>
      </c>
      <c r="CZ38" s="165">
        <v>0</v>
      </c>
      <c r="DA38" s="162">
        <v>0</v>
      </c>
      <c r="DB38" s="160">
        <v>0</v>
      </c>
      <c r="DC38" s="160">
        <v>0</v>
      </c>
      <c r="DD38" s="160">
        <v>0</v>
      </c>
      <c r="DE38" s="160">
        <v>0</v>
      </c>
      <c r="DF38" s="160">
        <v>0</v>
      </c>
      <c r="DG38" s="165">
        <v>0</v>
      </c>
      <c r="DH38" s="164">
        <v>0</v>
      </c>
      <c r="DI38" s="159">
        <v>0</v>
      </c>
      <c r="DJ38" s="160">
        <v>0</v>
      </c>
      <c r="DK38" s="165">
        <v>0</v>
      </c>
      <c r="DL38" s="162">
        <v>0</v>
      </c>
      <c r="DM38" s="160">
        <v>0</v>
      </c>
      <c r="DN38" s="160">
        <v>0</v>
      </c>
      <c r="DO38" s="160">
        <v>0</v>
      </c>
      <c r="DP38" s="160">
        <v>0</v>
      </c>
      <c r="DQ38" s="160">
        <v>0</v>
      </c>
      <c r="DR38" s="165">
        <v>0</v>
      </c>
      <c r="DS38" s="164">
        <v>0</v>
      </c>
      <c r="DT38" s="159">
        <v>2</v>
      </c>
      <c r="DU38" s="160">
        <v>3</v>
      </c>
      <c r="DV38" s="165">
        <v>5</v>
      </c>
      <c r="DW38" s="162">
        <v>0</v>
      </c>
      <c r="DX38" s="160">
        <v>3</v>
      </c>
      <c r="DY38" s="160">
        <v>6</v>
      </c>
      <c r="DZ38" s="160">
        <v>2</v>
      </c>
      <c r="EA38" s="160">
        <v>2</v>
      </c>
      <c r="EB38" s="160">
        <v>1</v>
      </c>
      <c r="EC38" s="165">
        <v>14</v>
      </c>
      <c r="ED38" s="164">
        <v>19</v>
      </c>
      <c r="EE38" s="159">
        <v>0</v>
      </c>
      <c r="EF38" s="160">
        <v>0</v>
      </c>
      <c r="EG38" s="165">
        <v>0</v>
      </c>
      <c r="EH38" s="162">
        <v>0</v>
      </c>
      <c r="EI38" s="160">
        <v>3</v>
      </c>
      <c r="EJ38" s="160">
        <v>1</v>
      </c>
      <c r="EK38" s="160">
        <v>1</v>
      </c>
      <c r="EL38" s="160">
        <v>0</v>
      </c>
      <c r="EM38" s="160">
        <v>0</v>
      </c>
      <c r="EN38" s="165">
        <v>5</v>
      </c>
      <c r="EO38" s="164">
        <v>5</v>
      </c>
      <c r="EP38" s="159">
        <v>2</v>
      </c>
      <c r="EQ38" s="160">
        <v>4</v>
      </c>
      <c r="ER38" s="165">
        <v>6</v>
      </c>
      <c r="ES38" s="162">
        <v>0</v>
      </c>
      <c r="ET38" s="160">
        <v>6</v>
      </c>
      <c r="EU38" s="160">
        <v>7</v>
      </c>
      <c r="EV38" s="160">
        <v>2</v>
      </c>
      <c r="EW38" s="160">
        <v>2</v>
      </c>
      <c r="EX38" s="160">
        <v>2</v>
      </c>
      <c r="EY38" s="165">
        <v>19</v>
      </c>
      <c r="EZ38" s="164">
        <v>25</v>
      </c>
    </row>
    <row r="39" spans="2:156" ht="21" customHeight="1" thickBot="1" x14ac:dyDescent="0.25">
      <c r="B39" s="167" t="s">
        <v>37</v>
      </c>
      <c r="C39" s="168">
        <v>0</v>
      </c>
      <c r="D39" s="169">
        <v>0</v>
      </c>
      <c r="E39" s="170">
        <v>0</v>
      </c>
      <c r="F39" s="171">
        <v>0</v>
      </c>
      <c r="G39" s="169">
        <v>0</v>
      </c>
      <c r="H39" s="169">
        <v>0</v>
      </c>
      <c r="I39" s="169">
        <v>0</v>
      </c>
      <c r="J39" s="169">
        <v>0</v>
      </c>
      <c r="K39" s="169">
        <v>0</v>
      </c>
      <c r="L39" s="172">
        <v>0</v>
      </c>
      <c r="M39" s="173">
        <v>0</v>
      </c>
      <c r="N39" s="168">
        <v>0</v>
      </c>
      <c r="O39" s="169">
        <v>0</v>
      </c>
      <c r="P39" s="174">
        <v>0</v>
      </c>
      <c r="Q39" s="171">
        <v>0</v>
      </c>
      <c r="R39" s="169">
        <v>0</v>
      </c>
      <c r="S39" s="169">
        <v>0</v>
      </c>
      <c r="T39" s="169">
        <v>0</v>
      </c>
      <c r="U39" s="169">
        <v>0</v>
      </c>
      <c r="V39" s="169">
        <v>0</v>
      </c>
      <c r="W39" s="174">
        <v>0</v>
      </c>
      <c r="X39" s="173">
        <v>0</v>
      </c>
      <c r="Y39" s="168">
        <v>0</v>
      </c>
      <c r="Z39" s="169">
        <v>0</v>
      </c>
      <c r="AA39" s="174">
        <v>0</v>
      </c>
      <c r="AB39" s="171">
        <v>0</v>
      </c>
      <c r="AC39" s="169">
        <v>0</v>
      </c>
      <c r="AD39" s="169">
        <v>0</v>
      </c>
      <c r="AE39" s="169">
        <v>0</v>
      </c>
      <c r="AF39" s="169">
        <v>0</v>
      </c>
      <c r="AG39" s="169">
        <v>0</v>
      </c>
      <c r="AH39" s="174">
        <v>0</v>
      </c>
      <c r="AI39" s="173">
        <v>0</v>
      </c>
      <c r="AJ39" s="168">
        <v>0</v>
      </c>
      <c r="AK39" s="169">
        <v>0</v>
      </c>
      <c r="AL39" s="174">
        <v>0</v>
      </c>
      <c r="AM39" s="171">
        <v>0</v>
      </c>
      <c r="AN39" s="169">
        <v>0</v>
      </c>
      <c r="AO39" s="169">
        <v>0</v>
      </c>
      <c r="AP39" s="169">
        <v>0</v>
      </c>
      <c r="AQ39" s="169">
        <v>0</v>
      </c>
      <c r="AR39" s="169">
        <v>0</v>
      </c>
      <c r="AS39" s="174">
        <v>0</v>
      </c>
      <c r="AT39" s="173">
        <v>0</v>
      </c>
      <c r="AU39" s="168">
        <v>0</v>
      </c>
      <c r="AV39" s="169">
        <v>0</v>
      </c>
      <c r="AW39" s="174">
        <v>0</v>
      </c>
      <c r="AX39" s="171">
        <v>0</v>
      </c>
      <c r="AY39" s="169">
        <v>0</v>
      </c>
      <c r="AZ39" s="169">
        <v>0</v>
      </c>
      <c r="BA39" s="169">
        <v>0</v>
      </c>
      <c r="BB39" s="169">
        <v>0</v>
      </c>
      <c r="BC39" s="169">
        <v>0</v>
      </c>
      <c r="BD39" s="172">
        <v>0</v>
      </c>
      <c r="BE39" s="173">
        <v>0</v>
      </c>
      <c r="BF39" s="168">
        <v>0</v>
      </c>
      <c r="BG39" s="169">
        <v>0</v>
      </c>
      <c r="BH39" s="174">
        <v>0</v>
      </c>
      <c r="BI39" s="171">
        <v>0</v>
      </c>
      <c r="BJ39" s="169">
        <v>0</v>
      </c>
      <c r="BK39" s="169">
        <v>1</v>
      </c>
      <c r="BL39" s="169">
        <v>0</v>
      </c>
      <c r="BM39" s="169">
        <v>0</v>
      </c>
      <c r="BN39" s="169">
        <v>0</v>
      </c>
      <c r="BO39" s="174">
        <v>1</v>
      </c>
      <c r="BP39" s="173">
        <v>1</v>
      </c>
      <c r="BQ39" s="168">
        <v>0</v>
      </c>
      <c r="BR39" s="169">
        <v>0</v>
      </c>
      <c r="BS39" s="174">
        <v>0</v>
      </c>
      <c r="BT39" s="171">
        <v>0</v>
      </c>
      <c r="BU39" s="169">
        <v>1</v>
      </c>
      <c r="BV39" s="169">
        <v>1</v>
      </c>
      <c r="BW39" s="169">
        <v>0</v>
      </c>
      <c r="BX39" s="169">
        <v>0</v>
      </c>
      <c r="BY39" s="169">
        <v>0</v>
      </c>
      <c r="BZ39" s="174">
        <v>2</v>
      </c>
      <c r="CA39" s="173">
        <v>2</v>
      </c>
      <c r="CB39" s="168">
        <v>0</v>
      </c>
      <c r="CC39" s="169">
        <v>0</v>
      </c>
      <c r="CD39" s="174">
        <v>0</v>
      </c>
      <c r="CE39" s="171">
        <v>0</v>
      </c>
      <c r="CF39" s="169">
        <v>0</v>
      </c>
      <c r="CG39" s="169">
        <v>0</v>
      </c>
      <c r="CH39" s="169">
        <v>0</v>
      </c>
      <c r="CI39" s="169">
        <v>0</v>
      </c>
      <c r="CJ39" s="169">
        <v>0</v>
      </c>
      <c r="CK39" s="174">
        <v>0</v>
      </c>
      <c r="CL39" s="173">
        <v>0</v>
      </c>
      <c r="CM39" s="168">
        <v>0</v>
      </c>
      <c r="CN39" s="169">
        <v>0</v>
      </c>
      <c r="CO39" s="174">
        <v>0</v>
      </c>
      <c r="CP39" s="171">
        <v>0</v>
      </c>
      <c r="CQ39" s="169">
        <v>0</v>
      </c>
      <c r="CR39" s="169">
        <v>0</v>
      </c>
      <c r="CS39" s="169">
        <v>0</v>
      </c>
      <c r="CT39" s="169">
        <v>0</v>
      </c>
      <c r="CU39" s="169">
        <v>0</v>
      </c>
      <c r="CV39" s="174">
        <v>0</v>
      </c>
      <c r="CW39" s="173">
        <v>0</v>
      </c>
      <c r="CX39" s="168">
        <v>0</v>
      </c>
      <c r="CY39" s="169">
        <v>0</v>
      </c>
      <c r="CZ39" s="174">
        <v>0</v>
      </c>
      <c r="DA39" s="171">
        <v>0</v>
      </c>
      <c r="DB39" s="169">
        <v>0</v>
      </c>
      <c r="DC39" s="169">
        <v>0</v>
      </c>
      <c r="DD39" s="169">
        <v>0</v>
      </c>
      <c r="DE39" s="169">
        <v>0</v>
      </c>
      <c r="DF39" s="169">
        <v>0</v>
      </c>
      <c r="DG39" s="174">
        <v>0</v>
      </c>
      <c r="DH39" s="173">
        <v>0</v>
      </c>
      <c r="DI39" s="168">
        <v>0</v>
      </c>
      <c r="DJ39" s="169">
        <v>0</v>
      </c>
      <c r="DK39" s="174">
        <v>0</v>
      </c>
      <c r="DL39" s="171">
        <v>0</v>
      </c>
      <c r="DM39" s="169">
        <v>0</v>
      </c>
      <c r="DN39" s="169">
        <v>0</v>
      </c>
      <c r="DO39" s="169">
        <v>0</v>
      </c>
      <c r="DP39" s="169">
        <v>0</v>
      </c>
      <c r="DQ39" s="169">
        <v>0</v>
      </c>
      <c r="DR39" s="174">
        <v>0</v>
      </c>
      <c r="DS39" s="173">
        <v>0</v>
      </c>
      <c r="DT39" s="168">
        <v>0</v>
      </c>
      <c r="DU39" s="169">
        <v>0</v>
      </c>
      <c r="DV39" s="174">
        <v>0</v>
      </c>
      <c r="DW39" s="171">
        <v>0</v>
      </c>
      <c r="DX39" s="169">
        <v>1</v>
      </c>
      <c r="DY39" s="169">
        <v>2</v>
      </c>
      <c r="DZ39" s="169">
        <v>0</v>
      </c>
      <c r="EA39" s="169">
        <v>0</v>
      </c>
      <c r="EB39" s="169">
        <v>0</v>
      </c>
      <c r="EC39" s="174">
        <v>3</v>
      </c>
      <c r="ED39" s="173">
        <v>3</v>
      </c>
      <c r="EE39" s="168">
        <v>0</v>
      </c>
      <c r="EF39" s="169">
        <v>0</v>
      </c>
      <c r="EG39" s="174">
        <v>0</v>
      </c>
      <c r="EH39" s="171">
        <v>0</v>
      </c>
      <c r="EI39" s="169">
        <v>0</v>
      </c>
      <c r="EJ39" s="169">
        <v>0</v>
      </c>
      <c r="EK39" s="169">
        <v>0</v>
      </c>
      <c r="EL39" s="169">
        <v>0</v>
      </c>
      <c r="EM39" s="169">
        <v>0</v>
      </c>
      <c r="EN39" s="174">
        <v>0</v>
      </c>
      <c r="EO39" s="173">
        <v>0</v>
      </c>
      <c r="EP39" s="168">
        <v>0</v>
      </c>
      <c r="EQ39" s="169">
        <v>0</v>
      </c>
      <c r="ER39" s="174">
        <v>0</v>
      </c>
      <c r="ES39" s="171">
        <v>0</v>
      </c>
      <c r="ET39" s="169">
        <v>1</v>
      </c>
      <c r="EU39" s="169">
        <v>2</v>
      </c>
      <c r="EV39" s="169">
        <v>0</v>
      </c>
      <c r="EW39" s="169">
        <v>0</v>
      </c>
      <c r="EX39" s="169">
        <v>0</v>
      </c>
      <c r="EY39" s="174">
        <v>3</v>
      </c>
      <c r="EZ39" s="173">
        <v>3</v>
      </c>
    </row>
  </sheetData>
  <mergeCells count="59">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 ref="CB4:CD4"/>
    <mergeCell ref="CE4:CK4"/>
    <mergeCell ref="AJ4:AL4"/>
    <mergeCell ref="AM4:AS4"/>
    <mergeCell ref="AT4:AT5"/>
    <mergeCell ref="AU4:AW4"/>
    <mergeCell ref="AX4:BD4"/>
    <mergeCell ref="DT3:ED3"/>
    <mergeCell ref="EE3:EO3"/>
    <mergeCell ref="EP3:EZ3"/>
    <mergeCell ref="CB3:CL3"/>
    <mergeCell ref="CM3:CW3"/>
    <mergeCell ref="DI3:DS3"/>
    <mergeCell ref="B3:B5"/>
    <mergeCell ref="C3:M3"/>
    <mergeCell ref="N3:X3"/>
    <mergeCell ref="X4:X5"/>
    <mergeCell ref="AJ3:AT3"/>
    <mergeCell ref="Y3:AI3"/>
    <mergeCell ref="Y4:AA4"/>
    <mergeCell ref="AB4:AH4"/>
    <mergeCell ref="AI4:AI5"/>
    <mergeCell ref="C4:E4"/>
    <mergeCell ref="F4:L4"/>
    <mergeCell ref="M4:M5"/>
    <mergeCell ref="N4:P4"/>
    <mergeCell ref="Q4:W4"/>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s>
  <phoneticPr fontId="4"/>
  <pageMargins left="0.70866141732283472" right="0.70866141732283472"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10.21875" style="175" customWidth="1"/>
    <col min="8" max="8" width="10.4414062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21875" style="175" customWidth="1"/>
    <col min="51" max="60" width="9" style="175"/>
    <col min="61" max="61" width="7.2187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04" width="9" style="175"/>
    <col min="105" max="105" width="7.44140625" style="175" customWidth="1"/>
    <col min="106" max="115" width="9" style="175"/>
    <col min="116" max="116" width="7.44140625" style="175" customWidth="1"/>
    <col min="117" max="126" width="9" style="175"/>
    <col min="127" max="127" width="7.44140625" style="175" customWidth="1"/>
    <col min="128" max="137" width="9" style="175"/>
    <col min="138" max="138" width="7.33203125" style="175" customWidth="1"/>
    <col min="139" max="148" width="9" style="175"/>
    <col min="149" max="149" width="7.77734375" style="175" customWidth="1"/>
    <col min="150" max="16384" width="9" style="175"/>
  </cols>
  <sheetData>
    <row r="1" spans="2:156" ht="24" customHeight="1" x14ac:dyDescent="0.2">
      <c r="B1" s="142" t="s">
        <v>120</v>
      </c>
      <c r="I1" s="441">
        <f>第１表!F2</f>
        <v>6</v>
      </c>
      <c r="J1" s="441"/>
      <c r="K1" s="18">
        <f>第１表!G2</f>
        <v>9</v>
      </c>
      <c r="L1" s="445">
        <f>IF(K1&lt;3,K1+12-2,K1-2)</f>
        <v>7</v>
      </c>
      <c r="M1" s="445"/>
    </row>
    <row r="2" spans="2:156" ht="24" customHeight="1" thickBot="1" x14ac:dyDescent="0.25">
      <c r="B2" s="142" t="s">
        <v>151</v>
      </c>
      <c r="G2" s="17"/>
      <c r="H2" s="18"/>
      <c r="J2" s="176"/>
      <c r="K2" s="176"/>
    </row>
    <row r="3" spans="2:156" ht="21" customHeight="1" thickBot="1" x14ac:dyDescent="0.25">
      <c r="B3" s="466"/>
      <c r="C3" s="463" t="s">
        <v>70</v>
      </c>
      <c r="D3" s="464"/>
      <c r="E3" s="464"/>
      <c r="F3" s="464"/>
      <c r="G3" s="464"/>
      <c r="H3" s="464"/>
      <c r="I3" s="464"/>
      <c r="J3" s="464"/>
      <c r="K3" s="464"/>
      <c r="L3" s="464"/>
      <c r="M3" s="465"/>
      <c r="N3" s="463" t="s">
        <v>71</v>
      </c>
      <c r="O3" s="464"/>
      <c r="P3" s="464"/>
      <c r="Q3" s="464"/>
      <c r="R3" s="464"/>
      <c r="S3" s="464"/>
      <c r="T3" s="464"/>
      <c r="U3" s="464"/>
      <c r="V3" s="464"/>
      <c r="W3" s="464"/>
      <c r="X3" s="465"/>
      <c r="Y3" s="463" t="s">
        <v>72</v>
      </c>
      <c r="Z3" s="464"/>
      <c r="AA3" s="464"/>
      <c r="AB3" s="464"/>
      <c r="AC3" s="464"/>
      <c r="AD3" s="464"/>
      <c r="AE3" s="464"/>
      <c r="AF3" s="464"/>
      <c r="AG3" s="464"/>
      <c r="AH3" s="464"/>
      <c r="AI3" s="465"/>
      <c r="AJ3" s="463" t="s">
        <v>73</v>
      </c>
      <c r="AK3" s="464"/>
      <c r="AL3" s="464"/>
      <c r="AM3" s="464"/>
      <c r="AN3" s="464"/>
      <c r="AO3" s="464"/>
      <c r="AP3" s="464"/>
      <c r="AQ3" s="464"/>
      <c r="AR3" s="464"/>
      <c r="AS3" s="464"/>
      <c r="AT3" s="465"/>
      <c r="AU3" s="463" t="s">
        <v>74</v>
      </c>
      <c r="AV3" s="464"/>
      <c r="AW3" s="464"/>
      <c r="AX3" s="464"/>
      <c r="AY3" s="464"/>
      <c r="AZ3" s="464"/>
      <c r="BA3" s="464"/>
      <c r="BB3" s="464"/>
      <c r="BC3" s="464"/>
      <c r="BD3" s="464"/>
      <c r="BE3" s="465"/>
      <c r="BF3" s="463" t="s">
        <v>75</v>
      </c>
      <c r="BG3" s="464"/>
      <c r="BH3" s="464"/>
      <c r="BI3" s="464"/>
      <c r="BJ3" s="464"/>
      <c r="BK3" s="464"/>
      <c r="BL3" s="464"/>
      <c r="BM3" s="464"/>
      <c r="BN3" s="464"/>
      <c r="BO3" s="464"/>
      <c r="BP3" s="465"/>
      <c r="BQ3" s="463" t="s">
        <v>76</v>
      </c>
      <c r="BR3" s="464"/>
      <c r="BS3" s="464"/>
      <c r="BT3" s="464"/>
      <c r="BU3" s="464"/>
      <c r="BV3" s="464"/>
      <c r="BW3" s="464"/>
      <c r="BX3" s="464"/>
      <c r="BY3" s="464"/>
      <c r="BZ3" s="464"/>
      <c r="CA3" s="465"/>
      <c r="CB3" s="463" t="s">
        <v>77</v>
      </c>
      <c r="CC3" s="464"/>
      <c r="CD3" s="464"/>
      <c r="CE3" s="464"/>
      <c r="CF3" s="464"/>
      <c r="CG3" s="464"/>
      <c r="CH3" s="464"/>
      <c r="CI3" s="464"/>
      <c r="CJ3" s="464"/>
      <c r="CK3" s="464"/>
      <c r="CL3" s="465"/>
      <c r="CM3" s="463" t="s">
        <v>78</v>
      </c>
      <c r="CN3" s="464"/>
      <c r="CO3" s="464"/>
      <c r="CP3" s="464"/>
      <c r="CQ3" s="464"/>
      <c r="CR3" s="464"/>
      <c r="CS3" s="464"/>
      <c r="CT3" s="464"/>
      <c r="CU3" s="464"/>
      <c r="CV3" s="464"/>
      <c r="CW3" s="465"/>
      <c r="CX3" s="463" t="s">
        <v>79</v>
      </c>
      <c r="CY3" s="464"/>
      <c r="CZ3" s="464"/>
      <c r="DA3" s="464"/>
      <c r="DB3" s="464"/>
      <c r="DC3" s="464"/>
      <c r="DD3" s="464"/>
      <c r="DE3" s="464"/>
      <c r="DF3" s="464"/>
      <c r="DG3" s="464"/>
      <c r="DH3" s="465"/>
      <c r="DI3" s="463" t="s">
        <v>149</v>
      </c>
      <c r="DJ3" s="464"/>
      <c r="DK3" s="464"/>
      <c r="DL3" s="464"/>
      <c r="DM3" s="464"/>
      <c r="DN3" s="464"/>
      <c r="DO3" s="464"/>
      <c r="DP3" s="464"/>
      <c r="DQ3" s="464"/>
      <c r="DR3" s="464"/>
      <c r="DS3" s="465"/>
      <c r="DT3" s="463" t="s">
        <v>80</v>
      </c>
      <c r="DU3" s="464"/>
      <c r="DV3" s="464"/>
      <c r="DW3" s="464"/>
      <c r="DX3" s="464"/>
      <c r="DY3" s="464"/>
      <c r="DZ3" s="464"/>
      <c r="EA3" s="464"/>
      <c r="EB3" s="464"/>
      <c r="EC3" s="464"/>
      <c r="ED3" s="465"/>
      <c r="EE3" s="463" t="s">
        <v>68</v>
      </c>
      <c r="EF3" s="464"/>
      <c r="EG3" s="464"/>
      <c r="EH3" s="464"/>
      <c r="EI3" s="464"/>
      <c r="EJ3" s="464"/>
      <c r="EK3" s="464"/>
      <c r="EL3" s="464"/>
      <c r="EM3" s="464"/>
      <c r="EN3" s="464"/>
      <c r="EO3" s="465"/>
      <c r="EP3" s="476" t="s">
        <v>69</v>
      </c>
      <c r="EQ3" s="477"/>
      <c r="ER3" s="477"/>
      <c r="ES3" s="477"/>
      <c r="ET3" s="477"/>
      <c r="EU3" s="477"/>
      <c r="EV3" s="477"/>
      <c r="EW3" s="477"/>
      <c r="EX3" s="477"/>
      <c r="EY3" s="477"/>
      <c r="EZ3" s="478"/>
    </row>
    <row r="4" spans="2:156" ht="21" customHeight="1" x14ac:dyDescent="0.2">
      <c r="B4" s="467"/>
      <c r="C4" s="471" t="s">
        <v>61</v>
      </c>
      <c r="D4" s="472"/>
      <c r="E4" s="473"/>
      <c r="F4" s="474" t="s">
        <v>62</v>
      </c>
      <c r="G4" s="472"/>
      <c r="H4" s="472"/>
      <c r="I4" s="472"/>
      <c r="J4" s="472"/>
      <c r="K4" s="472"/>
      <c r="L4" s="475"/>
      <c r="M4" s="469" t="s">
        <v>52</v>
      </c>
      <c r="N4" s="471" t="s">
        <v>61</v>
      </c>
      <c r="O4" s="472"/>
      <c r="P4" s="473"/>
      <c r="Q4" s="474" t="s">
        <v>62</v>
      </c>
      <c r="R4" s="472"/>
      <c r="S4" s="472"/>
      <c r="T4" s="472"/>
      <c r="U4" s="472"/>
      <c r="V4" s="472"/>
      <c r="W4" s="473"/>
      <c r="X4" s="469" t="s">
        <v>52</v>
      </c>
      <c r="Y4" s="471" t="s">
        <v>61</v>
      </c>
      <c r="Z4" s="472"/>
      <c r="AA4" s="473"/>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71" t="s">
        <v>61</v>
      </c>
      <c r="AV4" s="472"/>
      <c r="AW4" s="473"/>
      <c r="AX4" s="474" t="s">
        <v>62</v>
      </c>
      <c r="AY4" s="472"/>
      <c r="AZ4" s="472"/>
      <c r="BA4" s="472"/>
      <c r="BB4" s="472"/>
      <c r="BC4" s="472"/>
      <c r="BD4" s="475"/>
      <c r="BE4" s="469" t="s">
        <v>52</v>
      </c>
      <c r="BF4" s="471" t="s">
        <v>61</v>
      </c>
      <c r="BG4" s="472"/>
      <c r="BH4" s="473"/>
      <c r="BI4" s="474" t="s">
        <v>62</v>
      </c>
      <c r="BJ4" s="472"/>
      <c r="BK4" s="472"/>
      <c r="BL4" s="472"/>
      <c r="BM4" s="472"/>
      <c r="BN4" s="472"/>
      <c r="BO4" s="473"/>
      <c r="BP4" s="469" t="s">
        <v>52</v>
      </c>
      <c r="BQ4" s="471" t="s">
        <v>61</v>
      </c>
      <c r="BR4" s="472"/>
      <c r="BS4" s="473"/>
      <c r="BT4" s="474" t="s">
        <v>62</v>
      </c>
      <c r="BU4" s="472"/>
      <c r="BV4" s="472"/>
      <c r="BW4" s="472"/>
      <c r="BX4" s="472"/>
      <c r="BY4" s="472"/>
      <c r="BZ4" s="473"/>
      <c r="CA4" s="469" t="s">
        <v>52</v>
      </c>
      <c r="CB4" s="471" t="s">
        <v>61</v>
      </c>
      <c r="CC4" s="472"/>
      <c r="CD4" s="473"/>
      <c r="CE4" s="474" t="s">
        <v>62</v>
      </c>
      <c r="CF4" s="472"/>
      <c r="CG4" s="472"/>
      <c r="CH4" s="472"/>
      <c r="CI4" s="472"/>
      <c r="CJ4" s="472"/>
      <c r="CK4" s="473"/>
      <c r="CL4" s="469" t="s">
        <v>52</v>
      </c>
      <c r="CM4" s="471" t="s">
        <v>61</v>
      </c>
      <c r="CN4" s="472"/>
      <c r="CO4" s="473"/>
      <c r="CP4" s="474" t="s">
        <v>62</v>
      </c>
      <c r="CQ4" s="472"/>
      <c r="CR4" s="472"/>
      <c r="CS4" s="472"/>
      <c r="CT4" s="472"/>
      <c r="CU4" s="472"/>
      <c r="CV4" s="473"/>
      <c r="CW4" s="469" t="s">
        <v>52</v>
      </c>
      <c r="CX4" s="471" t="s">
        <v>61</v>
      </c>
      <c r="CY4" s="472"/>
      <c r="CZ4" s="473"/>
      <c r="DA4" s="474" t="s">
        <v>62</v>
      </c>
      <c r="DB4" s="472"/>
      <c r="DC4" s="472"/>
      <c r="DD4" s="472"/>
      <c r="DE4" s="472"/>
      <c r="DF4" s="472"/>
      <c r="DG4" s="473"/>
      <c r="DH4" s="469" t="s">
        <v>52</v>
      </c>
      <c r="DI4" s="471" t="s">
        <v>61</v>
      </c>
      <c r="DJ4" s="472"/>
      <c r="DK4" s="473"/>
      <c r="DL4" s="474" t="s">
        <v>62</v>
      </c>
      <c r="DM4" s="472"/>
      <c r="DN4" s="472"/>
      <c r="DO4" s="472"/>
      <c r="DP4" s="472"/>
      <c r="DQ4" s="472"/>
      <c r="DR4" s="473"/>
      <c r="DS4" s="469" t="s">
        <v>52</v>
      </c>
      <c r="DT4" s="471" t="s">
        <v>61</v>
      </c>
      <c r="DU4" s="472"/>
      <c r="DV4" s="473"/>
      <c r="DW4" s="474" t="s">
        <v>62</v>
      </c>
      <c r="DX4" s="472"/>
      <c r="DY4" s="472"/>
      <c r="DZ4" s="472"/>
      <c r="EA4" s="472"/>
      <c r="EB4" s="472"/>
      <c r="EC4" s="473"/>
      <c r="ED4" s="469" t="s">
        <v>52</v>
      </c>
      <c r="EE4" s="471" t="s">
        <v>61</v>
      </c>
      <c r="EF4" s="472"/>
      <c r="EG4" s="473"/>
      <c r="EH4" s="474" t="s">
        <v>62</v>
      </c>
      <c r="EI4" s="472"/>
      <c r="EJ4" s="472"/>
      <c r="EK4" s="472"/>
      <c r="EL4" s="472"/>
      <c r="EM4" s="472"/>
      <c r="EN4" s="473"/>
      <c r="EO4" s="469" t="s">
        <v>52</v>
      </c>
      <c r="EP4" s="471" t="s">
        <v>61</v>
      </c>
      <c r="EQ4" s="472"/>
      <c r="ER4" s="473"/>
      <c r="ES4" s="474" t="s">
        <v>62</v>
      </c>
      <c r="ET4" s="472"/>
      <c r="EU4" s="472"/>
      <c r="EV4" s="472"/>
      <c r="EW4" s="472"/>
      <c r="EX4" s="472"/>
      <c r="EY4" s="473"/>
      <c r="EZ4" s="469" t="s">
        <v>52</v>
      </c>
    </row>
    <row r="5" spans="2:156" ht="30" customHeight="1" thickBot="1" x14ac:dyDescent="0.25">
      <c r="B5" s="468"/>
      <c r="C5" s="177" t="s">
        <v>43</v>
      </c>
      <c r="D5" s="178" t="s">
        <v>159</v>
      </c>
      <c r="E5" s="179" t="s">
        <v>45</v>
      </c>
      <c r="F5" s="180" t="s">
        <v>83</v>
      </c>
      <c r="G5" s="178" t="s">
        <v>47</v>
      </c>
      <c r="H5" s="178" t="s">
        <v>48</v>
      </c>
      <c r="I5" s="178" t="s">
        <v>49</v>
      </c>
      <c r="J5" s="178" t="s">
        <v>50</v>
      </c>
      <c r="K5" s="178" t="s">
        <v>51</v>
      </c>
      <c r="L5" s="181" t="s">
        <v>45</v>
      </c>
      <c r="M5" s="470"/>
      <c r="N5" s="177" t="s">
        <v>43</v>
      </c>
      <c r="O5" s="178" t="s">
        <v>44</v>
      </c>
      <c r="P5" s="182" t="s">
        <v>45</v>
      </c>
      <c r="Q5" s="180" t="s">
        <v>83</v>
      </c>
      <c r="R5" s="178" t="s">
        <v>47</v>
      </c>
      <c r="S5" s="178" t="s">
        <v>48</v>
      </c>
      <c r="T5" s="178" t="s">
        <v>49</v>
      </c>
      <c r="U5" s="178" t="s">
        <v>50</v>
      </c>
      <c r="V5" s="178" t="s">
        <v>51</v>
      </c>
      <c r="W5" s="182" t="s">
        <v>45</v>
      </c>
      <c r="X5" s="470"/>
      <c r="Y5" s="177" t="s">
        <v>43</v>
      </c>
      <c r="Z5" s="178" t="s">
        <v>44</v>
      </c>
      <c r="AA5" s="182"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2" t="s">
        <v>45</v>
      </c>
      <c r="AX5" s="180" t="s">
        <v>83</v>
      </c>
      <c r="AY5" s="178" t="s">
        <v>47</v>
      </c>
      <c r="AZ5" s="178" t="s">
        <v>48</v>
      </c>
      <c r="BA5" s="178" t="s">
        <v>49</v>
      </c>
      <c r="BB5" s="178" t="s">
        <v>50</v>
      </c>
      <c r="BC5" s="178" t="s">
        <v>51</v>
      </c>
      <c r="BD5" s="181" t="s">
        <v>45</v>
      </c>
      <c r="BE5" s="470"/>
      <c r="BF5" s="177" t="s">
        <v>43</v>
      </c>
      <c r="BG5" s="178" t="s">
        <v>44</v>
      </c>
      <c r="BH5" s="182" t="s">
        <v>45</v>
      </c>
      <c r="BI5" s="180" t="s">
        <v>83</v>
      </c>
      <c r="BJ5" s="178" t="s">
        <v>47</v>
      </c>
      <c r="BK5" s="178" t="s">
        <v>48</v>
      </c>
      <c r="BL5" s="178" t="s">
        <v>49</v>
      </c>
      <c r="BM5" s="178" t="s">
        <v>50</v>
      </c>
      <c r="BN5" s="178" t="s">
        <v>51</v>
      </c>
      <c r="BO5" s="182" t="s">
        <v>45</v>
      </c>
      <c r="BP5" s="470"/>
      <c r="BQ5" s="177" t="s">
        <v>43</v>
      </c>
      <c r="BR5" s="178" t="s">
        <v>44</v>
      </c>
      <c r="BS5" s="182" t="s">
        <v>45</v>
      </c>
      <c r="BT5" s="180" t="s">
        <v>83</v>
      </c>
      <c r="BU5" s="178" t="s">
        <v>47</v>
      </c>
      <c r="BV5" s="178" t="s">
        <v>48</v>
      </c>
      <c r="BW5" s="178" t="s">
        <v>49</v>
      </c>
      <c r="BX5" s="178" t="s">
        <v>50</v>
      </c>
      <c r="BY5" s="178" t="s">
        <v>51</v>
      </c>
      <c r="BZ5" s="182" t="s">
        <v>45</v>
      </c>
      <c r="CA5" s="470"/>
      <c r="CB5" s="177" t="s">
        <v>43</v>
      </c>
      <c r="CC5" s="178" t="s">
        <v>44</v>
      </c>
      <c r="CD5" s="182" t="s">
        <v>45</v>
      </c>
      <c r="CE5" s="180" t="s">
        <v>83</v>
      </c>
      <c r="CF5" s="178" t="s">
        <v>47</v>
      </c>
      <c r="CG5" s="178" t="s">
        <v>48</v>
      </c>
      <c r="CH5" s="178" t="s">
        <v>49</v>
      </c>
      <c r="CI5" s="178" t="s">
        <v>50</v>
      </c>
      <c r="CJ5" s="178" t="s">
        <v>51</v>
      </c>
      <c r="CK5" s="182" t="s">
        <v>45</v>
      </c>
      <c r="CL5" s="470"/>
      <c r="CM5" s="177" t="s">
        <v>43</v>
      </c>
      <c r="CN5" s="178" t="s">
        <v>44</v>
      </c>
      <c r="CO5" s="182" t="s">
        <v>45</v>
      </c>
      <c r="CP5" s="180" t="s">
        <v>83</v>
      </c>
      <c r="CQ5" s="178" t="s">
        <v>47</v>
      </c>
      <c r="CR5" s="178" t="s">
        <v>48</v>
      </c>
      <c r="CS5" s="178" t="s">
        <v>49</v>
      </c>
      <c r="CT5" s="178" t="s">
        <v>50</v>
      </c>
      <c r="CU5" s="178" t="s">
        <v>51</v>
      </c>
      <c r="CV5" s="182" t="s">
        <v>45</v>
      </c>
      <c r="CW5" s="470"/>
      <c r="CX5" s="177" t="s">
        <v>43</v>
      </c>
      <c r="CY5" s="178" t="s">
        <v>44</v>
      </c>
      <c r="CZ5" s="182" t="s">
        <v>45</v>
      </c>
      <c r="DA5" s="180" t="s">
        <v>83</v>
      </c>
      <c r="DB5" s="178" t="s">
        <v>47</v>
      </c>
      <c r="DC5" s="178" t="s">
        <v>48</v>
      </c>
      <c r="DD5" s="178" t="s">
        <v>49</v>
      </c>
      <c r="DE5" s="178" t="s">
        <v>50</v>
      </c>
      <c r="DF5" s="178" t="s">
        <v>51</v>
      </c>
      <c r="DG5" s="182" t="s">
        <v>45</v>
      </c>
      <c r="DH5" s="470"/>
      <c r="DI5" s="177" t="s">
        <v>43</v>
      </c>
      <c r="DJ5" s="178" t="s">
        <v>44</v>
      </c>
      <c r="DK5" s="182" t="s">
        <v>45</v>
      </c>
      <c r="DL5" s="180" t="s">
        <v>83</v>
      </c>
      <c r="DM5" s="178" t="s">
        <v>47</v>
      </c>
      <c r="DN5" s="178" t="s">
        <v>48</v>
      </c>
      <c r="DO5" s="178" t="s">
        <v>49</v>
      </c>
      <c r="DP5" s="178" t="s">
        <v>50</v>
      </c>
      <c r="DQ5" s="178" t="s">
        <v>51</v>
      </c>
      <c r="DR5" s="182" t="s">
        <v>45</v>
      </c>
      <c r="DS5" s="470"/>
      <c r="DT5" s="177" t="s">
        <v>43</v>
      </c>
      <c r="DU5" s="178" t="s">
        <v>44</v>
      </c>
      <c r="DV5" s="182" t="s">
        <v>45</v>
      </c>
      <c r="DW5" s="180" t="s">
        <v>83</v>
      </c>
      <c r="DX5" s="178" t="s">
        <v>47</v>
      </c>
      <c r="DY5" s="178" t="s">
        <v>48</v>
      </c>
      <c r="DZ5" s="178" t="s">
        <v>49</v>
      </c>
      <c r="EA5" s="178" t="s">
        <v>50</v>
      </c>
      <c r="EB5" s="178" t="s">
        <v>51</v>
      </c>
      <c r="EC5" s="182" t="s">
        <v>45</v>
      </c>
      <c r="ED5" s="470"/>
      <c r="EE5" s="177" t="s">
        <v>43</v>
      </c>
      <c r="EF5" s="178" t="s">
        <v>44</v>
      </c>
      <c r="EG5" s="182" t="s">
        <v>45</v>
      </c>
      <c r="EH5" s="180" t="s">
        <v>83</v>
      </c>
      <c r="EI5" s="178" t="s">
        <v>47</v>
      </c>
      <c r="EJ5" s="178" t="s">
        <v>48</v>
      </c>
      <c r="EK5" s="178" t="s">
        <v>49</v>
      </c>
      <c r="EL5" s="178" t="s">
        <v>50</v>
      </c>
      <c r="EM5" s="178" t="s">
        <v>51</v>
      </c>
      <c r="EN5" s="182" t="s">
        <v>45</v>
      </c>
      <c r="EO5" s="470"/>
      <c r="EP5" s="177" t="s">
        <v>43</v>
      </c>
      <c r="EQ5" s="178" t="s">
        <v>44</v>
      </c>
      <c r="ER5" s="182" t="s">
        <v>45</v>
      </c>
      <c r="ES5" s="180" t="s">
        <v>83</v>
      </c>
      <c r="ET5" s="178" t="s">
        <v>47</v>
      </c>
      <c r="EU5" s="178" t="s">
        <v>48</v>
      </c>
      <c r="EV5" s="178" t="s">
        <v>49</v>
      </c>
      <c r="EW5" s="178" t="s">
        <v>50</v>
      </c>
      <c r="EX5" s="178" t="s">
        <v>51</v>
      </c>
      <c r="EY5" s="182" t="s">
        <v>45</v>
      </c>
      <c r="EZ5" s="470"/>
    </row>
    <row r="6" spans="2:156" ht="21" customHeight="1" x14ac:dyDescent="0.2">
      <c r="B6" s="84" t="s">
        <v>4</v>
      </c>
      <c r="C6" s="183">
        <v>0</v>
      </c>
      <c r="D6" s="184">
        <v>0</v>
      </c>
      <c r="E6" s="185">
        <v>0</v>
      </c>
      <c r="F6" s="186">
        <v>0</v>
      </c>
      <c r="G6" s="184">
        <v>1171</v>
      </c>
      <c r="H6" s="184">
        <v>1410</v>
      </c>
      <c r="I6" s="184">
        <v>719</v>
      </c>
      <c r="J6" s="184">
        <v>552</v>
      </c>
      <c r="K6" s="184">
        <v>464</v>
      </c>
      <c r="L6" s="187">
        <v>4316</v>
      </c>
      <c r="M6" s="188">
        <v>4316</v>
      </c>
      <c r="N6" s="183">
        <v>0</v>
      </c>
      <c r="O6" s="184">
        <v>3</v>
      </c>
      <c r="P6" s="189">
        <v>3</v>
      </c>
      <c r="Q6" s="186">
        <v>0</v>
      </c>
      <c r="R6" s="184">
        <v>10</v>
      </c>
      <c r="S6" s="184">
        <v>28</v>
      </c>
      <c r="T6" s="184">
        <v>55</v>
      </c>
      <c r="U6" s="184">
        <v>136</v>
      </c>
      <c r="V6" s="184">
        <v>211</v>
      </c>
      <c r="W6" s="189">
        <v>440</v>
      </c>
      <c r="X6" s="188">
        <v>443</v>
      </c>
      <c r="Y6" s="183">
        <v>237</v>
      </c>
      <c r="Z6" s="184">
        <v>527</v>
      </c>
      <c r="AA6" s="189">
        <v>764</v>
      </c>
      <c r="AB6" s="186">
        <v>0</v>
      </c>
      <c r="AC6" s="184">
        <v>983</v>
      </c>
      <c r="AD6" s="184">
        <v>1360</v>
      </c>
      <c r="AE6" s="184">
        <v>781</v>
      </c>
      <c r="AF6" s="184">
        <v>625</v>
      </c>
      <c r="AG6" s="184">
        <v>392</v>
      </c>
      <c r="AH6" s="189">
        <v>4141</v>
      </c>
      <c r="AI6" s="188">
        <v>4905</v>
      </c>
      <c r="AJ6" s="183">
        <v>24</v>
      </c>
      <c r="AK6" s="184">
        <v>75</v>
      </c>
      <c r="AL6" s="189">
        <v>99</v>
      </c>
      <c r="AM6" s="186">
        <v>0</v>
      </c>
      <c r="AN6" s="184">
        <v>97</v>
      </c>
      <c r="AO6" s="184">
        <v>151</v>
      </c>
      <c r="AP6" s="184">
        <v>69</v>
      </c>
      <c r="AQ6" s="184">
        <v>85</v>
      </c>
      <c r="AR6" s="184">
        <v>47</v>
      </c>
      <c r="AS6" s="189">
        <v>449</v>
      </c>
      <c r="AT6" s="188">
        <v>548</v>
      </c>
      <c r="AU6" s="183">
        <v>327</v>
      </c>
      <c r="AV6" s="184">
        <v>373</v>
      </c>
      <c r="AW6" s="189">
        <v>700</v>
      </c>
      <c r="AX6" s="186">
        <v>0</v>
      </c>
      <c r="AY6" s="184">
        <v>1460</v>
      </c>
      <c r="AZ6" s="184">
        <v>1817</v>
      </c>
      <c r="BA6" s="184">
        <v>1458</v>
      </c>
      <c r="BB6" s="184">
        <v>1417</v>
      </c>
      <c r="BC6" s="184">
        <v>1087</v>
      </c>
      <c r="BD6" s="187">
        <v>7239</v>
      </c>
      <c r="BE6" s="188">
        <v>7939</v>
      </c>
      <c r="BF6" s="183">
        <v>0</v>
      </c>
      <c r="BG6" s="184">
        <v>0</v>
      </c>
      <c r="BH6" s="189">
        <v>0</v>
      </c>
      <c r="BI6" s="186">
        <v>0</v>
      </c>
      <c r="BJ6" s="184">
        <v>1432</v>
      </c>
      <c r="BK6" s="184">
        <v>1272</v>
      </c>
      <c r="BL6" s="184">
        <v>603</v>
      </c>
      <c r="BM6" s="184">
        <v>321</v>
      </c>
      <c r="BN6" s="184">
        <v>147</v>
      </c>
      <c r="BO6" s="189">
        <v>3775</v>
      </c>
      <c r="BP6" s="188">
        <v>3775</v>
      </c>
      <c r="BQ6" s="183">
        <v>132</v>
      </c>
      <c r="BR6" s="184">
        <v>187</v>
      </c>
      <c r="BS6" s="189">
        <v>319</v>
      </c>
      <c r="BT6" s="186">
        <v>0</v>
      </c>
      <c r="BU6" s="184">
        <v>360</v>
      </c>
      <c r="BV6" s="184">
        <v>502</v>
      </c>
      <c r="BW6" s="184">
        <v>293</v>
      </c>
      <c r="BX6" s="184">
        <v>170</v>
      </c>
      <c r="BY6" s="184">
        <v>60</v>
      </c>
      <c r="BZ6" s="189">
        <v>1385</v>
      </c>
      <c r="CA6" s="188">
        <v>1704</v>
      </c>
      <c r="CB6" s="183">
        <v>3</v>
      </c>
      <c r="CC6" s="184">
        <v>10</v>
      </c>
      <c r="CD6" s="189">
        <v>13</v>
      </c>
      <c r="CE6" s="186">
        <v>0</v>
      </c>
      <c r="CF6" s="184">
        <v>159</v>
      </c>
      <c r="CG6" s="184">
        <v>248</v>
      </c>
      <c r="CH6" s="184">
        <v>259</v>
      </c>
      <c r="CI6" s="184">
        <v>179</v>
      </c>
      <c r="CJ6" s="184">
        <v>90</v>
      </c>
      <c r="CK6" s="189">
        <v>935</v>
      </c>
      <c r="CL6" s="188">
        <v>948</v>
      </c>
      <c r="CM6" s="183">
        <v>1</v>
      </c>
      <c r="CN6" s="184">
        <v>1</v>
      </c>
      <c r="CO6" s="189">
        <v>2</v>
      </c>
      <c r="CP6" s="186">
        <v>0</v>
      </c>
      <c r="CQ6" s="184">
        <v>24</v>
      </c>
      <c r="CR6" s="184">
        <v>45</v>
      </c>
      <c r="CS6" s="184">
        <v>57</v>
      </c>
      <c r="CT6" s="184">
        <v>45</v>
      </c>
      <c r="CU6" s="184">
        <v>24</v>
      </c>
      <c r="CV6" s="189">
        <v>195</v>
      </c>
      <c r="CW6" s="188">
        <v>197</v>
      </c>
      <c r="CX6" s="183">
        <v>0</v>
      </c>
      <c r="CY6" s="184">
        <v>0</v>
      </c>
      <c r="CZ6" s="189">
        <v>0</v>
      </c>
      <c r="DA6" s="186">
        <v>0</v>
      </c>
      <c r="DB6" s="184">
        <v>0</v>
      </c>
      <c r="DC6" s="184">
        <v>0</v>
      </c>
      <c r="DD6" s="184">
        <v>0</v>
      </c>
      <c r="DE6" s="184">
        <v>0</v>
      </c>
      <c r="DF6" s="184">
        <v>0</v>
      </c>
      <c r="DG6" s="189">
        <v>0</v>
      </c>
      <c r="DH6" s="188">
        <v>0</v>
      </c>
      <c r="DI6" s="183">
        <v>0</v>
      </c>
      <c r="DJ6" s="184">
        <v>0</v>
      </c>
      <c r="DK6" s="189">
        <v>0</v>
      </c>
      <c r="DL6" s="186">
        <v>0</v>
      </c>
      <c r="DM6" s="184">
        <v>0</v>
      </c>
      <c r="DN6" s="184">
        <v>0</v>
      </c>
      <c r="DO6" s="184">
        <v>0</v>
      </c>
      <c r="DP6" s="184">
        <v>0</v>
      </c>
      <c r="DQ6" s="184">
        <v>0</v>
      </c>
      <c r="DR6" s="189">
        <v>0</v>
      </c>
      <c r="DS6" s="188">
        <v>0</v>
      </c>
      <c r="DT6" s="183">
        <v>672</v>
      </c>
      <c r="DU6" s="184">
        <v>1431</v>
      </c>
      <c r="DV6" s="189">
        <v>2103</v>
      </c>
      <c r="DW6" s="186">
        <v>0</v>
      </c>
      <c r="DX6" s="184">
        <v>1658</v>
      </c>
      <c r="DY6" s="184">
        <v>3000</v>
      </c>
      <c r="DZ6" s="184">
        <v>1648</v>
      </c>
      <c r="EA6" s="184">
        <v>1231</v>
      </c>
      <c r="EB6" s="184">
        <v>765</v>
      </c>
      <c r="EC6" s="189">
        <v>8302</v>
      </c>
      <c r="ED6" s="188">
        <v>10405</v>
      </c>
      <c r="EE6" s="183">
        <v>227</v>
      </c>
      <c r="EF6" s="184">
        <v>169</v>
      </c>
      <c r="EG6" s="189">
        <v>396</v>
      </c>
      <c r="EH6" s="186">
        <v>0</v>
      </c>
      <c r="EI6" s="184">
        <v>702</v>
      </c>
      <c r="EJ6" s="184">
        <v>685</v>
      </c>
      <c r="EK6" s="184">
        <v>600</v>
      </c>
      <c r="EL6" s="184">
        <v>623</v>
      </c>
      <c r="EM6" s="184">
        <v>419</v>
      </c>
      <c r="EN6" s="189">
        <v>3029</v>
      </c>
      <c r="EO6" s="188">
        <v>3425</v>
      </c>
      <c r="EP6" s="183">
        <v>969</v>
      </c>
      <c r="EQ6" s="184">
        <v>1858</v>
      </c>
      <c r="ER6" s="189">
        <v>2827</v>
      </c>
      <c r="ES6" s="186">
        <v>0</v>
      </c>
      <c r="ET6" s="184">
        <v>3926</v>
      </c>
      <c r="EU6" s="184">
        <v>4185</v>
      </c>
      <c r="EV6" s="184">
        <v>2028</v>
      </c>
      <c r="EW6" s="184">
        <v>1368</v>
      </c>
      <c r="EX6" s="184">
        <v>791</v>
      </c>
      <c r="EY6" s="189">
        <v>12298</v>
      </c>
      <c r="EZ6" s="188">
        <v>15125</v>
      </c>
    </row>
    <row r="7" spans="2:156" ht="21" customHeight="1" x14ac:dyDescent="0.2">
      <c r="B7" s="95" t="s">
        <v>5</v>
      </c>
      <c r="C7" s="190">
        <v>0</v>
      </c>
      <c r="D7" s="191">
        <v>0</v>
      </c>
      <c r="E7" s="192">
        <v>0</v>
      </c>
      <c r="F7" s="193">
        <v>0</v>
      </c>
      <c r="G7" s="191">
        <v>459</v>
      </c>
      <c r="H7" s="191">
        <v>692</v>
      </c>
      <c r="I7" s="191">
        <v>332</v>
      </c>
      <c r="J7" s="191">
        <v>234</v>
      </c>
      <c r="K7" s="191">
        <v>211</v>
      </c>
      <c r="L7" s="194">
        <v>1928</v>
      </c>
      <c r="M7" s="195">
        <v>1928</v>
      </c>
      <c r="N7" s="190">
        <v>0</v>
      </c>
      <c r="O7" s="191">
        <v>3</v>
      </c>
      <c r="P7" s="196">
        <v>3</v>
      </c>
      <c r="Q7" s="193">
        <v>0</v>
      </c>
      <c r="R7" s="191">
        <v>2</v>
      </c>
      <c r="S7" s="191">
        <v>12</v>
      </c>
      <c r="T7" s="191">
        <v>24</v>
      </c>
      <c r="U7" s="191">
        <v>56</v>
      </c>
      <c r="V7" s="191">
        <v>119</v>
      </c>
      <c r="W7" s="196">
        <v>213</v>
      </c>
      <c r="X7" s="195">
        <v>216</v>
      </c>
      <c r="Y7" s="190">
        <v>96</v>
      </c>
      <c r="Z7" s="191">
        <v>286</v>
      </c>
      <c r="AA7" s="196">
        <v>382</v>
      </c>
      <c r="AB7" s="193">
        <v>0</v>
      </c>
      <c r="AC7" s="191">
        <v>356</v>
      </c>
      <c r="AD7" s="191">
        <v>718</v>
      </c>
      <c r="AE7" s="191">
        <v>375</v>
      </c>
      <c r="AF7" s="191">
        <v>287</v>
      </c>
      <c r="AG7" s="191">
        <v>179</v>
      </c>
      <c r="AH7" s="196">
        <v>1915</v>
      </c>
      <c r="AI7" s="195">
        <v>2297</v>
      </c>
      <c r="AJ7" s="190">
        <v>9</v>
      </c>
      <c r="AK7" s="191">
        <v>42</v>
      </c>
      <c r="AL7" s="196">
        <v>51</v>
      </c>
      <c r="AM7" s="193">
        <v>0</v>
      </c>
      <c r="AN7" s="191">
        <v>35</v>
      </c>
      <c r="AO7" s="191">
        <v>72</v>
      </c>
      <c r="AP7" s="191">
        <v>32</v>
      </c>
      <c r="AQ7" s="191">
        <v>40</v>
      </c>
      <c r="AR7" s="191">
        <v>19</v>
      </c>
      <c r="AS7" s="196">
        <v>198</v>
      </c>
      <c r="AT7" s="195">
        <v>249</v>
      </c>
      <c r="AU7" s="190">
        <v>151</v>
      </c>
      <c r="AV7" s="191">
        <v>195</v>
      </c>
      <c r="AW7" s="196">
        <v>346</v>
      </c>
      <c r="AX7" s="193">
        <v>0</v>
      </c>
      <c r="AY7" s="191">
        <v>552</v>
      </c>
      <c r="AZ7" s="191">
        <v>844</v>
      </c>
      <c r="BA7" s="191">
        <v>649</v>
      </c>
      <c r="BB7" s="191">
        <v>624</v>
      </c>
      <c r="BC7" s="191">
        <v>482</v>
      </c>
      <c r="BD7" s="194">
        <v>3151</v>
      </c>
      <c r="BE7" s="195">
        <v>3497</v>
      </c>
      <c r="BF7" s="190">
        <v>0</v>
      </c>
      <c r="BG7" s="191">
        <v>0</v>
      </c>
      <c r="BH7" s="196">
        <v>0</v>
      </c>
      <c r="BI7" s="193">
        <v>0</v>
      </c>
      <c r="BJ7" s="191">
        <v>480</v>
      </c>
      <c r="BK7" s="191">
        <v>545</v>
      </c>
      <c r="BL7" s="191">
        <v>240</v>
      </c>
      <c r="BM7" s="191">
        <v>126</v>
      </c>
      <c r="BN7" s="191">
        <v>49</v>
      </c>
      <c r="BO7" s="196">
        <v>1440</v>
      </c>
      <c r="BP7" s="195">
        <v>1440</v>
      </c>
      <c r="BQ7" s="190">
        <v>65</v>
      </c>
      <c r="BR7" s="191">
        <v>96</v>
      </c>
      <c r="BS7" s="196">
        <v>161</v>
      </c>
      <c r="BT7" s="193">
        <v>0</v>
      </c>
      <c r="BU7" s="191">
        <v>113</v>
      </c>
      <c r="BV7" s="191">
        <v>254</v>
      </c>
      <c r="BW7" s="191">
        <v>138</v>
      </c>
      <c r="BX7" s="191">
        <v>67</v>
      </c>
      <c r="BY7" s="191">
        <v>26</v>
      </c>
      <c r="BZ7" s="196">
        <v>598</v>
      </c>
      <c r="CA7" s="195">
        <v>759</v>
      </c>
      <c r="CB7" s="190">
        <v>1</v>
      </c>
      <c r="CC7" s="191">
        <v>5</v>
      </c>
      <c r="CD7" s="196">
        <v>6</v>
      </c>
      <c r="CE7" s="193">
        <v>0</v>
      </c>
      <c r="CF7" s="191">
        <v>52</v>
      </c>
      <c r="CG7" s="191">
        <v>88</v>
      </c>
      <c r="CH7" s="191">
        <v>106</v>
      </c>
      <c r="CI7" s="191">
        <v>62</v>
      </c>
      <c r="CJ7" s="191">
        <v>31</v>
      </c>
      <c r="CK7" s="196">
        <v>339</v>
      </c>
      <c r="CL7" s="195">
        <v>345</v>
      </c>
      <c r="CM7" s="190">
        <v>1</v>
      </c>
      <c r="CN7" s="191">
        <v>1</v>
      </c>
      <c r="CO7" s="196">
        <v>2</v>
      </c>
      <c r="CP7" s="193">
        <v>0</v>
      </c>
      <c r="CQ7" s="191">
        <v>12</v>
      </c>
      <c r="CR7" s="191">
        <v>28</v>
      </c>
      <c r="CS7" s="191">
        <v>32</v>
      </c>
      <c r="CT7" s="191">
        <v>28</v>
      </c>
      <c r="CU7" s="191">
        <v>13</v>
      </c>
      <c r="CV7" s="196">
        <v>113</v>
      </c>
      <c r="CW7" s="195">
        <v>115</v>
      </c>
      <c r="CX7" s="190">
        <v>0</v>
      </c>
      <c r="CY7" s="191">
        <v>0</v>
      </c>
      <c r="CZ7" s="196">
        <v>0</v>
      </c>
      <c r="DA7" s="193">
        <v>0</v>
      </c>
      <c r="DB7" s="191">
        <v>0</v>
      </c>
      <c r="DC7" s="191">
        <v>0</v>
      </c>
      <c r="DD7" s="191">
        <v>0</v>
      </c>
      <c r="DE7" s="191">
        <v>0</v>
      </c>
      <c r="DF7" s="191">
        <v>0</v>
      </c>
      <c r="DG7" s="196">
        <v>0</v>
      </c>
      <c r="DH7" s="195">
        <v>0</v>
      </c>
      <c r="DI7" s="190">
        <v>0</v>
      </c>
      <c r="DJ7" s="191">
        <v>0</v>
      </c>
      <c r="DK7" s="196">
        <v>0</v>
      </c>
      <c r="DL7" s="193">
        <v>0</v>
      </c>
      <c r="DM7" s="191">
        <v>0</v>
      </c>
      <c r="DN7" s="191">
        <v>0</v>
      </c>
      <c r="DO7" s="191">
        <v>0</v>
      </c>
      <c r="DP7" s="191">
        <v>0</v>
      </c>
      <c r="DQ7" s="191">
        <v>0</v>
      </c>
      <c r="DR7" s="196">
        <v>0</v>
      </c>
      <c r="DS7" s="195">
        <v>0</v>
      </c>
      <c r="DT7" s="190">
        <v>242</v>
      </c>
      <c r="DU7" s="191">
        <v>656</v>
      </c>
      <c r="DV7" s="196">
        <v>898</v>
      </c>
      <c r="DW7" s="193">
        <v>0</v>
      </c>
      <c r="DX7" s="191">
        <v>519</v>
      </c>
      <c r="DY7" s="191">
        <v>1404</v>
      </c>
      <c r="DZ7" s="191">
        <v>712</v>
      </c>
      <c r="EA7" s="191">
        <v>540</v>
      </c>
      <c r="EB7" s="191">
        <v>338</v>
      </c>
      <c r="EC7" s="196">
        <v>3513</v>
      </c>
      <c r="ED7" s="195">
        <v>4411</v>
      </c>
      <c r="EE7" s="190">
        <v>100</v>
      </c>
      <c r="EF7" s="191">
        <v>87</v>
      </c>
      <c r="EG7" s="196">
        <v>187</v>
      </c>
      <c r="EH7" s="193">
        <v>0</v>
      </c>
      <c r="EI7" s="191">
        <v>280</v>
      </c>
      <c r="EJ7" s="191">
        <v>335</v>
      </c>
      <c r="EK7" s="191">
        <v>291</v>
      </c>
      <c r="EL7" s="191">
        <v>279</v>
      </c>
      <c r="EM7" s="191">
        <v>187</v>
      </c>
      <c r="EN7" s="196">
        <v>1372</v>
      </c>
      <c r="EO7" s="195">
        <v>1559</v>
      </c>
      <c r="EP7" s="190">
        <v>368</v>
      </c>
      <c r="EQ7" s="191">
        <v>902</v>
      </c>
      <c r="ER7" s="196">
        <v>1270</v>
      </c>
      <c r="ES7" s="193">
        <v>0</v>
      </c>
      <c r="ET7" s="191">
        <v>1397</v>
      </c>
      <c r="EU7" s="191">
        <v>2008</v>
      </c>
      <c r="EV7" s="191">
        <v>896</v>
      </c>
      <c r="EW7" s="191">
        <v>597</v>
      </c>
      <c r="EX7" s="191">
        <v>359</v>
      </c>
      <c r="EY7" s="196">
        <v>5257</v>
      </c>
      <c r="EZ7" s="195">
        <v>6527</v>
      </c>
    </row>
    <row r="8" spans="2:156" ht="21" customHeight="1" x14ac:dyDescent="0.2">
      <c r="B8" s="106" t="s">
        <v>6</v>
      </c>
      <c r="C8" s="190">
        <v>0</v>
      </c>
      <c r="D8" s="191">
        <v>0</v>
      </c>
      <c r="E8" s="192">
        <v>0</v>
      </c>
      <c r="F8" s="193">
        <v>0</v>
      </c>
      <c r="G8" s="191">
        <v>223</v>
      </c>
      <c r="H8" s="191">
        <v>199</v>
      </c>
      <c r="I8" s="191">
        <v>88</v>
      </c>
      <c r="J8" s="191">
        <v>95</v>
      </c>
      <c r="K8" s="191">
        <v>85</v>
      </c>
      <c r="L8" s="194">
        <v>690</v>
      </c>
      <c r="M8" s="195">
        <v>690</v>
      </c>
      <c r="N8" s="190">
        <v>0</v>
      </c>
      <c r="O8" s="191">
        <v>0</v>
      </c>
      <c r="P8" s="196">
        <v>0</v>
      </c>
      <c r="Q8" s="193">
        <v>0</v>
      </c>
      <c r="R8" s="191">
        <v>3</v>
      </c>
      <c r="S8" s="191">
        <v>3</v>
      </c>
      <c r="T8" s="191">
        <v>9</v>
      </c>
      <c r="U8" s="191">
        <v>24</v>
      </c>
      <c r="V8" s="191">
        <v>25</v>
      </c>
      <c r="W8" s="196">
        <v>64</v>
      </c>
      <c r="X8" s="195">
        <v>64</v>
      </c>
      <c r="Y8" s="190">
        <v>45</v>
      </c>
      <c r="Z8" s="191">
        <v>80</v>
      </c>
      <c r="AA8" s="196">
        <v>125</v>
      </c>
      <c r="AB8" s="193">
        <v>0</v>
      </c>
      <c r="AC8" s="191">
        <v>232</v>
      </c>
      <c r="AD8" s="191">
        <v>202</v>
      </c>
      <c r="AE8" s="191">
        <v>137</v>
      </c>
      <c r="AF8" s="191">
        <v>102</v>
      </c>
      <c r="AG8" s="191">
        <v>63</v>
      </c>
      <c r="AH8" s="196">
        <v>736</v>
      </c>
      <c r="AI8" s="195">
        <v>861</v>
      </c>
      <c r="AJ8" s="190">
        <v>3</v>
      </c>
      <c r="AK8" s="191">
        <v>6</v>
      </c>
      <c r="AL8" s="196">
        <v>9</v>
      </c>
      <c r="AM8" s="193">
        <v>0</v>
      </c>
      <c r="AN8" s="191">
        <v>16</v>
      </c>
      <c r="AO8" s="191">
        <v>16</v>
      </c>
      <c r="AP8" s="191">
        <v>9</v>
      </c>
      <c r="AQ8" s="191">
        <v>14</v>
      </c>
      <c r="AR8" s="191">
        <v>7</v>
      </c>
      <c r="AS8" s="196">
        <v>62</v>
      </c>
      <c r="AT8" s="195">
        <v>71</v>
      </c>
      <c r="AU8" s="190">
        <v>53</v>
      </c>
      <c r="AV8" s="191">
        <v>57</v>
      </c>
      <c r="AW8" s="196">
        <v>110</v>
      </c>
      <c r="AX8" s="193">
        <v>0</v>
      </c>
      <c r="AY8" s="191">
        <v>327</v>
      </c>
      <c r="AZ8" s="191">
        <v>295</v>
      </c>
      <c r="BA8" s="191">
        <v>249</v>
      </c>
      <c r="BB8" s="191">
        <v>256</v>
      </c>
      <c r="BC8" s="191">
        <v>213</v>
      </c>
      <c r="BD8" s="194">
        <v>1340</v>
      </c>
      <c r="BE8" s="195">
        <v>1450</v>
      </c>
      <c r="BF8" s="190">
        <v>0</v>
      </c>
      <c r="BG8" s="191">
        <v>0</v>
      </c>
      <c r="BH8" s="196">
        <v>0</v>
      </c>
      <c r="BI8" s="193">
        <v>0</v>
      </c>
      <c r="BJ8" s="191">
        <v>282</v>
      </c>
      <c r="BK8" s="191">
        <v>190</v>
      </c>
      <c r="BL8" s="191">
        <v>85</v>
      </c>
      <c r="BM8" s="191">
        <v>49</v>
      </c>
      <c r="BN8" s="191">
        <v>24</v>
      </c>
      <c r="BO8" s="196">
        <v>630</v>
      </c>
      <c r="BP8" s="195">
        <v>630</v>
      </c>
      <c r="BQ8" s="190">
        <v>10</v>
      </c>
      <c r="BR8" s="191">
        <v>18</v>
      </c>
      <c r="BS8" s="196">
        <v>28</v>
      </c>
      <c r="BT8" s="193">
        <v>0</v>
      </c>
      <c r="BU8" s="191">
        <v>66</v>
      </c>
      <c r="BV8" s="191">
        <v>68</v>
      </c>
      <c r="BW8" s="191">
        <v>35</v>
      </c>
      <c r="BX8" s="191">
        <v>29</v>
      </c>
      <c r="BY8" s="191">
        <v>4</v>
      </c>
      <c r="BZ8" s="196">
        <v>202</v>
      </c>
      <c r="CA8" s="195">
        <v>230</v>
      </c>
      <c r="CB8" s="190">
        <v>2</v>
      </c>
      <c r="CC8" s="191">
        <v>3</v>
      </c>
      <c r="CD8" s="196">
        <v>5</v>
      </c>
      <c r="CE8" s="193">
        <v>0</v>
      </c>
      <c r="CF8" s="191">
        <v>16</v>
      </c>
      <c r="CG8" s="191">
        <v>35</v>
      </c>
      <c r="CH8" s="191">
        <v>36</v>
      </c>
      <c r="CI8" s="191">
        <v>19</v>
      </c>
      <c r="CJ8" s="191">
        <v>17</v>
      </c>
      <c r="CK8" s="196">
        <v>123</v>
      </c>
      <c r="CL8" s="195">
        <v>128</v>
      </c>
      <c r="CM8" s="190">
        <v>0</v>
      </c>
      <c r="CN8" s="191">
        <v>0</v>
      </c>
      <c r="CO8" s="196">
        <v>0</v>
      </c>
      <c r="CP8" s="193">
        <v>0</v>
      </c>
      <c r="CQ8" s="191">
        <v>5</v>
      </c>
      <c r="CR8" s="191">
        <v>8</v>
      </c>
      <c r="CS8" s="191">
        <v>10</v>
      </c>
      <c r="CT8" s="191">
        <v>4</v>
      </c>
      <c r="CU8" s="191">
        <v>4</v>
      </c>
      <c r="CV8" s="196">
        <v>31</v>
      </c>
      <c r="CW8" s="195">
        <v>31</v>
      </c>
      <c r="CX8" s="190">
        <v>0</v>
      </c>
      <c r="CY8" s="191">
        <v>0</v>
      </c>
      <c r="CZ8" s="196">
        <v>0</v>
      </c>
      <c r="DA8" s="193">
        <v>0</v>
      </c>
      <c r="DB8" s="191">
        <v>0</v>
      </c>
      <c r="DC8" s="191">
        <v>0</v>
      </c>
      <c r="DD8" s="191">
        <v>0</v>
      </c>
      <c r="DE8" s="191">
        <v>0</v>
      </c>
      <c r="DF8" s="191">
        <v>0</v>
      </c>
      <c r="DG8" s="196">
        <v>0</v>
      </c>
      <c r="DH8" s="195">
        <v>0</v>
      </c>
      <c r="DI8" s="190">
        <v>0</v>
      </c>
      <c r="DJ8" s="191">
        <v>0</v>
      </c>
      <c r="DK8" s="196">
        <v>0</v>
      </c>
      <c r="DL8" s="193">
        <v>0</v>
      </c>
      <c r="DM8" s="191">
        <v>0</v>
      </c>
      <c r="DN8" s="191">
        <v>0</v>
      </c>
      <c r="DO8" s="191">
        <v>0</v>
      </c>
      <c r="DP8" s="191">
        <v>0</v>
      </c>
      <c r="DQ8" s="191">
        <v>0</v>
      </c>
      <c r="DR8" s="196">
        <v>0</v>
      </c>
      <c r="DS8" s="195">
        <v>0</v>
      </c>
      <c r="DT8" s="190">
        <v>118</v>
      </c>
      <c r="DU8" s="191">
        <v>195</v>
      </c>
      <c r="DV8" s="196">
        <v>313</v>
      </c>
      <c r="DW8" s="193">
        <v>0</v>
      </c>
      <c r="DX8" s="191">
        <v>341</v>
      </c>
      <c r="DY8" s="191">
        <v>436</v>
      </c>
      <c r="DZ8" s="191">
        <v>256</v>
      </c>
      <c r="EA8" s="191">
        <v>202</v>
      </c>
      <c r="EB8" s="191">
        <v>141</v>
      </c>
      <c r="EC8" s="196">
        <v>1376</v>
      </c>
      <c r="ED8" s="195">
        <v>1689</v>
      </c>
      <c r="EE8" s="190">
        <v>38</v>
      </c>
      <c r="EF8" s="191">
        <v>18</v>
      </c>
      <c r="EG8" s="196">
        <v>56</v>
      </c>
      <c r="EH8" s="193">
        <v>0</v>
      </c>
      <c r="EI8" s="191">
        <v>153</v>
      </c>
      <c r="EJ8" s="191">
        <v>114</v>
      </c>
      <c r="EK8" s="191">
        <v>91</v>
      </c>
      <c r="EL8" s="191">
        <v>108</v>
      </c>
      <c r="EM8" s="191">
        <v>68</v>
      </c>
      <c r="EN8" s="196">
        <v>534</v>
      </c>
      <c r="EO8" s="195">
        <v>590</v>
      </c>
      <c r="EP8" s="190">
        <v>159</v>
      </c>
      <c r="EQ8" s="191">
        <v>256</v>
      </c>
      <c r="ER8" s="196">
        <v>415</v>
      </c>
      <c r="ES8" s="193">
        <v>0</v>
      </c>
      <c r="ET8" s="191">
        <v>754</v>
      </c>
      <c r="EU8" s="191">
        <v>601</v>
      </c>
      <c r="EV8" s="191">
        <v>309</v>
      </c>
      <c r="EW8" s="191">
        <v>220</v>
      </c>
      <c r="EX8" s="191">
        <v>136</v>
      </c>
      <c r="EY8" s="196">
        <v>2020</v>
      </c>
      <c r="EZ8" s="195">
        <v>2435</v>
      </c>
    </row>
    <row r="9" spans="2:156" ht="21" customHeight="1" x14ac:dyDescent="0.2">
      <c r="B9" s="106" t="s">
        <v>14</v>
      </c>
      <c r="C9" s="190">
        <v>0</v>
      </c>
      <c r="D9" s="191">
        <v>0</v>
      </c>
      <c r="E9" s="192">
        <v>0</v>
      </c>
      <c r="F9" s="193">
        <v>0</v>
      </c>
      <c r="G9" s="191">
        <v>45</v>
      </c>
      <c r="H9" s="191">
        <v>89</v>
      </c>
      <c r="I9" s="191">
        <v>48</v>
      </c>
      <c r="J9" s="191">
        <v>23</v>
      </c>
      <c r="K9" s="191">
        <v>34</v>
      </c>
      <c r="L9" s="194">
        <v>239</v>
      </c>
      <c r="M9" s="195">
        <v>239</v>
      </c>
      <c r="N9" s="190">
        <v>0</v>
      </c>
      <c r="O9" s="191">
        <v>0</v>
      </c>
      <c r="P9" s="196">
        <v>0</v>
      </c>
      <c r="Q9" s="193">
        <v>0</v>
      </c>
      <c r="R9" s="191">
        <v>0</v>
      </c>
      <c r="S9" s="191">
        <v>2</v>
      </c>
      <c r="T9" s="191">
        <v>4</v>
      </c>
      <c r="U9" s="191">
        <v>11</v>
      </c>
      <c r="V9" s="191">
        <v>10</v>
      </c>
      <c r="W9" s="196">
        <v>27</v>
      </c>
      <c r="X9" s="195">
        <v>27</v>
      </c>
      <c r="Y9" s="190">
        <v>4</v>
      </c>
      <c r="Z9" s="191">
        <v>18</v>
      </c>
      <c r="AA9" s="196">
        <v>22</v>
      </c>
      <c r="AB9" s="193">
        <v>0</v>
      </c>
      <c r="AC9" s="191">
        <v>40</v>
      </c>
      <c r="AD9" s="191">
        <v>73</v>
      </c>
      <c r="AE9" s="191">
        <v>46</v>
      </c>
      <c r="AF9" s="191">
        <v>30</v>
      </c>
      <c r="AG9" s="191">
        <v>27</v>
      </c>
      <c r="AH9" s="196">
        <v>216</v>
      </c>
      <c r="AI9" s="195">
        <v>238</v>
      </c>
      <c r="AJ9" s="190">
        <v>0</v>
      </c>
      <c r="AK9" s="191">
        <v>3</v>
      </c>
      <c r="AL9" s="196">
        <v>3</v>
      </c>
      <c r="AM9" s="193">
        <v>0</v>
      </c>
      <c r="AN9" s="191">
        <v>2</v>
      </c>
      <c r="AO9" s="191">
        <v>6</v>
      </c>
      <c r="AP9" s="191">
        <v>3</v>
      </c>
      <c r="AQ9" s="191">
        <v>1</v>
      </c>
      <c r="AR9" s="191">
        <v>1</v>
      </c>
      <c r="AS9" s="196">
        <v>13</v>
      </c>
      <c r="AT9" s="195">
        <v>16</v>
      </c>
      <c r="AU9" s="190">
        <v>12</v>
      </c>
      <c r="AV9" s="191">
        <v>25</v>
      </c>
      <c r="AW9" s="196">
        <v>37</v>
      </c>
      <c r="AX9" s="193">
        <v>0</v>
      </c>
      <c r="AY9" s="191">
        <v>71</v>
      </c>
      <c r="AZ9" s="191">
        <v>114</v>
      </c>
      <c r="BA9" s="191">
        <v>98</v>
      </c>
      <c r="BB9" s="191">
        <v>81</v>
      </c>
      <c r="BC9" s="191">
        <v>65</v>
      </c>
      <c r="BD9" s="194">
        <v>429</v>
      </c>
      <c r="BE9" s="195">
        <v>466</v>
      </c>
      <c r="BF9" s="190">
        <v>0</v>
      </c>
      <c r="BG9" s="191">
        <v>0</v>
      </c>
      <c r="BH9" s="196">
        <v>0</v>
      </c>
      <c r="BI9" s="193">
        <v>0</v>
      </c>
      <c r="BJ9" s="191">
        <v>89</v>
      </c>
      <c r="BK9" s="191">
        <v>112</v>
      </c>
      <c r="BL9" s="191">
        <v>56</v>
      </c>
      <c r="BM9" s="191">
        <v>26</v>
      </c>
      <c r="BN9" s="191">
        <v>16</v>
      </c>
      <c r="BO9" s="196">
        <v>299</v>
      </c>
      <c r="BP9" s="195">
        <v>299</v>
      </c>
      <c r="BQ9" s="190">
        <v>7</v>
      </c>
      <c r="BR9" s="191">
        <v>10</v>
      </c>
      <c r="BS9" s="196">
        <v>17</v>
      </c>
      <c r="BT9" s="193">
        <v>0</v>
      </c>
      <c r="BU9" s="191">
        <v>9</v>
      </c>
      <c r="BV9" s="191">
        <v>20</v>
      </c>
      <c r="BW9" s="191">
        <v>11</v>
      </c>
      <c r="BX9" s="191">
        <v>9</v>
      </c>
      <c r="BY9" s="191">
        <v>3</v>
      </c>
      <c r="BZ9" s="196">
        <v>52</v>
      </c>
      <c r="CA9" s="195">
        <v>69</v>
      </c>
      <c r="CB9" s="190">
        <v>0</v>
      </c>
      <c r="CC9" s="191">
        <v>0</v>
      </c>
      <c r="CD9" s="196">
        <v>0</v>
      </c>
      <c r="CE9" s="193">
        <v>0</v>
      </c>
      <c r="CF9" s="191">
        <v>9</v>
      </c>
      <c r="CG9" s="191">
        <v>19</v>
      </c>
      <c r="CH9" s="191">
        <v>16</v>
      </c>
      <c r="CI9" s="191">
        <v>19</v>
      </c>
      <c r="CJ9" s="191">
        <v>10</v>
      </c>
      <c r="CK9" s="196">
        <v>73</v>
      </c>
      <c r="CL9" s="195">
        <v>73</v>
      </c>
      <c r="CM9" s="190">
        <v>0</v>
      </c>
      <c r="CN9" s="191">
        <v>0</v>
      </c>
      <c r="CO9" s="196">
        <v>0</v>
      </c>
      <c r="CP9" s="193">
        <v>0</v>
      </c>
      <c r="CQ9" s="191">
        <v>1</v>
      </c>
      <c r="CR9" s="191">
        <v>0</v>
      </c>
      <c r="CS9" s="191">
        <v>0</v>
      </c>
      <c r="CT9" s="191">
        <v>0</v>
      </c>
      <c r="CU9" s="191">
        <v>0</v>
      </c>
      <c r="CV9" s="196">
        <v>1</v>
      </c>
      <c r="CW9" s="195">
        <v>1</v>
      </c>
      <c r="CX9" s="190">
        <v>0</v>
      </c>
      <c r="CY9" s="191">
        <v>0</v>
      </c>
      <c r="CZ9" s="196">
        <v>0</v>
      </c>
      <c r="DA9" s="193">
        <v>0</v>
      </c>
      <c r="DB9" s="191">
        <v>0</v>
      </c>
      <c r="DC9" s="191">
        <v>0</v>
      </c>
      <c r="DD9" s="191">
        <v>0</v>
      </c>
      <c r="DE9" s="191">
        <v>0</v>
      </c>
      <c r="DF9" s="191">
        <v>0</v>
      </c>
      <c r="DG9" s="196">
        <v>0</v>
      </c>
      <c r="DH9" s="195">
        <v>0</v>
      </c>
      <c r="DI9" s="190">
        <v>0</v>
      </c>
      <c r="DJ9" s="191">
        <v>0</v>
      </c>
      <c r="DK9" s="196">
        <v>0</v>
      </c>
      <c r="DL9" s="193">
        <v>0</v>
      </c>
      <c r="DM9" s="191">
        <v>0</v>
      </c>
      <c r="DN9" s="191">
        <v>0</v>
      </c>
      <c r="DO9" s="191">
        <v>0</v>
      </c>
      <c r="DP9" s="191">
        <v>0</v>
      </c>
      <c r="DQ9" s="191">
        <v>0</v>
      </c>
      <c r="DR9" s="196">
        <v>0</v>
      </c>
      <c r="DS9" s="195">
        <v>0</v>
      </c>
      <c r="DT9" s="190">
        <v>37</v>
      </c>
      <c r="DU9" s="191">
        <v>94</v>
      </c>
      <c r="DV9" s="196">
        <v>131</v>
      </c>
      <c r="DW9" s="193">
        <v>0</v>
      </c>
      <c r="DX9" s="191">
        <v>90</v>
      </c>
      <c r="DY9" s="191">
        <v>219</v>
      </c>
      <c r="DZ9" s="191">
        <v>118</v>
      </c>
      <c r="EA9" s="191">
        <v>67</v>
      </c>
      <c r="EB9" s="191">
        <v>53</v>
      </c>
      <c r="EC9" s="196">
        <v>547</v>
      </c>
      <c r="ED9" s="195">
        <v>678</v>
      </c>
      <c r="EE9" s="190">
        <v>9</v>
      </c>
      <c r="EF9" s="191">
        <v>7</v>
      </c>
      <c r="EG9" s="196">
        <v>16</v>
      </c>
      <c r="EH9" s="193">
        <v>0</v>
      </c>
      <c r="EI9" s="191">
        <v>27</v>
      </c>
      <c r="EJ9" s="191">
        <v>33</v>
      </c>
      <c r="EK9" s="191">
        <v>32</v>
      </c>
      <c r="EL9" s="191">
        <v>32</v>
      </c>
      <c r="EM9" s="191">
        <v>15</v>
      </c>
      <c r="EN9" s="196">
        <v>139</v>
      </c>
      <c r="EO9" s="195">
        <v>155</v>
      </c>
      <c r="EP9" s="190">
        <v>43</v>
      </c>
      <c r="EQ9" s="191">
        <v>107</v>
      </c>
      <c r="ER9" s="196">
        <v>150</v>
      </c>
      <c r="ES9" s="193">
        <v>0</v>
      </c>
      <c r="ET9" s="191">
        <v>200</v>
      </c>
      <c r="EU9" s="191">
        <v>300</v>
      </c>
      <c r="EV9" s="191">
        <v>136</v>
      </c>
      <c r="EW9" s="191">
        <v>74</v>
      </c>
      <c r="EX9" s="191">
        <v>56</v>
      </c>
      <c r="EY9" s="196">
        <v>766</v>
      </c>
      <c r="EZ9" s="195">
        <v>916</v>
      </c>
    </row>
    <row r="10" spans="2:156" ht="21" customHeight="1" x14ac:dyDescent="0.2">
      <c r="B10" s="106" t="s">
        <v>7</v>
      </c>
      <c r="C10" s="190">
        <v>0</v>
      </c>
      <c r="D10" s="191">
        <v>0</v>
      </c>
      <c r="E10" s="192">
        <v>0</v>
      </c>
      <c r="F10" s="193">
        <v>0</v>
      </c>
      <c r="G10" s="191">
        <v>60</v>
      </c>
      <c r="H10" s="191">
        <v>36</v>
      </c>
      <c r="I10" s="191">
        <v>23</v>
      </c>
      <c r="J10" s="191">
        <v>28</v>
      </c>
      <c r="K10" s="191">
        <v>11</v>
      </c>
      <c r="L10" s="194">
        <v>158</v>
      </c>
      <c r="M10" s="195">
        <v>158</v>
      </c>
      <c r="N10" s="190">
        <v>0</v>
      </c>
      <c r="O10" s="191">
        <v>0</v>
      </c>
      <c r="P10" s="196">
        <v>0</v>
      </c>
      <c r="Q10" s="193">
        <v>0</v>
      </c>
      <c r="R10" s="191">
        <v>2</v>
      </c>
      <c r="S10" s="191">
        <v>0</v>
      </c>
      <c r="T10" s="191">
        <v>2</v>
      </c>
      <c r="U10" s="191">
        <v>8</v>
      </c>
      <c r="V10" s="191">
        <v>11</v>
      </c>
      <c r="W10" s="196">
        <v>23</v>
      </c>
      <c r="X10" s="195">
        <v>23</v>
      </c>
      <c r="Y10" s="190">
        <v>0</v>
      </c>
      <c r="Z10" s="191">
        <v>4</v>
      </c>
      <c r="AA10" s="196">
        <v>4</v>
      </c>
      <c r="AB10" s="193">
        <v>0</v>
      </c>
      <c r="AC10" s="191">
        <v>32</v>
      </c>
      <c r="AD10" s="191">
        <v>23</v>
      </c>
      <c r="AE10" s="191">
        <v>20</v>
      </c>
      <c r="AF10" s="191">
        <v>23</v>
      </c>
      <c r="AG10" s="191">
        <v>14</v>
      </c>
      <c r="AH10" s="196">
        <v>112</v>
      </c>
      <c r="AI10" s="195">
        <v>116</v>
      </c>
      <c r="AJ10" s="190">
        <v>1</v>
      </c>
      <c r="AK10" s="191">
        <v>0</v>
      </c>
      <c r="AL10" s="196">
        <v>1</v>
      </c>
      <c r="AM10" s="193">
        <v>0</v>
      </c>
      <c r="AN10" s="191">
        <v>4</v>
      </c>
      <c r="AO10" s="191">
        <v>5</v>
      </c>
      <c r="AP10" s="191">
        <v>2</v>
      </c>
      <c r="AQ10" s="191">
        <v>6</v>
      </c>
      <c r="AR10" s="191">
        <v>1</v>
      </c>
      <c r="AS10" s="196">
        <v>18</v>
      </c>
      <c r="AT10" s="195">
        <v>19</v>
      </c>
      <c r="AU10" s="190">
        <v>19</v>
      </c>
      <c r="AV10" s="191">
        <v>11</v>
      </c>
      <c r="AW10" s="196">
        <v>30</v>
      </c>
      <c r="AX10" s="193">
        <v>0</v>
      </c>
      <c r="AY10" s="191">
        <v>74</v>
      </c>
      <c r="AZ10" s="191">
        <v>57</v>
      </c>
      <c r="BA10" s="191">
        <v>40</v>
      </c>
      <c r="BB10" s="191">
        <v>53</v>
      </c>
      <c r="BC10" s="191">
        <v>32</v>
      </c>
      <c r="BD10" s="194">
        <v>256</v>
      </c>
      <c r="BE10" s="195">
        <v>286</v>
      </c>
      <c r="BF10" s="190">
        <v>0</v>
      </c>
      <c r="BG10" s="191">
        <v>0</v>
      </c>
      <c r="BH10" s="196">
        <v>0</v>
      </c>
      <c r="BI10" s="193">
        <v>0</v>
      </c>
      <c r="BJ10" s="191">
        <v>79</v>
      </c>
      <c r="BK10" s="191">
        <v>40</v>
      </c>
      <c r="BL10" s="191">
        <v>21</v>
      </c>
      <c r="BM10" s="191">
        <v>15</v>
      </c>
      <c r="BN10" s="191">
        <v>4</v>
      </c>
      <c r="BO10" s="196">
        <v>159</v>
      </c>
      <c r="BP10" s="195">
        <v>159</v>
      </c>
      <c r="BQ10" s="190">
        <v>1</v>
      </c>
      <c r="BR10" s="191">
        <v>3</v>
      </c>
      <c r="BS10" s="196">
        <v>4</v>
      </c>
      <c r="BT10" s="193">
        <v>0</v>
      </c>
      <c r="BU10" s="191">
        <v>18</v>
      </c>
      <c r="BV10" s="191">
        <v>13</v>
      </c>
      <c r="BW10" s="191">
        <v>5</v>
      </c>
      <c r="BX10" s="191">
        <v>7</v>
      </c>
      <c r="BY10" s="191">
        <v>1</v>
      </c>
      <c r="BZ10" s="196">
        <v>44</v>
      </c>
      <c r="CA10" s="195">
        <v>48</v>
      </c>
      <c r="CB10" s="190">
        <v>0</v>
      </c>
      <c r="CC10" s="191">
        <v>0</v>
      </c>
      <c r="CD10" s="196">
        <v>0</v>
      </c>
      <c r="CE10" s="193">
        <v>0</v>
      </c>
      <c r="CF10" s="191">
        <v>13</v>
      </c>
      <c r="CG10" s="191">
        <v>9</v>
      </c>
      <c r="CH10" s="191">
        <v>6</v>
      </c>
      <c r="CI10" s="191">
        <v>10</v>
      </c>
      <c r="CJ10" s="191">
        <v>3</v>
      </c>
      <c r="CK10" s="196">
        <v>41</v>
      </c>
      <c r="CL10" s="195">
        <v>41</v>
      </c>
      <c r="CM10" s="190">
        <v>0</v>
      </c>
      <c r="CN10" s="191">
        <v>0</v>
      </c>
      <c r="CO10" s="196">
        <v>0</v>
      </c>
      <c r="CP10" s="193">
        <v>0</v>
      </c>
      <c r="CQ10" s="191">
        <v>0</v>
      </c>
      <c r="CR10" s="191">
        <v>1</v>
      </c>
      <c r="CS10" s="191">
        <v>0</v>
      </c>
      <c r="CT10" s="191">
        <v>1</v>
      </c>
      <c r="CU10" s="191">
        <v>0</v>
      </c>
      <c r="CV10" s="196">
        <v>2</v>
      </c>
      <c r="CW10" s="195">
        <v>2</v>
      </c>
      <c r="CX10" s="190">
        <v>0</v>
      </c>
      <c r="CY10" s="191">
        <v>0</v>
      </c>
      <c r="CZ10" s="196">
        <v>0</v>
      </c>
      <c r="DA10" s="193">
        <v>0</v>
      </c>
      <c r="DB10" s="191">
        <v>0</v>
      </c>
      <c r="DC10" s="191">
        <v>0</v>
      </c>
      <c r="DD10" s="191">
        <v>0</v>
      </c>
      <c r="DE10" s="191">
        <v>0</v>
      </c>
      <c r="DF10" s="191">
        <v>0</v>
      </c>
      <c r="DG10" s="196">
        <v>0</v>
      </c>
      <c r="DH10" s="195">
        <v>0</v>
      </c>
      <c r="DI10" s="190">
        <v>0</v>
      </c>
      <c r="DJ10" s="191">
        <v>0</v>
      </c>
      <c r="DK10" s="196">
        <v>0</v>
      </c>
      <c r="DL10" s="193">
        <v>0</v>
      </c>
      <c r="DM10" s="191">
        <v>0</v>
      </c>
      <c r="DN10" s="191">
        <v>0</v>
      </c>
      <c r="DO10" s="191">
        <v>0</v>
      </c>
      <c r="DP10" s="191">
        <v>0</v>
      </c>
      <c r="DQ10" s="191">
        <v>0</v>
      </c>
      <c r="DR10" s="196">
        <v>0</v>
      </c>
      <c r="DS10" s="195">
        <v>0</v>
      </c>
      <c r="DT10" s="190">
        <v>20</v>
      </c>
      <c r="DU10" s="191">
        <v>24</v>
      </c>
      <c r="DV10" s="196">
        <v>44</v>
      </c>
      <c r="DW10" s="193">
        <v>0</v>
      </c>
      <c r="DX10" s="191">
        <v>94</v>
      </c>
      <c r="DY10" s="191">
        <v>92</v>
      </c>
      <c r="DZ10" s="191">
        <v>52</v>
      </c>
      <c r="EA10" s="191">
        <v>51</v>
      </c>
      <c r="EB10" s="191">
        <v>20</v>
      </c>
      <c r="EC10" s="196">
        <v>309</v>
      </c>
      <c r="ED10" s="195">
        <v>353</v>
      </c>
      <c r="EE10" s="190">
        <v>16</v>
      </c>
      <c r="EF10" s="191">
        <v>6</v>
      </c>
      <c r="EG10" s="196">
        <v>22</v>
      </c>
      <c r="EH10" s="193">
        <v>0</v>
      </c>
      <c r="EI10" s="191">
        <v>32</v>
      </c>
      <c r="EJ10" s="191">
        <v>26</v>
      </c>
      <c r="EK10" s="191">
        <v>16</v>
      </c>
      <c r="EL10" s="191">
        <v>19</v>
      </c>
      <c r="EM10" s="191">
        <v>15</v>
      </c>
      <c r="EN10" s="196">
        <v>108</v>
      </c>
      <c r="EO10" s="195">
        <v>130</v>
      </c>
      <c r="EP10" s="190">
        <v>22</v>
      </c>
      <c r="EQ10" s="191">
        <v>29</v>
      </c>
      <c r="ER10" s="196">
        <v>51</v>
      </c>
      <c r="ES10" s="193">
        <v>0</v>
      </c>
      <c r="ET10" s="191">
        <v>201</v>
      </c>
      <c r="EU10" s="191">
        <v>118</v>
      </c>
      <c r="EV10" s="191">
        <v>58</v>
      </c>
      <c r="EW10" s="191">
        <v>56</v>
      </c>
      <c r="EX10" s="191">
        <v>19</v>
      </c>
      <c r="EY10" s="196">
        <v>452</v>
      </c>
      <c r="EZ10" s="195">
        <v>503</v>
      </c>
    </row>
    <row r="11" spans="2:156" ht="21" customHeight="1" x14ac:dyDescent="0.2">
      <c r="B11" s="106" t="s">
        <v>8</v>
      </c>
      <c r="C11" s="190">
        <v>0</v>
      </c>
      <c r="D11" s="191">
        <v>0</v>
      </c>
      <c r="E11" s="192">
        <v>0</v>
      </c>
      <c r="F11" s="193">
        <v>0</v>
      </c>
      <c r="G11" s="191">
        <v>15</v>
      </c>
      <c r="H11" s="191">
        <v>27</v>
      </c>
      <c r="I11" s="191">
        <v>15</v>
      </c>
      <c r="J11" s="191">
        <v>11</v>
      </c>
      <c r="K11" s="191">
        <v>9</v>
      </c>
      <c r="L11" s="194">
        <v>77</v>
      </c>
      <c r="M11" s="195">
        <v>77</v>
      </c>
      <c r="N11" s="190">
        <v>0</v>
      </c>
      <c r="O11" s="191">
        <v>0</v>
      </c>
      <c r="P11" s="196">
        <v>0</v>
      </c>
      <c r="Q11" s="193">
        <v>0</v>
      </c>
      <c r="R11" s="191">
        <v>0</v>
      </c>
      <c r="S11" s="191">
        <v>0</v>
      </c>
      <c r="T11" s="191">
        <v>0</v>
      </c>
      <c r="U11" s="191">
        <v>1</v>
      </c>
      <c r="V11" s="191">
        <v>3</v>
      </c>
      <c r="W11" s="196">
        <v>4</v>
      </c>
      <c r="X11" s="195">
        <v>4</v>
      </c>
      <c r="Y11" s="190">
        <v>5</v>
      </c>
      <c r="Z11" s="191">
        <v>7</v>
      </c>
      <c r="AA11" s="196">
        <v>12</v>
      </c>
      <c r="AB11" s="193">
        <v>0</v>
      </c>
      <c r="AC11" s="191">
        <v>17</v>
      </c>
      <c r="AD11" s="191">
        <v>20</v>
      </c>
      <c r="AE11" s="191">
        <v>12</v>
      </c>
      <c r="AF11" s="191">
        <v>15</v>
      </c>
      <c r="AG11" s="191">
        <v>10</v>
      </c>
      <c r="AH11" s="196">
        <v>74</v>
      </c>
      <c r="AI11" s="195">
        <v>86</v>
      </c>
      <c r="AJ11" s="190">
        <v>0</v>
      </c>
      <c r="AK11" s="191">
        <v>2</v>
      </c>
      <c r="AL11" s="196">
        <v>2</v>
      </c>
      <c r="AM11" s="193">
        <v>0</v>
      </c>
      <c r="AN11" s="191">
        <v>5</v>
      </c>
      <c r="AO11" s="191">
        <v>5</v>
      </c>
      <c r="AP11" s="191">
        <v>2</v>
      </c>
      <c r="AQ11" s="191">
        <v>2</v>
      </c>
      <c r="AR11" s="191">
        <v>2</v>
      </c>
      <c r="AS11" s="196">
        <v>16</v>
      </c>
      <c r="AT11" s="195">
        <v>18</v>
      </c>
      <c r="AU11" s="190">
        <v>5</v>
      </c>
      <c r="AV11" s="191">
        <v>2</v>
      </c>
      <c r="AW11" s="196">
        <v>7</v>
      </c>
      <c r="AX11" s="193">
        <v>0</v>
      </c>
      <c r="AY11" s="191">
        <v>31</v>
      </c>
      <c r="AZ11" s="191">
        <v>28</v>
      </c>
      <c r="BA11" s="191">
        <v>26</v>
      </c>
      <c r="BB11" s="191">
        <v>29</v>
      </c>
      <c r="BC11" s="191">
        <v>21</v>
      </c>
      <c r="BD11" s="194">
        <v>135</v>
      </c>
      <c r="BE11" s="195">
        <v>142</v>
      </c>
      <c r="BF11" s="190">
        <v>0</v>
      </c>
      <c r="BG11" s="191">
        <v>0</v>
      </c>
      <c r="BH11" s="196">
        <v>0</v>
      </c>
      <c r="BI11" s="193">
        <v>0</v>
      </c>
      <c r="BJ11" s="191">
        <v>30</v>
      </c>
      <c r="BK11" s="191">
        <v>29</v>
      </c>
      <c r="BL11" s="191">
        <v>13</v>
      </c>
      <c r="BM11" s="191">
        <v>6</v>
      </c>
      <c r="BN11" s="191">
        <v>5</v>
      </c>
      <c r="BO11" s="196">
        <v>83</v>
      </c>
      <c r="BP11" s="195">
        <v>83</v>
      </c>
      <c r="BQ11" s="190">
        <v>3</v>
      </c>
      <c r="BR11" s="191">
        <v>3</v>
      </c>
      <c r="BS11" s="196">
        <v>6</v>
      </c>
      <c r="BT11" s="193">
        <v>0</v>
      </c>
      <c r="BU11" s="191">
        <v>17</v>
      </c>
      <c r="BV11" s="191">
        <v>8</v>
      </c>
      <c r="BW11" s="191">
        <v>11</v>
      </c>
      <c r="BX11" s="191">
        <v>5</v>
      </c>
      <c r="BY11" s="191">
        <v>3</v>
      </c>
      <c r="BZ11" s="196">
        <v>44</v>
      </c>
      <c r="CA11" s="195">
        <v>50</v>
      </c>
      <c r="CB11" s="190">
        <v>0</v>
      </c>
      <c r="CC11" s="191">
        <v>0</v>
      </c>
      <c r="CD11" s="196">
        <v>0</v>
      </c>
      <c r="CE11" s="193">
        <v>0</v>
      </c>
      <c r="CF11" s="191">
        <v>6</v>
      </c>
      <c r="CG11" s="191">
        <v>11</v>
      </c>
      <c r="CH11" s="191">
        <v>15</v>
      </c>
      <c r="CI11" s="191">
        <v>3</v>
      </c>
      <c r="CJ11" s="191">
        <v>3</v>
      </c>
      <c r="CK11" s="196">
        <v>38</v>
      </c>
      <c r="CL11" s="195">
        <v>38</v>
      </c>
      <c r="CM11" s="190">
        <v>0</v>
      </c>
      <c r="CN11" s="191">
        <v>0</v>
      </c>
      <c r="CO11" s="196">
        <v>0</v>
      </c>
      <c r="CP11" s="193">
        <v>0</v>
      </c>
      <c r="CQ11" s="191">
        <v>0</v>
      </c>
      <c r="CR11" s="191">
        <v>0</v>
      </c>
      <c r="CS11" s="191">
        <v>0</v>
      </c>
      <c r="CT11" s="191">
        <v>3</v>
      </c>
      <c r="CU11" s="191">
        <v>1</v>
      </c>
      <c r="CV11" s="196">
        <v>4</v>
      </c>
      <c r="CW11" s="195">
        <v>4</v>
      </c>
      <c r="CX11" s="190">
        <v>0</v>
      </c>
      <c r="CY11" s="191">
        <v>0</v>
      </c>
      <c r="CZ11" s="196">
        <v>0</v>
      </c>
      <c r="DA11" s="193">
        <v>0</v>
      </c>
      <c r="DB11" s="191">
        <v>0</v>
      </c>
      <c r="DC11" s="191">
        <v>0</v>
      </c>
      <c r="DD11" s="191">
        <v>0</v>
      </c>
      <c r="DE11" s="191">
        <v>0</v>
      </c>
      <c r="DF11" s="191">
        <v>0</v>
      </c>
      <c r="DG11" s="196">
        <v>0</v>
      </c>
      <c r="DH11" s="195">
        <v>0</v>
      </c>
      <c r="DI11" s="190">
        <v>0</v>
      </c>
      <c r="DJ11" s="191">
        <v>0</v>
      </c>
      <c r="DK11" s="196">
        <v>0</v>
      </c>
      <c r="DL11" s="193">
        <v>0</v>
      </c>
      <c r="DM11" s="191">
        <v>0</v>
      </c>
      <c r="DN11" s="191">
        <v>0</v>
      </c>
      <c r="DO11" s="191">
        <v>0</v>
      </c>
      <c r="DP11" s="191">
        <v>0</v>
      </c>
      <c r="DQ11" s="191">
        <v>0</v>
      </c>
      <c r="DR11" s="196">
        <v>0</v>
      </c>
      <c r="DS11" s="195">
        <v>0</v>
      </c>
      <c r="DT11" s="190">
        <v>20</v>
      </c>
      <c r="DU11" s="191">
        <v>21</v>
      </c>
      <c r="DV11" s="196">
        <v>41</v>
      </c>
      <c r="DW11" s="193">
        <v>0</v>
      </c>
      <c r="DX11" s="191">
        <v>55</v>
      </c>
      <c r="DY11" s="191">
        <v>63</v>
      </c>
      <c r="DZ11" s="191">
        <v>42</v>
      </c>
      <c r="EA11" s="191">
        <v>28</v>
      </c>
      <c r="EB11" s="191">
        <v>15</v>
      </c>
      <c r="EC11" s="196">
        <v>203</v>
      </c>
      <c r="ED11" s="195">
        <v>244</v>
      </c>
      <c r="EE11" s="190">
        <v>5</v>
      </c>
      <c r="EF11" s="191">
        <v>2</v>
      </c>
      <c r="EG11" s="196">
        <v>7</v>
      </c>
      <c r="EH11" s="193">
        <v>0</v>
      </c>
      <c r="EI11" s="191">
        <v>16</v>
      </c>
      <c r="EJ11" s="191">
        <v>11</v>
      </c>
      <c r="EK11" s="191">
        <v>7</v>
      </c>
      <c r="EL11" s="191">
        <v>13</v>
      </c>
      <c r="EM11" s="191">
        <v>5</v>
      </c>
      <c r="EN11" s="196">
        <v>52</v>
      </c>
      <c r="EO11" s="195">
        <v>59</v>
      </c>
      <c r="EP11" s="190">
        <v>27</v>
      </c>
      <c r="EQ11" s="191">
        <v>24</v>
      </c>
      <c r="ER11" s="196">
        <v>51</v>
      </c>
      <c r="ES11" s="193">
        <v>0</v>
      </c>
      <c r="ET11" s="191">
        <v>115</v>
      </c>
      <c r="EU11" s="191">
        <v>86</v>
      </c>
      <c r="EV11" s="191">
        <v>48</v>
      </c>
      <c r="EW11" s="191">
        <v>27</v>
      </c>
      <c r="EX11" s="191">
        <v>19</v>
      </c>
      <c r="EY11" s="196">
        <v>295</v>
      </c>
      <c r="EZ11" s="195">
        <v>346</v>
      </c>
    </row>
    <row r="12" spans="2:156" ht="21" customHeight="1" x14ac:dyDescent="0.2">
      <c r="B12" s="106" t="s">
        <v>9</v>
      </c>
      <c r="C12" s="190">
        <v>0</v>
      </c>
      <c r="D12" s="191">
        <v>0</v>
      </c>
      <c r="E12" s="192">
        <v>0</v>
      </c>
      <c r="F12" s="193">
        <v>0</v>
      </c>
      <c r="G12" s="191">
        <v>72</v>
      </c>
      <c r="H12" s="191">
        <v>56</v>
      </c>
      <c r="I12" s="191">
        <v>41</v>
      </c>
      <c r="J12" s="191">
        <v>40</v>
      </c>
      <c r="K12" s="191">
        <v>21</v>
      </c>
      <c r="L12" s="194">
        <v>230</v>
      </c>
      <c r="M12" s="195">
        <v>230</v>
      </c>
      <c r="N12" s="190">
        <v>0</v>
      </c>
      <c r="O12" s="191">
        <v>0</v>
      </c>
      <c r="P12" s="196">
        <v>0</v>
      </c>
      <c r="Q12" s="193">
        <v>0</v>
      </c>
      <c r="R12" s="191">
        <v>1</v>
      </c>
      <c r="S12" s="191">
        <v>2</v>
      </c>
      <c r="T12" s="191">
        <v>1</v>
      </c>
      <c r="U12" s="191">
        <v>7</v>
      </c>
      <c r="V12" s="191">
        <v>10</v>
      </c>
      <c r="W12" s="196">
        <v>21</v>
      </c>
      <c r="X12" s="195">
        <v>21</v>
      </c>
      <c r="Y12" s="190">
        <v>16</v>
      </c>
      <c r="Z12" s="191">
        <v>18</v>
      </c>
      <c r="AA12" s="196">
        <v>34</v>
      </c>
      <c r="AB12" s="193">
        <v>0</v>
      </c>
      <c r="AC12" s="191">
        <v>48</v>
      </c>
      <c r="AD12" s="191">
        <v>47</v>
      </c>
      <c r="AE12" s="191">
        <v>30</v>
      </c>
      <c r="AF12" s="191">
        <v>25</v>
      </c>
      <c r="AG12" s="191">
        <v>22</v>
      </c>
      <c r="AH12" s="196">
        <v>172</v>
      </c>
      <c r="AI12" s="195">
        <v>206</v>
      </c>
      <c r="AJ12" s="190">
        <v>1</v>
      </c>
      <c r="AK12" s="191">
        <v>1</v>
      </c>
      <c r="AL12" s="196">
        <v>2</v>
      </c>
      <c r="AM12" s="193">
        <v>0</v>
      </c>
      <c r="AN12" s="191">
        <v>3</v>
      </c>
      <c r="AO12" s="191">
        <v>9</v>
      </c>
      <c r="AP12" s="191">
        <v>4</v>
      </c>
      <c r="AQ12" s="191">
        <v>7</v>
      </c>
      <c r="AR12" s="191">
        <v>4</v>
      </c>
      <c r="AS12" s="196">
        <v>27</v>
      </c>
      <c r="AT12" s="195">
        <v>29</v>
      </c>
      <c r="AU12" s="190">
        <v>20</v>
      </c>
      <c r="AV12" s="191">
        <v>9</v>
      </c>
      <c r="AW12" s="196">
        <v>29</v>
      </c>
      <c r="AX12" s="193">
        <v>0</v>
      </c>
      <c r="AY12" s="191">
        <v>67</v>
      </c>
      <c r="AZ12" s="191">
        <v>83</v>
      </c>
      <c r="BA12" s="191">
        <v>68</v>
      </c>
      <c r="BB12" s="191">
        <v>70</v>
      </c>
      <c r="BC12" s="191">
        <v>41</v>
      </c>
      <c r="BD12" s="194">
        <v>329</v>
      </c>
      <c r="BE12" s="195">
        <v>358</v>
      </c>
      <c r="BF12" s="190">
        <v>0</v>
      </c>
      <c r="BG12" s="191">
        <v>0</v>
      </c>
      <c r="BH12" s="196">
        <v>0</v>
      </c>
      <c r="BI12" s="193">
        <v>0</v>
      </c>
      <c r="BJ12" s="191">
        <v>66</v>
      </c>
      <c r="BK12" s="191">
        <v>42</v>
      </c>
      <c r="BL12" s="191">
        <v>23</v>
      </c>
      <c r="BM12" s="191">
        <v>11</v>
      </c>
      <c r="BN12" s="191">
        <v>3</v>
      </c>
      <c r="BO12" s="196">
        <v>145</v>
      </c>
      <c r="BP12" s="195">
        <v>145</v>
      </c>
      <c r="BQ12" s="190">
        <v>7</v>
      </c>
      <c r="BR12" s="191">
        <v>13</v>
      </c>
      <c r="BS12" s="196">
        <v>20</v>
      </c>
      <c r="BT12" s="193">
        <v>0</v>
      </c>
      <c r="BU12" s="191">
        <v>20</v>
      </c>
      <c r="BV12" s="191">
        <v>13</v>
      </c>
      <c r="BW12" s="191">
        <v>13</v>
      </c>
      <c r="BX12" s="191">
        <v>7</v>
      </c>
      <c r="BY12" s="191">
        <v>6</v>
      </c>
      <c r="BZ12" s="196">
        <v>59</v>
      </c>
      <c r="CA12" s="195">
        <v>79</v>
      </c>
      <c r="CB12" s="190">
        <v>0</v>
      </c>
      <c r="CC12" s="191">
        <v>0</v>
      </c>
      <c r="CD12" s="196">
        <v>0</v>
      </c>
      <c r="CE12" s="193">
        <v>0</v>
      </c>
      <c r="CF12" s="191">
        <v>7</v>
      </c>
      <c r="CG12" s="191">
        <v>10</v>
      </c>
      <c r="CH12" s="191">
        <v>12</v>
      </c>
      <c r="CI12" s="191">
        <v>7</v>
      </c>
      <c r="CJ12" s="191">
        <v>5</v>
      </c>
      <c r="CK12" s="196">
        <v>41</v>
      </c>
      <c r="CL12" s="195">
        <v>41</v>
      </c>
      <c r="CM12" s="190">
        <v>0</v>
      </c>
      <c r="CN12" s="191">
        <v>0</v>
      </c>
      <c r="CO12" s="196">
        <v>0</v>
      </c>
      <c r="CP12" s="193">
        <v>0</v>
      </c>
      <c r="CQ12" s="191">
        <v>0</v>
      </c>
      <c r="CR12" s="191">
        <v>0</v>
      </c>
      <c r="CS12" s="191">
        <v>4</v>
      </c>
      <c r="CT12" s="191">
        <v>4</v>
      </c>
      <c r="CU12" s="191">
        <v>0</v>
      </c>
      <c r="CV12" s="196">
        <v>8</v>
      </c>
      <c r="CW12" s="195">
        <v>8</v>
      </c>
      <c r="CX12" s="190">
        <v>0</v>
      </c>
      <c r="CY12" s="191">
        <v>0</v>
      </c>
      <c r="CZ12" s="196">
        <v>0</v>
      </c>
      <c r="DA12" s="193">
        <v>0</v>
      </c>
      <c r="DB12" s="191">
        <v>0</v>
      </c>
      <c r="DC12" s="191">
        <v>0</v>
      </c>
      <c r="DD12" s="191">
        <v>0</v>
      </c>
      <c r="DE12" s="191">
        <v>0</v>
      </c>
      <c r="DF12" s="191">
        <v>0</v>
      </c>
      <c r="DG12" s="196">
        <v>0</v>
      </c>
      <c r="DH12" s="195">
        <v>0</v>
      </c>
      <c r="DI12" s="190">
        <v>0</v>
      </c>
      <c r="DJ12" s="191">
        <v>0</v>
      </c>
      <c r="DK12" s="196">
        <v>0</v>
      </c>
      <c r="DL12" s="193">
        <v>0</v>
      </c>
      <c r="DM12" s="191">
        <v>0</v>
      </c>
      <c r="DN12" s="191">
        <v>0</v>
      </c>
      <c r="DO12" s="191">
        <v>0</v>
      </c>
      <c r="DP12" s="191">
        <v>0</v>
      </c>
      <c r="DQ12" s="191">
        <v>0</v>
      </c>
      <c r="DR12" s="196">
        <v>0</v>
      </c>
      <c r="DS12" s="195">
        <v>0</v>
      </c>
      <c r="DT12" s="190">
        <v>30</v>
      </c>
      <c r="DU12" s="191">
        <v>45</v>
      </c>
      <c r="DV12" s="196">
        <v>75</v>
      </c>
      <c r="DW12" s="193">
        <v>0</v>
      </c>
      <c r="DX12" s="191">
        <v>93</v>
      </c>
      <c r="DY12" s="191">
        <v>108</v>
      </c>
      <c r="DZ12" s="191">
        <v>70</v>
      </c>
      <c r="EA12" s="191">
        <v>54</v>
      </c>
      <c r="EB12" s="191">
        <v>36</v>
      </c>
      <c r="EC12" s="196">
        <v>361</v>
      </c>
      <c r="ED12" s="195">
        <v>436</v>
      </c>
      <c r="EE12" s="190">
        <v>18</v>
      </c>
      <c r="EF12" s="191">
        <v>5</v>
      </c>
      <c r="EG12" s="196">
        <v>23</v>
      </c>
      <c r="EH12" s="193">
        <v>0</v>
      </c>
      <c r="EI12" s="191">
        <v>33</v>
      </c>
      <c r="EJ12" s="191">
        <v>34</v>
      </c>
      <c r="EK12" s="191">
        <v>29</v>
      </c>
      <c r="EL12" s="191">
        <v>26</v>
      </c>
      <c r="EM12" s="191">
        <v>15</v>
      </c>
      <c r="EN12" s="196">
        <v>137</v>
      </c>
      <c r="EO12" s="195">
        <v>160</v>
      </c>
      <c r="EP12" s="190">
        <v>49</v>
      </c>
      <c r="EQ12" s="191">
        <v>57</v>
      </c>
      <c r="ER12" s="196">
        <v>106</v>
      </c>
      <c r="ES12" s="193">
        <v>0</v>
      </c>
      <c r="ET12" s="191">
        <v>188</v>
      </c>
      <c r="EU12" s="191">
        <v>147</v>
      </c>
      <c r="EV12" s="191">
        <v>86</v>
      </c>
      <c r="EW12" s="191">
        <v>66</v>
      </c>
      <c r="EX12" s="191">
        <v>35</v>
      </c>
      <c r="EY12" s="196">
        <v>522</v>
      </c>
      <c r="EZ12" s="195">
        <v>628</v>
      </c>
    </row>
    <row r="13" spans="2:156" ht="21" customHeight="1" x14ac:dyDescent="0.2">
      <c r="B13" s="106" t="s">
        <v>10</v>
      </c>
      <c r="C13" s="190">
        <v>0</v>
      </c>
      <c r="D13" s="191">
        <v>0</v>
      </c>
      <c r="E13" s="192">
        <v>0</v>
      </c>
      <c r="F13" s="193">
        <v>0</v>
      </c>
      <c r="G13" s="191">
        <v>96</v>
      </c>
      <c r="H13" s="191">
        <v>63</v>
      </c>
      <c r="I13" s="191">
        <v>46</v>
      </c>
      <c r="J13" s="191">
        <v>35</v>
      </c>
      <c r="K13" s="191">
        <v>18</v>
      </c>
      <c r="L13" s="194">
        <v>258</v>
      </c>
      <c r="M13" s="195">
        <v>258</v>
      </c>
      <c r="N13" s="190">
        <v>0</v>
      </c>
      <c r="O13" s="191">
        <v>0</v>
      </c>
      <c r="P13" s="196">
        <v>0</v>
      </c>
      <c r="Q13" s="193">
        <v>0</v>
      </c>
      <c r="R13" s="191">
        <v>0</v>
      </c>
      <c r="S13" s="191">
        <v>4</v>
      </c>
      <c r="T13" s="191">
        <v>3</v>
      </c>
      <c r="U13" s="191">
        <v>5</v>
      </c>
      <c r="V13" s="191">
        <v>4</v>
      </c>
      <c r="W13" s="196">
        <v>16</v>
      </c>
      <c r="X13" s="195">
        <v>16</v>
      </c>
      <c r="Y13" s="190">
        <v>18</v>
      </c>
      <c r="Z13" s="191">
        <v>31</v>
      </c>
      <c r="AA13" s="196">
        <v>49</v>
      </c>
      <c r="AB13" s="193">
        <v>0</v>
      </c>
      <c r="AC13" s="191">
        <v>66</v>
      </c>
      <c r="AD13" s="191">
        <v>49</v>
      </c>
      <c r="AE13" s="191">
        <v>29</v>
      </c>
      <c r="AF13" s="191">
        <v>28</v>
      </c>
      <c r="AG13" s="191">
        <v>9</v>
      </c>
      <c r="AH13" s="196">
        <v>181</v>
      </c>
      <c r="AI13" s="195">
        <v>230</v>
      </c>
      <c r="AJ13" s="190">
        <v>1</v>
      </c>
      <c r="AK13" s="191">
        <v>3</v>
      </c>
      <c r="AL13" s="196">
        <v>4</v>
      </c>
      <c r="AM13" s="193">
        <v>0</v>
      </c>
      <c r="AN13" s="191">
        <v>10</v>
      </c>
      <c r="AO13" s="191">
        <v>8</v>
      </c>
      <c r="AP13" s="191">
        <v>4</v>
      </c>
      <c r="AQ13" s="191">
        <v>1</v>
      </c>
      <c r="AR13" s="191">
        <v>2</v>
      </c>
      <c r="AS13" s="196">
        <v>25</v>
      </c>
      <c r="AT13" s="195">
        <v>29</v>
      </c>
      <c r="AU13" s="190">
        <v>23</v>
      </c>
      <c r="AV13" s="191">
        <v>24</v>
      </c>
      <c r="AW13" s="196">
        <v>47</v>
      </c>
      <c r="AX13" s="193">
        <v>0</v>
      </c>
      <c r="AY13" s="191">
        <v>103</v>
      </c>
      <c r="AZ13" s="191">
        <v>99</v>
      </c>
      <c r="BA13" s="191">
        <v>88</v>
      </c>
      <c r="BB13" s="191">
        <v>70</v>
      </c>
      <c r="BC13" s="191">
        <v>63</v>
      </c>
      <c r="BD13" s="194">
        <v>423</v>
      </c>
      <c r="BE13" s="195">
        <v>470</v>
      </c>
      <c r="BF13" s="190">
        <v>0</v>
      </c>
      <c r="BG13" s="191">
        <v>0</v>
      </c>
      <c r="BH13" s="196">
        <v>0</v>
      </c>
      <c r="BI13" s="193">
        <v>0</v>
      </c>
      <c r="BJ13" s="191">
        <v>137</v>
      </c>
      <c r="BK13" s="191">
        <v>61</v>
      </c>
      <c r="BL13" s="191">
        <v>41</v>
      </c>
      <c r="BM13" s="191">
        <v>15</v>
      </c>
      <c r="BN13" s="191">
        <v>8</v>
      </c>
      <c r="BO13" s="196">
        <v>262</v>
      </c>
      <c r="BP13" s="195">
        <v>262</v>
      </c>
      <c r="BQ13" s="190">
        <v>5</v>
      </c>
      <c r="BR13" s="191">
        <v>4</v>
      </c>
      <c r="BS13" s="196">
        <v>9</v>
      </c>
      <c r="BT13" s="193">
        <v>0</v>
      </c>
      <c r="BU13" s="191">
        <v>23</v>
      </c>
      <c r="BV13" s="191">
        <v>18</v>
      </c>
      <c r="BW13" s="191">
        <v>12</v>
      </c>
      <c r="BX13" s="191">
        <v>3</v>
      </c>
      <c r="BY13" s="191">
        <v>1</v>
      </c>
      <c r="BZ13" s="196">
        <v>57</v>
      </c>
      <c r="CA13" s="195">
        <v>66</v>
      </c>
      <c r="CB13" s="190">
        <v>0</v>
      </c>
      <c r="CC13" s="191">
        <v>1</v>
      </c>
      <c r="CD13" s="196">
        <v>1</v>
      </c>
      <c r="CE13" s="193">
        <v>0</v>
      </c>
      <c r="CF13" s="191">
        <v>14</v>
      </c>
      <c r="CG13" s="191">
        <v>13</v>
      </c>
      <c r="CH13" s="191">
        <v>15</v>
      </c>
      <c r="CI13" s="191">
        <v>13</v>
      </c>
      <c r="CJ13" s="191">
        <v>3</v>
      </c>
      <c r="CK13" s="196">
        <v>58</v>
      </c>
      <c r="CL13" s="195">
        <v>59</v>
      </c>
      <c r="CM13" s="190">
        <v>0</v>
      </c>
      <c r="CN13" s="191">
        <v>0</v>
      </c>
      <c r="CO13" s="196">
        <v>0</v>
      </c>
      <c r="CP13" s="193">
        <v>0</v>
      </c>
      <c r="CQ13" s="191">
        <v>0</v>
      </c>
      <c r="CR13" s="191">
        <v>1</v>
      </c>
      <c r="CS13" s="191">
        <v>1</v>
      </c>
      <c r="CT13" s="191">
        <v>1</v>
      </c>
      <c r="CU13" s="191">
        <v>1</v>
      </c>
      <c r="CV13" s="196">
        <v>4</v>
      </c>
      <c r="CW13" s="195">
        <v>4</v>
      </c>
      <c r="CX13" s="190">
        <v>0</v>
      </c>
      <c r="CY13" s="191">
        <v>0</v>
      </c>
      <c r="CZ13" s="196">
        <v>0</v>
      </c>
      <c r="DA13" s="193">
        <v>0</v>
      </c>
      <c r="DB13" s="191">
        <v>0</v>
      </c>
      <c r="DC13" s="191">
        <v>0</v>
      </c>
      <c r="DD13" s="191">
        <v>0</v>
      </c>
      <c r="DE13" s="191">
        <v>0</v>
      </c>
      <c r="DF13" s="191">
        <v>0</v>
      </c>
      <c r="DG13" s="196">
        <v>0</v>
      </c>
      <c r="DH13" s="195">
        <v>0</v>
      </c>
      <c r="DI13" s="190">
        <v>0</v>
      </c>
      <c r="DJ13" s="191">
        <v>0</v>
      </c>
      <c r="DK13" s="196">
        <v>0</v>
      </c>
      <c r="DL13" s="193">
        <v>0</v>
      </c>
      <c r="DM13" s="191">
        <v>0</v>
      </c>
      <c r="DN13" s="191">
        <v>0</v>
      </c>
      <c r="DO13" s="191">
        <v>0</v>
      </c>
      <c r="DP13" s="191">
        <v>0</v>
      </c>
      <c r="DQ13" s="191">
        <v>0</v>
      </c>
      <c r="DR13" s="196">
        <v>0</v>
      </c>
      <c r="DS13" s="195">
        <v>0</v>
      </c>
      <c r="DT13" s="190">
        <v>59</v>
      </c>
      <c r="DU13" s="191">
        <v>100</v>
      </c>
      <c r="DV13" s="196">
        <v>159</v>
      </c>
      <c r="DW13" s="193">
        <v>0</v>
      </c>
      <c r="DX13" s="191">
        <v>134</v>
      </c>
      <c r="DY13" s="191">
        <v>123</v>
      </c>
      <c r="DZ13" s="191">
        <v>84</v>
      </c>
      <c r="EA13" s="191">
        <v>54</v>
      </c>
      <c r="EB13" s="191">
        <v>25</v>
      </c>
      <c r="EC13" s="196">
        <v>420</v>
      </c>
      <c r="ED13" s="195">
        <v>579</v>
      </c>
      <c r="EE13" s="190">
        <v>7</v>
      </c>
      <c r="EF13" s="191">
        <v>11</v>
      </c>
      <c r="EG13" s="196">
        <v>18</v>
      </c>
      <c r="EH13" s="193">
        <v>0</v>
      </c>
      <c r="EI13" s="191">
        <v>33</v>
      </c>
      <c r="EJ13" s="191">
        <v>29</v>
      </c>
      <c r="EK13" s="191">
        <v>28</v>
      </c>
      <c r="EL13" s="191">
        <v>26</v>
      </c>
      <c r="EM13" s="191">
        <v>28</v>
      </c>
      <c r="EN13" s="196">
        <v>144</v>
      </c>
      <c r="EO13" s="195">
        <v>162</v>
      </c>
      <c r="EP13" s="190">
        <v>78</v>
      </c>
      <c r="EQ13" s="191">
        <v>118</v>
      </c>
      <c r="ER13" s="196">
        <v>196</v>
      </c>
      <c r="ES13" s="193">
        <v>0</v>
      </c>
      <c r="ET13" s="191">
        <v>279</v>
      </c>
      <c r="EU13" s="191">
        <v>164</v>
      </c>
      <c r="EV13" s="191">
        <v>100</v>
      </c>
      <c r="EW13" s="191">
        <v>62</v>
      </c>
      <c r="EX13" s="191">
        <v>25</v>
      </c>
      <c r="EY13" s="196">
        <v>630</v>
      </c>
      <c r="EZ13" s="195">
        <v>826</v>
      </c>
    </row>
    <row r="14" spans="2:156" ht="21" customHeight="1" x14ac:dyDescent="0.2">
      <c r="B14" s="106" t="s">
        <v>11</v>
      </c>
      <c r="C14" s="190">
        <v>0</v>
      </c>
      <c r="D14" s="191">
        <v>0</v>
      </c>
      <c r="E14" s="192">
        <v>0</v>
      </c>
      <c r="F14" s="193">
        <v>0</v>
      </c>
      <c r="G14" s="191">
        <v>14</v>
      </c>
      <c r="H14" s="191">
        <v>14</v>
      </c>
      <c r="I14" s="191">
        <v>5</v>
      </c>
      <c r="J14" s="191">
        <v>8</v>
      </c>
      <c r="K14" s="191">
        <v>5</v>
      </c>
      <c r="L14" s="194">
        <v>46</v>
      </c>
      <c r="M14" s="195">
        <v>46</v>
      </c>
      <c r="N14" s="190">
        <v>0</v>
      </c>
      <c r="O14" s="191">
        <v>0</v>
      </c>
      <c r="P14" s="196">
        <v>0</v>
      </c>
      <c r="Q14" s="193">
        <v>0</v>
      </c>
      <c r="R14" s="191">
        <v>0</v>
      </c>
      <c r="S14" s="191">
        <v>1</v>
      </c>
      <c r="T14" s="191">
        <v>1</v>
      </c>
      <c r="U14" s="191">
        <v>3</v>
      </c>
      <c r="V14" s="191">
        <v>1</v>
      </c>
      <c r="W14" s="196">
        <v>6</v>
      </c>
      <c r="X14" s="195">
        <v>6</v>
      </c>
      <c r="Y14" s="190">
        <v>3</v>
      </c>
      <c r="Z14" s="191">
        <v>4</v>
      </c>
      <c r="AA14" s="196">
        <v>7</v>
      </c>
      <c r="AB14" s="193">
        <v>0</v>
      </c>
      <c r="AC14" s="191">
        <v>26</v>
      </c>
      <c r="AD14" s="191">
        <v>19</v>
      </c>
      <c r="AE14" s="191">
        <v>8</v>
      </c>
      <c r="AF14" s="191">
        <v>12</v>
      </c>
      <c r="AG14" s="191">
        <v>7</v>
      </c>
      <c r="AH14" s="196">
        <v>72</v>
      </c>
      <c r="AI14" s="195">
        <v>79</v>
      </c>
      <c r="AJ14" s="190">
        <v>0</v>
      </c>
      <c r="AK14" s="191">
        <v>1</v>
      </c>
      <c r="AL14" s="196">
        <v>1</v>
      </c>
      <c r="AM14" s="193">
        <v>0</v>
      </c>
      <c r="AN14" s="191">
        <v>1</v>
      </c>
      <c r="AO14" s="191">
        <v>4</v>
      </c>
      <c r="AP14" s="191">
        <v>2</v>
      </c>
      <c r="AQ14" s="191">
        <v>1</v>
      </c>
      <c r="AR14" s="191">
        <v>1</v>
      </c>
      <c r="AS14" s="196">
        <v>9</v>
      </c>
      <c r="AT14" s="195">
        <v>10</v>
      </c>
      <c r="AU14" s="190">
        <v>4</v>
      </c>
      <c r="AV14" s="191">
        <v>3</v>
      </c>
      <c r="AW14" s="196">
        <v>7</v>
      </c>
      <c r="AX14" s="193">
        <v>0</v>
      </c>
      <c r="AY14" s="191">
        <v>27</v>
      </c>
      <c r="AZ14" s="191">
        <v>29</v>
      </c>
      <c r="BA14" s="191">
        <v>19</v>
      </c>
      <c r="BB14" s="191">
        <v>20</v>
      </c>
      <c r="BC14" s="191">
        <v>14</v>
      </c>
      <c r="BD14" s="194">
        <v>109</v>
      </c>
      <c r="BE14" s="195">
        <v>116</v>
      </c>
      <c r="BF14" s="190">
        <v>0</v>
      </c>
      <c r="BG14" s="191">
        <v>0</v>
      </c>
      <c r="BH14" s="196">
        <v>0</v>
      </c>
      <c r="BI14" s="193">
        <v>0</v>
      </c>
      <c r="BJ14" s="191">
        <v>19</v>
      </c>
      <c r="BK14" s="191">
        <v>19</v>
      </c>
      <c r="BL14" s="191">
        <v>8</v>
      </c>
      <c r="BM14" s="191">
        <v>4</v>
      </c>
      <c r="BN14" s="191">
        <v>3</v>
      </c>
      <c r="BO14" s="196">
        <v>53</v>
      </c>
      <c r="BP14" s="195">
        <v>53</v>
      </c>
      <c r="BQ14" s="190">
        <v>0</v>
      </c>
      <c r="BR14" s="191">
        <v>5</v>
      </c>
      <c r="BS14" s="196">
        <v>5</v>
      </c>
      <c r="BT14" s="193">
        <v>0</v>
      </c>
      <c r="BU14" s="191">
        <v>13</v>
      </c>
      <c r="BV14" s="191">
        <v>7</v>
      </c>
      <c r="BW14" s="191">
        <v>10</v>
      </c>
      <c r="BX14" s="191">
        <v>2</v>
      </c>
      <c r="BY14" s="191">
        <v>1</v>
      </c>
      <c r="BZ14" s="196">
        <v>33</v>
      </c>
      <c r="CA14" s="195">
        <v>38</v>
      </c>
      <c r="CB14" s="190">
        <v>0</v>
      </c>
      <c r="CC14" s="191">
        <v>0</v>
      </c>
      <c r="CD14" s="196">
        <v>0</v>
      </c>
      <c r="CE14" s="193">
        <v>0</v>
      </c>
      <c r="CF14" s="191">
        <v>5</v>
      </c>
      <c r="CG14" s="191">
        <v>4</v>
      </c>
      <c r="CH14" s="191">
        <v>1</v>
      </c>
      <c r="CI14" s="191">
        <v>2</v>
      </c>
      <c r="CJ14" s="191">
        <v>2</v>
      </c>
      <c r="CK14" s="196">
        <v>14</v>
      </c>
      <c r="CL14" s="195">
        <v>14</v>
      </c>
      <c r="CM14" s="190">
        <v>0</v>
      </c>
      <c r="CN14" s="191">
        <v>0</v>
      </c>
      <c r="CO14" s="196">
        <v>0</v>
      </c>
      <c r="CP14" s="193">
        <v>0</v>
      </c>
      <c r="CQ14" s="191">
        <v>0</v>
      </c>
      <c r="CR14" s="191">
        <v>0</v>
      </c>
      <c r="CS14" s="191">
        <v>3</v>
      </c>
      <c r="CT14" s="191">
        <v>1</v>
      </c>
      <c r="CU14" s="191">
        <v>2</v>
      </c>
      <c r="CV14" s="196">
        <v>6</v>
      </c>
      <c r="CW14" s="195">
        <v>6</v>
      </c>
      <c r="CX14" s="190">
        <v>0</v>
      </c>
      <c r="CY14" s="191">
        <v>0</v>
      </c>
      <c r="CZ14" s="196">
        <v>0</v>
      </c>
      <c r="DA14" s="193">
        <v>0</v>
      </c>
      <c r="DB14" s="191">
        <v>0</v>
      </c>
      <c r="DC14" s="191">
        <v>0</v>
      </c>
      <c r="DD14" s="191">
        <v>0</v>
      </c>
      <c r="DE14" s="191">
        <v>0</v>
      </c>
      <c r="DF14" s="191">
        <v>0</v>
      </c>
      <c r="DG14" s="196">
        <v>0</v>
      </c>
      <c r="DH14" s="195">
        <v>0</v>
      </c>
      <c r="DI14" s="190">
        <v>0</v>
      </c>
      <c r="DJ14" s="191">
        <v>0</v>
      </c>
      <c r="DK14" s="196">
        <v>0</v>
      </c>
      <c r="DL14" s="193">
        <v>0</v>
      </c>
      <c r="DM14" s="191">
        <v>0</v>
      </c>
      <c r="DN14" s="191">
        <v>0</v>
      </c>
      <c r="DO14" s="191">
        <v>0</v>
      </c>
      <c r="DP14" s="191">
        <v>0</v>
      </c>
      <c r="DQ14" s="191">
        <v>0</v>
      </c>
      <c r="DR14" s="196">
        <v>0</v>
      </c>
      <c r="DS14" s="195">
        <v>0</v>
      </c>
      <c r="DT14" s="190">
        <v>16</v>
      </c>
      <c r="DU14" s="191">
        <v>23</v>
      </c>
      <c r="DV14" s="196">
        <v>39</v>
      </c>
      <c r="DW14" s="193">
        <v>0</v>
      </c>
      <c r="DX14" s="191">
        <v>45</v>
      </c>
      <c r="DY14" s="191">
        <v>44</v>
      </c>
      <c r="DZ14" s="191">
        <v>26</v>
      </c>
      <c r="EA14" s="191">
        <v>25</v>
      </c>
      <c r="EB14" s="191">
        <v>11</v>
      </c>
      <c r="EC14" s="196">
        <v>151</v>
      </c>
      <c r="ED14" s="195">
        <v>190</v>
      </c>
      <c r="EE14" s="190">
        <v>3</v>
      </c>
      <c r="EF14" s="191">
        <v>2</v>
      </c>
      <c r="EG14" s="196">
        <v>5</v>
      </c>
      <c r="EH14" s="193">
        <v>0</v>
      </c>
      <c r="EI14" s="191">
        <v>23</v>
      </c>
      <c r="EJ14" s="191">
        <v>13</v>
      </c>
      <c r="EK14" s="191">
        <v>7</v>
      </c>
      <c r="EL14" s="191">
        <v>17</v>
      </c>
      <c r="EM14" s="191">
        <v>8</v>
      </c>
      <c r="EN14" s="196">
        <v>68</v>
      </c>
      <c r="EO14" s="195">
        <v>73</v>
      </c>
      <c r="EP14" s="190">
        <v>19</v>
      </c>
      <c r="EQ14" s="191">
        <v>25</v>
      </c>
      <c r="ER14" s="196">
        <v>44</v>
      </c>
      <c r="ES14" s="193">
        <v>0</v>
      </c>
      <c r="ET14" s="191">
        <v>90</v>
      </c>
      <c r="EU14" s="191">
        <v>60</v>
      </c>
      <c r="EV14" s="191">
        <v>31</v>
      </c>
      <c r="EW14" s="191">
        <v>26</v>
      </c>
      <c r="EX14" s="191">
        <v>11</v>
      </c>
      <c r="EY14" s="196">
        <v>218</v>
      </c>
      <c r="EZ14" s="195">
        <v>262</v>
      </c>
    </row>
    <row r="15" spans="2:156" ht="21" customHeight="1" x14ac:dyDescent="0.2">
      <c r="B15" s="106" t="s">
        <v>12</v>
      </c>
      <c r="C15" s="190">
        <v>0</v>
      </c>
      <c r="D15" s="191">
        <v>0</v>
      </c>
      <c r="E15" s="192">
        <v>0</v>
      </c>
      <c r="F15" s="193">
        <v>0</v>
      </c>
      <c r="G15" s="191">
        <v>39</v>
      </c>
      <c r="H15" s="191">
        <v>42</v>
      </c>
      <c r="I15" s="191">
        <v>17</v>
      </c>
      <c r="J15" s="191">
        <v>14</v>
      </c>
      <c r="K15" s="191">
        <v>14</v>
      </c>
      <c r="L15" s="194">
        <v>126</v>
      </c>
      <c r="M15" s="195">
        <v>126</v>
      </c>
      <c r="N15" s="190">
        <v>0</v>
      </c>
      <c r="O15" s="191">
        <v>0</v>
      </c>
      <c r="P15" s="196">
        <v>0</v>
      </c>
      <c r="Q15" s="193">
        <v>0</v>
      </c>
      <c r="R15" s="191">
        <v>0</v>
      </c>
      <c r="S15" s="191">
        <v>1</v>
      </c>
      <c r="T15" s="191">
        <v>1</v>
      </c>
      <c r="U15" s="191">
        <v>3</v>
      </c>
      <c r="V15" s="191">
        <v>2</v>
      </c>
      <c r="W15" s="196">
        <v>7</v>
      </c>
      <c r="X15" s="195">
        <v>7</v>
      </c>
      <c r="Y15" s="190">
        <v>8</v>
      </c>
      <c r="Z15" s="191">
        <v>29</v>
      </c>
      <c r="AA15" s="196">
        <v>37</v>
      </c>
      <c r="AB15" s="193">
        <v>0</v>
      </c>
      <c r="AC15" s="191">
        <v>25</v>
      </c>
      <c r="AD15" s="191">
        <v>28</v>
      </c>
      <c r="AE15" s="191">
        <v>8</v>
      </c>
      <c r="AF15" s="191">
        <v>19</v>
      </c>
      <c r="AG15" s="191">
        <v>8</v>
      </c>
      <c r="AH15" s="196">
        <v>88</v>
      </c>
      <c r="AI15" s="195">
        <v>125</v>
      </c>
      <c r="AJ15" s="190">
        <v>1</v>
      </c>
      <c r="AK15" s="191">
        <v>3</v>
      </c>
      <c r="AL15" s="196">
        <v>4</v>
      </c>
      <c r="AM15" s="193">
        <v>0</v>
      </c>
      <c r="AN15" s="191">
        <v>1</v>
      </c>
      <c r="AO15" s="191">
        <v>2</v>
      </c>
      <c r="AP15" s="191">
        <v>0</v>
      </c>
      <c r="AQ15" s="191">
        <v>3</v>
      </c>
      <c r="AR15" s="191">
        <v>0</v>
      </c>
      <c r="AS15" s="196">
        <v>6</v>
      </c>
      <c r="AT15" s="195">
        <v>10</v>
      </c>
      <c r="AU15" s="190">
        <v>4</v>
      </c>
      <c r="AV15" s="191">
        <v>10</v>
      </c>
      <c r="AW15" s="196">
        <v>14</v>
      </c>
      <c r="AX15" s="193">
        <v>0</v>
      </c>
      <c r="AY15" s="191">
        <v>25</v>
      </c>
      <c r="AZ15" s="191">
        <v>36</v>
      </c>
      <c r="BA15" s="191">
        <v>20</v>
      </c>
      <c r="BB15" s="191">
        <v>35</v>
      </c>
      <c r="BC15" s="191">
        <v>17</v>
      </c>
      <c r="BD15" s="194">
        <v>133</v>
      </c>
      <c r="BE15" s="195">
        <v>147</v>
      </c>
      <c r="BF15" s="190">
        <v>0</v>
      </c>
      <c r="BG15" s="191">
        <v>0</v>
      </c>
      <c r="BH15" s="196">
        <v>0</v>
      </c>
      <c r="BI15" s="193">
        <v>0</v>
      </c>
      <c r="BJ15" s="191">
        <v>45</v>
      </c>
      <c r="BK15" s="191">
        <v>37</v>
      </c>
      <c r="BL15" s="191">
        <v>13</v>
      </c>
      <c r="BM15" s="191">
        <v>11</v>
      </c>
      <c r="BN15" s="191">
        <v>6</v>
      </c>
      <c r="BO15" s="196">
        <v>112</v>
      </c>
      <c r="BP15" s="195">
        <v>112</v>
      </c>
      <c r="BQ15" s="190">
        <v>9</v>
      </c>
      <c r="BR15" s="191">
        <v>9</v>
      </c>
      <c r="BS15" s="196">
        <v>18</v>
      </c>
      <c r="BT15" s="193">
        <v>0</v>
      </c>
      <c r="BU15" s="191">
        <v>9</v>
      </c>
      <c r="BV15" s="191">
        <v>9</v>
      </c>
      <c r="BW15" s="191">
        <v>8</v>
      </c>
      <c r="BX15" s="191">
        <v>8</v>
      </c>
      <c r="BY15" s="191">
        <v>1</v>
      </c>
      <c r="BZ15" s="196">
        <v>35</v>
      </c>
      <c r="CA15" s="195">
        <v>53</v>
      </c>
      <c r="CB15" s="190">
        <v>0</v>
      </c>
      <c r="CC15" s="191">
        <v>0</v>
      </c>
      <c r="CD15" s="196">
        <v>0</v>
      </c>
      <c r="CE15" s="193">
        <v>0</v>
      </c>
      <c r="CF15" s="191">
        <v>8</v>
      </c>
      <c r="CG15" s="191">
        <v>8</v>
      </c>
      <c r="CH15" s="191">
        <v>7</v>
      </c>
      <c r="CI15" s="191">
        <v>12</v>
      </c>
      <c r="CJ15" s="191">
        <v>1</v>
      </c>
      <c r="CK15" s="196">
        <v>36</v>
      </c>
      <c r="CL15" s="195">
        <v>36</v>
      </c>
      <c r="CM15" s="190">
        <v>0</v>
      </c>
      <c r="CN15" s="191">
        <v>0</v>
      </c>
      <c r="CO15" s="196">
        <v>0</v>
      </c>
      <c r="CP15" s="193">
        <v>0</v>
      </c>
      <c r="CQ15" s="191">
        <v>1</v>
      </c>
      <c r="CR15" s="191">
        <v>0</v>
      </c>
      <c r="CS15" s="191">
        <v>1</v>
      </c>
      <c r="CT15" s="191">
        <v>1</v>
      </c>
      <c r="CU15" s="191">
        <v>0</v>
      </c>
      <c r="CV15" s="196">
        <v>3</v>
      </c>
      <c r="CW15" s="195">
        <v>3</v>
      </c>
      <c r="CX15" s="190">
        <v>0</v>
      </c>
      <c r="CY15" s="191">
        <v>0</v>
      </c>
      <c r="CZ15" s="196">
        <v>0</v>
      </c>
      <c r="DA15" s="193">
        <v>0</v>
      </c>
      <c r="DB15" s="191">
        <v>0</v>
      </c>
      <c r="DC15" s="191">
        <v>0</v>
      </c>
      <c r="DD15" s="191">
        <v>0</v>
      </c>
      <c r="DE15" s="191">
        <v>0</v>
      </c>
      <c r="DF15" s="191">
        <v>0</v>
      </c>
      <c r="DG15" s="196">
        <v>0</v>
      </c>
      <c r="DH15" s="195">
        <v>0</v>
      </c>
      <c r="DI15" s="190">
        <v>0</v>
      </c>
      <c r="DJ15" s="191">
        <v>0</v>
      </c>
      <c r="DK15" s="196">
        <v>0</v>
      </c>
      <c r="DL15" s="193">
        <v>0</v>
      </c>
      <c r="DM15" s="191">
        <v>0</v>
      </c>
      <c r="DN15" s="191">
        <v>0</v>
      </c>
      <c r="DO15" s="191">
        <v>0</v>
      </c>
      <c r="DP15" s="191">
        <v>0</v>
      </c>
      <c r="DQ15" s="191">
        <v>0</v>
      </c>
      <c r="DR15" s="196">
        <v>0</v>
      </c>
      <c r="DS15" s="195">
        <v>0</v>
      </c>
      <c r="DT15" s="190">
        <v>27</v>
      </c>
      <c r="DU15" s="191">
        <v>73</v>
      </c>
      <c r="DV15" s="196">
        <v>100</v>
      </c>
      <c r="DW15" s="193">
        <v>0</v>
      </c>
      <c r="DX15" s="191">
        <v>37</v>
      </c>
      <c r="DY15" s="191">
        <v>65</v>
      </c>
      <c r="DZ15" s="191">
        <v>27</v>
      </c>
      <c r="EA15" s="191">
        <v>41</v>
      </c>
      <c r="EB15" s="191">
        <v>17</v>
      </c>
      <c r="EC15" s="196">
        <v>187</v>
      </c>
      <c r="ED15" s="195">
        <v>287</v>
      </c>
      <c r="EE15" s="190">
        <v>5</v>
      </c>
      <c r="EF15" s="191">
        <v>5</v>
      </c>
      <c r="EG15" s="196">
        <v>10</v>
      </c>
      <c r="EH15" s="193">
        <v>0</v>
      </c>
      <c r="EI15" s="191">
        <v>11</v>
      </c>
      <c r="EJ15" s="191">
        <v>18</v>
      </c>
      <c r="EK15" s="191">
        <v>10</v>
      </c>
      <c r="EL15" s="191">
        <v>14</v>
      </c>
      <c r="EM15" s="191">
        <v>9</v>
      </c>
      <c r="EN15" s="196">
        <v>62</v>
      </c>
      <c r="EO15" s="195">
        <v>72</v>
      </c>
      <c r="EP15" s="190">
        <v>40</v>
      </c>
      <c r="EQ15" s="191">
        <v>88</v>
      </c>
      <c r="ER15" s="196">
        <v>128</v>
      </c>
      <c r="ES15" s="193">
        <v>0</v>
      </c>
      <c r="ET15" s="191">
        <v>104</v>
      </c>
      <c r="EU15" s="191">
        <v>92</v>
      </c>
      <c r="EV15" s="191">
        <v>37</v>
      </c>
      <c r="EW15" s="191">
        <v>49</v>
      </c>
      <c r="EX15" s="191">
        <v>19</v>
      </c>
      <c r="EY15" s="196">
        <v>301</v>
      </c>
      <c r="EZ15" s="195">
        <v>429</v>
      </c>
    </row>
    <row r="16" spans="2:156" ht="21" customHeight="1" x14ac:dyDescent="0.2">
      <c r="B16" s="106" t="s">
        <v>13</v>
      </c>
      <c r="C16" s="190">
        <v>0</v>
      </c>
      <c r="D16" s="191">
        <v>0</v>
      </c>
      <c r="E16" s="192">
        <v>0</v>
      </c>
      <c r="F16" s="193">
        <v>0</v>
      </c>
      <c r="G16" s="191">
        <v>28</v>
      </c>
      <c r="H16" s="191">
        <v>27</v>
      </c>
      <c r="I16" s="191">
        <v>14</v>
      </c>
      <c r="J16" s="191">
        <v>7</v>
      </c>
      <c r="K16" s="191">
        <v>13</v>
      </c>
      <c r="L16" s="194">
        <v>89</v>
      </c>
      <c r="M16" s="195">
        <v>89</v>
      </c>
      <c r="N16" s="190">
        <v>0</v>
      </c>
      <c r="O16" s="191">
        <v>0</v>
      </c>
      <c r="P16" s="196">
        <v>0</v>
      </c>
      <c r="Q16" s="193">
        <v>0</v>
      </c>
      <c r="R16" s="191">
        <v>0</v>
      </c>
      <c r="S16" s="191">
        <v>1</v>
      </c>
      <c r="T16" s="191">
        <v>0</v>
      </c>
      <c r="U16" s="191">
        <v>1</v>
      </c>
      <c r="V16" s="191">
        <v>3</v>
      </c>
      <c r="W16" s="196">
        <v>5</v>
      </c>
      <c r="X16" s="195">
        <v>5</v>
      </c>
      <c r="Y16" s="190">
        <v>1</v>
      </c>
      <c r="Z16" s="191">
        <v>3</v>
      </c>
      <c r="AA16" s="196">
        <v>4</v>
      </c>
      <c r="AB16" s="193">
        <v>0</v>
      </c>
      <c r="AC16" s="191">
        <v>25</v>
      </c>
      <c r="AD16" s="191">
        <v>19</v>
      </c>
      <c r="AE16" s="191">
        <v>13</v>
      </c>
      <c r="AF16" s="191">
        <v>5</v>
      </c>
      <c r="AG16" s="191">
        <v>6</v>
      </c>
      <c r="AH16" s="196">
        <v>68</v>
      </c>
      <c r="AI16" s="195">
        <v>72</v>
      </c>
      <c r="AJ16" s="190">
        <v>0</v>
      </c>
      <c r="AK16" s="191">
        <v>0</v>
      </c>
      <c r="AL16" s="196">
        <v>0</v>
      </c>
      <c r="AM16" s="193">
        <v>0</v>
      </c>
      <c r="AN16" s="191">
        <v>1</v>
      </c>
      <c r="AO16" s="191">
        <v>2</v>
      </c>
      <c r="AP16" s="191">
        <v>1</v>
      </c>
      <c r="AQ16" s="191">
        <v>1</v>
      </c>
      <c r="AR16" s="191">
        <v>3</v>
      </c>
      <c r="AS16" s="196">
        <v>8</v>
      </c>
      <c r="AT16" s="195">
        <v>8</v>
      </c>
      <c r="AU16" s="190">
        <v>7</v>
      </c>
      <c r="AV16" s="191">
        <v>7</v>
      </c>
      <c r="AW16" s="196">
        <v>14</v>
      </c>
      <c r="AX16" s="193">
        <v>0</v>
      </c>
      <c r="AY16" s="191">
        <v>25</v>
      </c>
      <c r="AZ16" s="191">
        <v>35</v>
      </c>
      <c r="BA16" s="191">
        <v>16</v>
      </c>
      <c r="BB16" s="191">
        <v>16</v>
      </c>
      <c r="BC16" s="191">
        <v>19</v>
      </c>
      <c r="BD16" s="194">
        <v>111</v>
      </c>
      <c r="BE16" s="195">
        <v>125</v>
      </c>
      <c r="BF16" s="190">
        <v>0</v>
      </c>
      <c r="BG16" s="191">
        <v>0</v>
      </c>
      <c r="BH16" s="196">
        <v>0</v>
      </c>
      <c r="BI16" s="193">
        <v>0</v>
      </c>
      <c r="BJ16" s="191">
        <v>24</v>
      </c>
      <c r="BK16" s="191">
        <v>13</v>
      </c>
      <c r="BL16" s="191">
        <v>8</v>
      </c>
      <c r="BM16" s="191">
        <v>3</v>
      </c>
      <c r="BN16" s="191">
        <v>1</v>
      </c>
      <c r="BO16" s="196">
        <v>49</v>
      </c>
      <c r="BP16" s="195">
        <v>49</v>
      </c>
      <c r="BQ16" s="190">
        <v>1</v>
      </c>
      <c r="BR16" s="191">
        <v>0</v>
      </c>
      <c r="BS16" s="196">
        <v>1</v>
      </c>
      <c r="BT16" s="193">
        <v>0</v>
      </c>
      <c r="BU16" s="191">
        <v>2</v>
      </c>
      <c r="BV16" s="191">
        <v>5</v>
      </c>
      <c r="BW16" s="191">
        <v>2</v>
      </c>
      <c r="BX16" s="191">
        <v>4</v>
      </c>
      <c r="BY16" s="191">
        <v>1</v>
      </c>
      <c r="BZ16" s="196">
        <v>14</v>
      </c>
      <c r="CA16" s="195">
        <v>15</v>
      </c>
      <c r="CB16" s="190">
        <v>0</v>
      </c>
      <c r="CC16" s="191">
        <v>0</v>
      </c>
      <c r="CD16" s="196">
        <v>0</v>
      </c>
      <c r="CE16" s="193">
        <v>0</v>
      </c>
      <c r="CF16" s="191">
        <v>0</v>
      </c>
      <c r="CG16" s="191">
        <v>5</v>
      </c>
      <c r="CH16" s="191">
        <v>0</v>
      </c>
      <c r="CI16" s="191">
        <v>3</v>
      </c>
      <c r="CJ16" s="191">
        <v>0</v>
      </c>
      <c r="CK16" s="196">
        <v>8</v>
      </c>
      <c r="CL16" s="195">
        <v>8</v>
      </c>
      <c r="CM16" s="190">
        <v>0</v>
      </c>
      <c r="CN16" s="191">
        <v>0</v>
      </c>
      <c r="CO16" s="196">
        <v>0</v>
      </c>
      <c r="CP16" s="193">
        <v>0</v>
      </c>
      <c r="CQ16" s="191">
        <v>0</v>
      </c>
      <c r="CR16" s="191">
        <v>0</v>
      </c>
      <c r="CS16" s="191">
        <v>1</v>
      </c>
      <c r="CT16" s="191">
        <v>0</v>
      </c>
      <c r="CU16" s="191">
        <v>0</v>
      </c>
      <c r="CV16" s="196">
        <v>1</v>
      </c>
      <c r="CW16" s="195">
        <v>1</v>
      </c>
      <c r="CX16" s="190">
        <v>0</v>
      </c>
      <c r="CY16" s="191">
        <v>0</v>
      </c>
      <c r="CZ16" s="196">
        <v>0</v>
      </c>
      <c r="DA16" s="193">
        <v>0</v>
      </c>
      <c r="DB16" s="191">
        <v>0</v>
      </c>
      <c r="DC16" s="191">
        <v>0</v>
      </c>
      <c r="DD16" s="191">
        <v>0</v>
      </c>
      <c r="DE16" s="191">
        <v>0</v>
      </c>
      <c r="DF16" s="191">
        <v>0</v>
      </c>
      <c r="DG16" s="196">
        <v>0</v>
      </c>
      <c r="DH16" s="195">
        <v>0</v>
      </c>
      <c r="DI16" s="190">
        <v>0</v>
      </c>
      <c r="DJ16" s="191">
        <v>0</v>
      </c>
      <c r="DK16" s="196">
        <v>0</v>
      </c>
      <c r="DL16" s="193">
        <v>0</v>
      </c>
      <c r="DM16" s="191">
        <v>0</v>
      </c>
      <c r="DN16" s="191">
        <v>0</v>
      </c>
      <c r="DO16" s="191">
        <v>0</v>
      </c>
      <c r="DP16" s="191">
        <v>0</v>
      </c>
      <c r="DQ16" s="191">
        <v>0</v>
      </c>
      <c r="DR16" s="196">
        <v>0</v>
      </c>
      <c r="DS16" s="195">
        <v>0</v>
      </c>
      <c r="DT16" s="190">
        <v>6</v>
      </c>
      <c r="DU16" s="191">
        <v>15</v>
      </c>
      <c r="DV16" s="196">
        <v>21</v>
      </c>
      <c r="DW16" s="193">
        <v>0</v>
      </c>
      <c r="DX16" s="191">
        <v>25</v>
      </c>
      <c r="DY16" s="191">
        <v>44</v>
      </c>
      <c r="DZ16" s="191">
        <v>17</v>
      </c>
      <c r="EA16" s="191">
        <v>9</v>
      </c>
      <c r="EB16" s="191">
        <v>15</v>
      </c>
      <c r="EC16" s="196">
        <v>110</v>
      </c>
      <c r="ED16" s="195">
        <v>131</v>
      </c>
      <c r="EE16" s="190">
        <v>3</v>
      </c>
      <c r="EF16" s="191">
        <v>5</v>
      </c>
      <c r="EG16" s="196">
        <v>8</v>
      </c>
      <c r="EH16" s="193">
        <v>0</v>
      </c>
      <c r="EI16" s="191">
        <v>12</v>
      </c>
      <c r="EJ16" s="191">
        <v>7</v>
      </c>
      <c r="EK16" s="191">
        <v>8</v>
      </c>
      <c r="EL16" s="191">
        <v>10</v>
      </c>
      <c r="EM16" s="191">
        <v>5</v>
      </c>
      <c r="EN16" s="196">
        <v>42</v>
      </c>
      <c r="EO16" s="195">
        <v>50</v>
      </c>
      <c r="EP16" s="190">
        <v>7</v>
      </c>
      <c r="EQ16" s="191">
        <v>16</v>
      </c>
      <c r="ER16" s="196">
        <v>23</v>
      </c>
      <c r="ES16" s="193">
        <v>0</v>
      </c>
      <c r="ET16" s="191">
        <v>70</v>
      </c>
      <c r="EU16" s="191">
        <v>58</v>
      </c>
      <c r="EV16" s="191">
        <v>25</v>
      </c>
      <c r="EW16" s="191">
        <v>14</v>
      </c>
      <c r="EX16" s="191">
        <v>16</v>
      </c>
      <c r="EY16" s="196">
        <v>183</v>
      </c>
      <c r="EZ16" s="195">
        <v>206</v>
      </c>
    </row>
    <row r="17" spans="2:156" ht="21" customHeight="1" x14ac:dyDescent="0.2">
      <c r="B17" s="106" t="s">
        <v>15</v>
      </c>
      <c r="C17" s="190">
        <v>0</v>
      </c>
      <c r="D17" s="191">
        <v>0</v>
      </c>
      <c r="E17" s="192">
        <v>0</v>
      </c>
      <c r="F17" s="193">
        <v>0</v>
      </c>
      <c r="G17" s="191">
        <v>8</v>
      </c>
      <c r="H17" s="191">
        <v>6</v>
      </c>
      <c r="I17" s="191">
        <v>1</v>
      </c>
      <c r="J17" s="191">
        <v>3</v>
      </c>
      <c r="K17" s="191">
        <v>1</v>
      </c>
      <c r="L17" s="194">
        <v>19</v>
      </c>
      <c r="M17" s="195">
        <v>19</v>
      </c>
      <c r="N17" s="190">
        <v>0</v>
      </c>
      <c r="O17" s="191">
        <v>0</v>
      </c>
      <c r="P17" s="196">
        <v>0</v>
      </c>
      <c r="Q17" s="193">
        <v>0</v>
      </c>
      <c r="R17" s="191">
        <v>1</v>
      </c>
      <c r="S17" s="191">
        <v>0</v>
      </c>
      <c r="T17" s="191">
        <v>1</v>
      </c>
      <c r="U17" s="191">
        <v>1</v>
      </c>
      <c r="V17" s="191">
        <v>2</v>
      </c>
      <c r="W17" s="196">
        <v>5</v>
      </c>
      <c r="X17" s="195">
        <v>5</v>
      </c>
      <c r="Y17" s="190">
        <v>0</v>
      </c>
      <c r="Z17" s="191">
        <v>2</v>
      </c>
      <c r="AA17" s="196">
        <v>2</v>
      </c>
      <c r="AB17" s="193">
        <v>0</v>
      </c>
      <c r="AC17" s="191">
        <v>4</v>
      </c>
      <c r="AD17" s="191">
        <v>4</v>
      </c>
      <c r="AE17" s="191">
        <v>1</v>
      </c>
      <c r="AF17" s="191">
        <v>3</v>
      </c>
      <c r="AG17" s="191">
        <v>3</v>
      </c>
      <c r="AH17" s="196">
        <v>15</v>
      </c>
      <c r="AI17" s="195">
        <v>17</v>
      </c>
      <c r="AJ17" s="190">
        <v>0</v>
      </c>
      <c r="AK17" s="191">
        <v>0</v>
      </c>
      <c r="AL17" s="196">
        <v>0</v>
      </c>
      <c r="AM17" s="193">
        <v>0</v>
      </c>
      <c r="AN17" s="191">
        <v>1</v>
      </c>
      <c r="AO17" s="191">
        <v>1</v>
      </c>
      <c r="AP17" s="191">
        <v>0</v>
      </c>
      <c r="AQ17" s="191">
        <v>0</v>
      </c>
      <c r="AR17" s="191">
        <v>1</v>
      </c>
      <c r="AS17" s="196">
        <v>3</v>
      </c>
      <c r="AT17" s="195">
        <v>3</v>
      </c>
      <c r="AU17" s="190">
        <v>0</v>
      </c>
      <c r="AV17" s="191">
        <v>0</v>
      </c>
      <c r="AW17" s="196">
        <v>0</v>
      </c>
      <c r="AX17" s="193">
        <v>0</v>
      </c>
      <c r="AY17" s="191">
        <v>6</v>
      </c>
      <c r="AZ17" s="191">
        <v>6</v>
      </c>
      <c r="BA17" s="191">
        <v>3</v>
      </c>
      <c r="BB17" s="191">
        <v>6</v>
      </c>
      <c r="BC17" s="191">
        <v>5</v>
      </c>
      <c r="BD17" s="194">
        <v>26</v>
      </c>
      <c r="BE17" s="195">
        <v>26</v>
      </c>
      <c r="BF17" s="190">
        <v>0</v>
      </c>
      <c r="BG17" s="191">
        <v>0</v>
      </c>
      <c r="BH17" s="196">
        <v>0</v>
      </c>
      <c r="BI17" s="193">
        <v>0</v>
      </c>
      <c r="BJ17" s="191">
        <v>3</v>
      </c>
      <c r="BK17" s="191">
        <v>2</v>
      </c>
      <c r="BL17" s="191">
        <v>3</v>
      </c>
      <c r="BM17" s="191">
        <v>1</v>
      </c>
      <c r="BN17" s="191">
        <v>0</v>
      </c>
      <c r="BO17" s="196">
        <v>9</v>
      </c>
      <c r="BP17" s="195">
        <v>9</v>
      </c>
      <c r="BQ17" s="190">
        <v>0</v>
      </c>
      <c r="BR17" s="191">
        <v>0</v>
      </c>
      <c r="BS17" s="196">
        <v>0</v>
      </c>
      <c r="BT17" s="193">
        <v>0</v>
      </c>
      <c r="BU17" s="191">
        <v>0</v>
      </c>
      <c r="BV17" s="191">
        <v>3</v>
      </c>
      <c r="BW17" s="191">
        <v>1</v>
      </c>
      <c r="BX17" s="191">
        <v>1</v>
      </c>
      <c r="BY17" s="191">
        <v>1</v>
      </c>
      <c r="BZ17" s="196">
        <v>6</v>
      </c>
      <c r="CA17" s="195">
        <v>6</v>
      </c>
      <c r="CB17" s="190">
        <v>0</v>
      </c>
      <c r="CC17" s="191">
        <v>0</v>
      </c>
      <c r="CD17" s="196">
        <v>0</v>
      </c>
      <c r="CE17" s="193">
        <v>0</v>
      </c>
      <c r="CF17" s="191">
        <v>0</v>
      </c>
      <c r="CG17" s="191">
        <v>2</v>
      </c>
      <c r="CH17" s="191">
        <v>3</v>
      </c>
      <c r="CI17" s="191">
        <v>5</v>
      </c>
      <c r="CJ17" s="191">
        <v>1</v>
      </c>
      <c r="CK17" s="196">
        <v>11</v>
      </c>
      <c r="CL17" s="195">
        <v>11</v>
      </c>
      <c r="CM17" s="190">
        <v>0</v>
      </c>
      <c r="CN17" s="191">
        <v>0</v>
      </c>
      <c r="CO17" s="196">
        <v>0</v>
      </c>
      <c r="CP17" s="193">
        <v>0</v>
      </c>
      <c r="CQ17" s="191">
        <v>0</v>
      </c>
      <c r="CR17" s="191">
        <v>1</v>
      </c>
      <c r="CS17" s="191">
        <v>0</v>
      </c>
      <c r="CT17" s="191">
        <v>0</v>
      </c>
      <c r="CU17" s="191">
        <v>0</v>
      </c>
      <c r="CV17" s="196">
        <v>1</v>
      </c>
      <c r="CW17" s="195">
        <v>1</v>
      </c>
      <c r="CX17" s="190">
        <v>0</v>
      </c>
      <c r="CY17" s="191">
        <v>0</v>
      </c>
      <c r="CZ17" s="196">
        <v>0</v>
      </c>
      <c r="DA17" s="193">
        <v>0</v>
      </c>
      <c r="DB17" s="191">
        <v>0</v>
      </c>
      <c r="DC17" s="191">
        <v>0</v>
      </c>
      <c r="DD17" s="191">
        <v>0</v>
      </c>
      <c r="DE17" s="191">
        <v>0</v>
      </c>
      <c r="DF17" s="191">
        <v>0</v>
      </c>
      <c r="DG17" s="196">
        <v>0</v>
      </c>
      <c r="DH17" s="195">
        <v>0</v>
      </c>
      <c r="DI17" s="190">
        <v>0</v>
      </c>
      <c r="DJ17" s="191">
        <v>0</v>
      </c>
      <c r="DK17" s="196">
        <v>0</v>
      </c>
      <c r="DL17" s="193">
        <v>0</v>
      </c>
      <c r="DM17" s="191">
        <v>0</v>
      </c>
      <c r="DN17" s="191">
        <v>0</v>
      </c>
      <c r="DO17" s="191">
        <v>0</v>
      </c>
      <c r="DP17" s="191">
        <v>0</v>
      </c>
      <c r="DQ17" s="191">
        <v>0</v>
      </c>
      <c r="DR17" s="196">
        <v>0</v>
      </c>
      <c r="DS17" s="195">
        <v>0</v>
      </c>
      <c r="DT17" s="190">
        <v>2</v>
      </c>
      <c r="DU17" s="191">
        <v>5</v>
      </c>
      <c r="DV17" s="196">
        <v>7</v>
      </c>
      <c r="DW17" s="193">
        <v>0</v>
      </c>
      <c r="DX17" s="191">
        <v>6</v>
      </c>
      <c r="DY17" s="191">
        <v>12</v>
      </c>
      <c r="DZ17" s="191">
        <v>5</v>
      </c>
      <c r="EA17" s="191">
        <v>3</v>
      </c>
      <c r="EB17" s="191">
        <v>6</v>
      </c>
      <c r="EC17" s="196">
        <v>32</v>
      </c>
      <c r="ED17" s="195">
        <v>39</v>
      </c>
      <c r="EE17" s="190">
        <v>1</v>
      </c>
      <c r="EF17" s="191">
        <v>2</v>
      </c>
      <c r="EG17" s="196">
        <v>3</v>
      </c>
      <c r="EH17" s="193">
        <v>0</v>
      </c>
      <c r="EI17" s="191">
        <v>5</v>
      </c>
      <c r="EJ17" s="191">
        <v>2</v>
      </c>
      <c r="EK17" s="191">
        <v>2</v>
      </c>
      <c r="EL17" s="191">
        <v>4</v>
      </c>
      <c r="EM17" s="191">
        <v>4</v>
      </c>
      <c r="EN17" s="196">
        <v>17</v>
      </c>
      <c r="EO17" s="195">
        <v>20</v>
      </c>
      <c r="EP17" s="190">
        <v>2</v>
      </c>
      <c r="EQ17" s="191">
        <v>7</v>
      </c>
      <c r="ER17" s="196">
        <v>9</v>
      </c>
      <c r="ES17" s="193">
        <v>0</v>
      </c>
      <c r="ET17" s="191">
        <v>15</v>
      </c>
      <c r="EU17" s="191">
        <v>17</v>
      </c>
      <c r="EV17" s="191">
        <v>9</v>
      </c>
      <c r="EW17" s="191">
        <v>7</v>
      </c>
      <c r="EX17" s="191">
        <v>6</v>
      </c>
      <c r="EY17" s="196">
        <v>54</v>
      </c>
      <c r="EZ17" s="195">
        <v>63</v>
      </c>
    </row>
    <row r="18" spans="2:156" ht="21" customHeight="1" x14ac:dyDescent="0.2">
      <c r="B18" s="106" t="s">
        <v>16</v>
      </c>
      <c r="C18" s="190">
        <v>0</v>
      </c>
      <c r="D18" s="191">
        <v>0</v>
      </c>
      <c r="E18" s="192">
        <v>0</v>
      </c>
      <c r="F18" s="193">
        <v>0</v>
      </c>
      <c r="G18" s="191">
        <v>4</v>
      </c>
      <c r="H18" s="191">
        <v>23</v>
      </c>
      <c r="I18" s="191">
        <v>5</v>
      </c>
      <c r="J18" s="191">
        <v>5</v>
      </c>
      <c r="K18" s="191">
        <v>1</v>
      </c>
      <c r="L18" s="194">
        <v>38</v>
      </c>
      <c r="M18" s="195">
        <v>38</v>
      </c>
      <c r="N18" s="190">
        <v>0</v>
      </c>
      <c r="O18" s="191">
        <v>0</v>
      </c>
      <c r="P18" s="196">
        <v>0</v>
      </c>
      <c r="Q18" s="193">
        <v>0</v>
      </c>
      <c r="R18" s="191">
        <v>0</v>
      </c>
      <c r="S18" s="191">
        <v>0</v>
      </c>
      <c r="T18" s="191">
        <v>0</v>
      </c>
      <c r="U18" s="191">
        <v>1</v>
      </c>
      <c r="V18" s="191">
        <v>2</v>
      </c>
      <c r="W18" s="196">
        <v>3</v>
      </c>
      <c r="X18" s="195">
        <v>3</v>
      </c>
      <c r="Y18" s="190">
        <v>3</v>
      </c>
      <c r="Z18" s="191">
        <v>4</v>
      </c>
      <c r="AA18" s="196">
        <v>7</v>
      </c>
      <c r="AB18" s="193">
        <v>0</v>
      </c>
      <c r="AC18" s="191">
        <v>5</v>
      </c>
      <c r="AD18" s="191">
        <v>15</v>
      </c>
      <c r="AE18" s="191">
        <v>8</v>
      </c>
      <c r="AF18" s="191">
        <v>10</v>
      </c>
      <c r="AG18" s="191">
        <v>3</v>
      </c>
      <c r="AH18" s="196">
        <v>41</v>
      </c>
      <c r="AI18" s="195">
        <v>48</v>
      </c>
      <c r="AJ18" s="190">
        <v>1</v>
      </c>
      <c r="AK18" s="191">
        <v>0</v>
      </c>
      <c r="AL18" s="196">
        <v>1</v>
      </c>
      <c r="AM18" s="193">
        <v>0</v>
      </c>
      <c r="AN18" s="191">
        <v>0</v>
      </c>
      <c r="AO18" s="191">
        <v>1</v>
      </c>
      <c r="AP18" s="191">
        <v>0</v>
      </c>
      <c r="AQ18" s="191">
        <v>0</v>
      </c>
      <c r="AR18" s="191">
        <v>1</v>
      </c>
      <c r="AS18" s="196">
        <v>2</v>
      </c>
      <c r="AT18" s="195">
        <v>3</v>
      </c>
      <c r="AU18" s="190">
        <v>4</v>
      </c>
      <c r="AV18" s="191">
        <v>0</v>
      </c>
      <c r="AW18" s="196">
        <v>4</v>
      </c>
      <c r="AX18" s="193">
        <v>0</v>
      </c>
      <c r="AY18" s="191">
        <v>11</v>
      </c>
      <c r="AZ18" s="191">
        <v>17</v>
      </c>
      <c r="BA18" s="191">
        <v>15</v>
      </c>
      <c r="BB18" s="191">
        <v>11</v>
      </c>
      <c r="BC18" s="191">
        <v>8</v>
      </c>
      <c r="BD18" s="194">
        <v>62</v>
      </c>
      <c r="BE18" s="195">
        <v>66</v>
      </c>
      <c r="BF18" s="190">
        <v>0</v>
      </c>
      <c r="BG18" s="191">
        <v>0</v>
      </c>
      <c r="BH18" s="196">
        <v>0</v>
      </c>
      <c r="BI18" s="193">
        <v>0</v>
      </c>
      <c r="BJ18" s="191">
        <v>24</v>
      </c>
      <c r="BK18" s="191">
        <v>24</v>
      </c>
      <c r="BL18" s="191">
        <v>6</v>
      </c>
      <c r="BM18" s="191">
        <v>6</v>
      </c>
      <c r="BN18" s="191">
        <v>1</v>
      </c>
      <c r="BO18" s="196">
        <v>61</v>
      </c>
      <c r="BP18" s="195">
        <v>61</v>
      </c>
      <c r="BQ18" s="190">
        <v>3</v>
      </c>
      <c r="BR18" s="191">
        <v>6</v>
      </c>
      <c r="BS18" s="196">
        <v>9</v>
      </c>
      <c r="BT18" s="193">
        <v>0</v>
      </c>
      <c r="BU18" s="191">
        <v>7</v>
      </c>
      <c r="BV18" s="191">
        <v>14</v>
      </c>
      <c r="BW18" s="191">
        <v>6</v>
      </c>
      <c r="BX18" s="191">
        <v>3</v>
      </c>
      <c r="BY18" s="191">
        <v>1</v>
      </c>
      <c r="BZ18" s="196">
        <v>31</v>
      </c>
      <c r="CA18" s="195">
        <v>40</v>
      </c>
      <c r="CB18" s="190">
        <v>0</v>
      </c>
      <c r="CC18" s="191">
        <v>1</v>
      </c>
      <c r="CD18" s="196">
        <v>1</v>
      </c>
      <c r="CE18" s="193">
        <v>0</v>
      </c>
      <c r="CF18" s="191">
        <v>1</v>
      </c>
      <c r="CG18" s="191">
        <v>6</v>
      </c>
      <c r="CH18" s="191">
        <v>0</v>
      </c>
      <c r="CI18" s="191">
        <v>2</v>
      </c>
      <c r="CJ18" s="191">
        <v>0</v>
      </c>
      <c r="CK18" s="196">
        <v>9</v>
      </c>
      <c r="CL18" s="195">
        <v>10</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c r="DI18" s="190">
        <v>0</v>
      </c>
      <c r="DJ18" s="191">
        <v>0</v>
      </c>
      <c r="DK18" s="196">
        <v>0</v>
      </c>
      <c r="DL18" s="193">
        <v>0</v>
      </c>
      <c r="DM18" s="191">
        <v>0</v>
      </c>
      <c r="DN18" s="191">
        <v>0</v>
      </c>
      <c r="DO18" s="191">
        <v>0</v>
      </c>
      <c r="DP18" s="191">
        <v>0</v>
      </c>
      <c r="DQ18" s="191">
        <v>0</v>
      </c>
      <c r="DR18" s="196">
        <v>0</v>
      </c>
      <c r="DS18" s="195">
        <v>0</v>
      </c>
      <c r="DT18" s="190">
        <v>10</v>
      </c>
      <c r="DU18" s="191">
        <v>18</v>
      </c>
      <c r="DV18" s="196">
        <v>28</v>
      </c>
      <c r="DW18" s="193">
        <v>0</v>
      </c>
      <c r="DX18" s="191">
        <v>13</v>
      </c>
      <c r="DY18" s="191">
        <v>46</v>
      </c>
      <c r="DZ18" s="191">
        <v>20</v>
      </c>
      <c r="EA18" s="191">
        <v>13</v>
      </c>
      <c r="EB18" s="191">
        <v>6</v>
      </c>
      <c r="EC18" s="196">
        <v>98</v>
      </c>
      <c r="ED18" s="195">
        <v>126</v>
      </c>
      <c r="EE18" s="190">
        <v>4</v>
      </c>
      <c r="EF18" s="191">
        <v>0</v>
      </c>
      <c r="EG18" s="196">
        <v>4</v>
      </c>
      <c r="EH18" s="193">
        <v>0</v>
      </c>
      <c r="EI18" s="191">
        <v>7</v>
      </c>
      <c r="EJ18" s="191">
        <v>4</v>
      </c>
      <c r="EK18" s="191">
        <v>10</v>
      </c>
      <c r="EL18" s="191">
        <v>9</v>
      </c>
      <c r="EM18" s="191">
        <v>5</v>
      </c>
      <c r="EN18" s="196">
        <v>35</v>
      </c>
      <c r="EO18" s="195">
        <v>39</v>
      </c>
      <c r="EP18" s="190">
        <v>15</v>
      </c>
      <c r="EQ18" s="191">
        <v>26</v>
      </c>
      <c r="ER18" s="196">
        <v>41</v>
      </c>
      <c r="ES18" s="193">
        <v>0</v>
      </c>
      <c r="ET18" s="191">
        <v>41</v>
      </c>
      <c r="EU18" s="191">
        <v>71</v>
      </c>
      <c r="EV18" s="191">
        <v>25</v>
      </c>
      <c r="EW18" s="191">
        <v>15</v>
      </c>
      <c r="EX18" s="191">
        <v>5</v>
      </c>
      <c r="EY18" s="196">
        <v>157</v>
      </c>
      <c r="EZ18" s="195">
        <v>198</v>
      </c>
    </row>
    <row r="19" spans="2:156" ht="21" customHeight="1" x14ac:dyDescent="0.2">
      <c r="B19" s="106" t="s">
        <v>17</v>
      </c>
      <c r="C19" s="190">
        <v>0</v>
      </c>
      <c r="D19" s="191">
        <v>0</v>
      </c>
      <c r="E19" s="192">
        <v>0</v>
      </c>
      <c r="F19" s="193">
        <v>0</v>
      </c>
      <c r="G19" s="191">
        <v>10</v>
      </c>
      <c r="H19" s="191">
        <v>24</v>
      </c>
      <c r="I19" s="191">
        <v>16</v>
      </c>
      <c r="J19" s="191">
        <v>10</v>
      </c>
      <c r="K19" s="191">
        <v>6</v>
      </c>
      <c r="L19" s="194">
        <v>66</v>
      </c>
      <c r="M19" s="195">
        <v>66</v>
      </c>
      <c r="N19" s="190">
        <v>0</v>
      </c>
      <c r="O19" s="191">
        <v>0</v>
      </c>
      <c r="P19" s="196">
        <v>0</v>
      </c>
      <c r="Q19" s="193">
        <v>0</v>
      </c>
      <c r="R19" s="191">
        <v>0</v>
      </c>
      <c r="S19" s="191">
        <v>0</v>
      </c>
      <c r="T19" s="191">
        <v>2</v>
      </c>
      <c r="U19" s="191">
        <v>5</v>
      </c>
      <c r="V19" s="191">
        <v>1</v>
      </c>
      <c r="W19" s="196">
        <v>8</v>
      </c>
      <c r="X19" s="195">
        <v>8</v>
      </c>
      <c r="Y19" s="190">
        <v>5</v>
      </c>
      <c r="Z19" s="191">
        <v>5</v>
      </c>
      <c r="AA19" s="196">
        <v>10</v>
      </c>
      <c r="AB19" s="193">
        <v>0</v>
      </c>
      <c r="AC19" s="191">
        <v>10</v>
      </c>
      <c r="AD19" s="191">
        <v>29</v>
      </c>
      <c r="AE19" s="191">
        <v>18</v>
      </c>
      <c r="AF19" s="191">
        <v>14</v>
      </c>
      <c r="AG19" s="191">
        <v>3</v>
      </c>
      <c r="AH19" s="196">
        <v>74</v>
      </c>
      <c r="AI19" s="195">
        <v>84</v>
      </c>
      <c r="AJ19" s="190">
        <v>2</v>
      </c>
      <c r="AK19" s="191">
        <v>0</v>
      </c>
      <c r="AL19" s="196">
        <v>2</v>
      </c>
      <c r="AM19" s="193">
        <v>0</v>
      </c>
      <c r="AN19" s="191">
        <v>1</v>
      </c>
      <c r="AO19" s="191">
        <v>4</v>
      </c>
      <c r="AP19" s="191">
        <v>3</v>
      </c>
      <c r="AQ19" s="191">
        <v>2</v>
      </c>
      <c r="AR19" s="191">
        <v>0</v>
      </c>
      <c r="AS19" s="196">
        <v>10</v>
      </c>
      <c r="AT19" s="195">
        <v>12</v>
      </c>
      <c r="AU19" s="190">
        <v>5</v>
      </c>
      <c r="AV19" s="191">
        <v>6</v>
      </c>
      <c r="AW19" s="196">
        <v>11</v>
      </c>
      <c r="AX19" s="193">
        <v>0</v>
      </c>
      <c r="AY19" s="191">
        <v>21</v>
      </c>
      <c r="AZ19" s="191">
        <v>30</v>
      </c>
      <c r="BA19" s="191">
        <v>30</v>
      </c>
      <c r="BB19" s="191">
        <v>22</v>
      </c>
      <c r="BC19" s="191">
        <v>12</v>
      </c>
      <c r="BD19" s="194">
        <v>115</v>
      </c>
      <c r="BE19" s="195">
        <v>126</v>
      </c>
      <c r="BF19" s="190">
        <v>0</v>
      </c>
      <c r="BG19" s="191">
        <v>0</v>
      </c>
      <c r="BH19" s="196">
        <v>0</v>
      </c>
      <c r="BI19" s="193">
        <v>0</v>
      </c>
      <c r="BJ19" s="191">
        <v>13</v>
      </c>
      <c r="BK19" s="191">
        <v>25</v>
      </c>
      <c r="BL19" s="191">
        <v>15</v>
      </c>
      <c r="BM19" s="191">
        <v>12</v>
      </c>
      <c r="BN19" s="191">
        <v>3</v>
      </c>
      <c r="BO19" s="196">
        <v>68</v>
      </c>
      <c r="BP19" s="195">
        <v>68</v>
      </c>
      <c r="BQ19" s="190">
        <v>4</v>
      </c>
      <c r="BR19" s="191">
        <v>5</v>
      </c>
      <c r="BS19" s="196">
        <v>9</v>
      </c>
      <c r="BT19" s="193">
        <v>0</v>
      </c>
      <c r="BU19" s="191">
        <v>6</v>
      </c>
      <c r="BV19" s="191">
        <v>13</v>
      </c>
      <c r="BW19" s="191">
        <v>6</v>
      </c>
      <c r="BX19" s="191">
        <v>4</v>
      </c>
      <c r="BY19" s="191">
        <v>2</v>
      </c>
      <c r="BZ19" s="196">
        <v>31</v>
      </c>
      <c r="CA19" s="195">
        <v>40</v>
      </c>
      <c r="CB19" s="190">
        <v>0</v>
      </c>
      <c r="CC19" s="191">
        <v>0</v>
      </c>
      <c r="CD19" s="196">
        <v>0</v>
      </c>
      <c r="CE19" s="193">
        <v>0</v>
      </c>
      <c r="CF19" s="191">
        <v>1</v>
      </c>
      <c r="CG19" s="191">
        <v>9</v>
      </c>
      <c r="CH19" s="191">
        <v>10</v>
      </c>
      <c r="CI19" s="191">
        <v>4</v>
      </c>
      <c r="CJ19" s="191">
        <v>1</v>
      </c>
      <c r="CK19" s="196">
        <v>25</v>
      </c>
      <c r="CL19" s="195">
        <v>25</v>
      </c>
      <c r="CM19" s="190">
        <v>0</v>
      </c>
      <c r="CN19" s="191">
        <v>0</v>
      </c>
      <c r="CO19" s="196">
        <v>0</v>
      </c>
      <c r="CP19" s="193">
        <v>0</v>
      </c>
      <c r="CQ19" s="191">
        <v>0</v>
      </c>
      <c r="CR19" s="191">
        <v>2</v>
      </c>
      <c r="CS19" s="191">
        <v>0</v>
      </c>
      <c r="CT19" s="191">
        <v>0</v>
      </c>
      <c r="CU19" s="191">
        <v>0</v>
      </c>
      <c r="CV19" s="196">
        <v>2</v>
      </c>
      <c r="CW19" s="195">
        <v>2</v>
      </c>
      <c r="CX19" s="190">
        <v>0</v>
      </c>
      <c r="CY19" s="191">
        <v>0</v>
      </c>
      <c r="CZ19" s="196">
        <v>0</v>
      </c>
      <c r="DA19" s="193">
        <v>0</v>
      </c>
      <c r="DB19" s="191">
        <v>0</v>
      </c>
      <c r="DC19" s="191">
        <v>0</v>
      </c>
      <c r="DD19" s="191">
        <v>0</v>
      </c>
      <c r="DE19" s="191">
        <v>0</v>
      </c>
      <c r="DF19" s="191">
        <v>0</v>
      </c>
      <c r="DG19" s="196">
        <v>0</v>
      </c>
      <c r="DH19" s="195">
        <v>0</v>
      </c>
      <c r="DI19" s="190">
        <v>0</v>
      </c>
      <c r="DJ19" s="191">
        <v>0</v>
      </c>
      <c r="DK19" s="196">
        <v>0</v>
      </c>
      <c r="DL19" s="193">
        <v>0</v>
      </c>
      <c r="DM19" s="191">
        <v>0</v>
      </c>
      <c r="DN19" s="191">
        <v>0</v>
      </c>
      <c r="DO19" s="191">
        <v>0</v>
      </c>
      <c r="DP19" s="191">
        <v>0</v>
      </c>
      <c r="DQ19" s="191">
        <v>0</v>
      </c>
      <c r="DR19" s="196">
        <v>0</v>
      </c>
      <c r="DS19" s="195">
        <v>0</v>
      </c>
      <c r="DT19" s="190">
        <v>12</v>
      </c>
      <c r="DU19" s="191">
        <v>27</v>
      </c>
      <c r="DV19" s="196">
        <v>39</v>
      </c>
      <c r="DW19" s="193">
        <v>0</v>
      </c>
      <c r="DX19" s="191">
        <v>25</v>
      </c>
      <c r="DY19" s="191">
        <v>67</v>
      </c>
      <c r="DZ19" s="191">
        <v>48</v>
      </c>
      <c r="EA19" s="191">
        <v>32</v>
      </c>
      <c r="EB19" s="191">
        <v>11</v>
      </c>
      <c r="EC19" s="196">
        <v>183</v>
      </c>
      <c r="ED19" s="195">
        <v>222</v>
      </c>
      <c r="EE19" s="190">
        <v>2</v>
      </c>
      <c r="EF19" s="191">
        <v>6</v>
      </c>
      <c r="EG19" s="196">
        <v>8</v>
      </c>
      <c r="EH19" s="193">
        <v>0</v>
      </c>
      <c r="EI19" s="191">
        <v>14</v>
      </c>
      <c r="EJ19" s="191">
        <v>10</v>
      </c>
      <c r="EK19" s="191">
        <v>9</v>
      </c>
      <c r="EL19" s="191">
        <v>11</v>
      </c>
      <c r="EM19" s="191">
        <v>5</v>
      </c>
      <c r="EN19" s="196">
        <v>49</v>
      </c>
      <c r="EO19" s="195">
        <v>57</v>
      </c>
      <c r="EP19" s="190">
        <v>22</v>
      </c>
      <c r="EQ19" s="191">
        <v>33</v>
      </c>
      <c r="ER19" s="196">
        <v>55</v>
      </c>
      <c r="ES19" s="193">
        <v>0</v>
      </c>
      <c r="ET19" s="191">
        <v>56</v>
      </c>
      <c r="EU19" s="191">
        <v>95</v>
      </c>
      <c r="EV19" s="191">
        <v>61</v>
      </c>
      <c r="EW19" s="191">
        <v>33</v>
      </c>
      <c r="EX19" s="191">
        <v>12</v>
      </c>
      <c r="EY19" s="196">
        <v>257</v>
      </c>
      <c r="EZ19" s="195">
        <v>312</v>
      </c>
    </row>
    <row r="20" spans="2:156" ht="21" customHeight="1" x14ac:dyDescent="0.2">
      <c r="B20" s="106" t="s">
        <v>18</v>
      </c>
      <c r="C20" s="190">
        <v>0</v>
      </c>
      <c r="D20" s="191">
        <v>0</v>
      </c>
      <c r="E20" s="192">
        <v>0</v>
      </c>
      <c r="F20" s="193">
        <v>0</v>
      </c>
      <c r="G20" s="191">
        <v>32</v>
      </c>
      <c r="H20" s="191">
        <v>26</v>
      </c>
      <c r="I20" s="191">
        <v>28</v>
      </c>
      <c r="J20" s="191">
        <v>14</v>
      </c>
      <c r="K20" s="191">
        <v>9</v>
      </c>
      <c r="L20" s="194">
        <v>109</v>
      </c>
      <c r="M20" s="195">
        <v>109</v>
      </c>
      <c r="N20" s="190">
        <v>0</v>
      </c>
      <c r="O20" s="191">
        <v>0</v>
      </c>
      <c r="P20" s="196">
        <v>0</v>
      </c>
      <c r="Q20" s="193">
        <v>0</v>
      </c>
      <c r="R20" s="191">
        <v>0</v>
      </c>
      <c r="S20" s="191">
        <v>0</v>
      </c>
      <c r="T20" s="191">
        <v>2</v>
      </c>
      <c r="U20" s="191">
        <v>3</v>
      </c>
      <c r="V20" s="191">
        <v>2</v>
      </c>
      <c r="W20" s="196">
        <v>7</v>
      </c>
      <c r="X20" s="195">
        <v>7</v>
      </c>
      <c r="Y20" s="190">
        <v>7</v>
      </c>
      <c r="Z20" s="191">
        <v>3</v>
      </c>
      <c r="AA20" s="196">
        <v>10</v>
      </c>
      <c r="AB20" s="193">
        <v>0</v>
      </c>
      <c r="AC20" s="191">
        <v>27</v>
      </c>
      <c r="AD20" s="191">
        <v>27</v>
      </c>
      <c r="AE20" s="191">
        <v>24</v>
      </c>
      <c r="AF20" s="191">
        <v>19</v>
      </c>
      <c r="AG20" s="191">
        <v>6</v>
      </c>
      <c r="AH20" s="196">
        <v>103</v>
      </c>
      <c r="AI20" s="195">
        <v>113</v>
      </c>
      <c r="AJ20" s="190">
        <v>2</v>
      </c>
      <c r="AK20" s="191">
        <v>1</v>
      </c>
      <c r="AL20" s="196">
        <v>3</v>
      </c>
      <c r="AM20" s="193">
        <v>0</v>
      </c>
      <c r="AN20" s="191">
        <v>1</v>
      </c>
      <c r="AO20" s="191">
        <v>3</v>
      </c>
      <c r="AP20" s="191">
        <v>3</v>
      </c>
      <c r="AQ20" s="191">
        <v>1</v>
      </c>
      <c r="AR20" s="191">
        <v>1</v>
      </c>
      <c r="AS20" s="196">
        <v>9</v>
      </c>
      <c r="AT20" s="195">
        <v>12</v>
      </c>
      <c r="AU20" s="190">
        <v>4</v>
      </c>
      <c r="AV20" s="191">
        <v>5</v>
      </c>
      <c r="AW20" s="196">
        <v>9</v>
      </c>
      <c r="AX20" s="193">
        <v>0</v>
      </c>
      <c r="AY20" s="191">
        <v>33</v>
      </c>
      <c r="AZ20" s="191">
        <v>36</v>
      </c>
      <c r="BA20" s="191">
        <v>43</v>
      </c>
      <c r="BB20" s="191">
        <v>39</v>
      </c>
      <c r="BC20" s="191">
        <v>29</v>
      </c>
      <c r="BD20" s="194">
        <v>180</v>
      </c>
      <c r="BE20" s="195">
        <v>189</v>
      </c>
      <c r="BF20" s="190">
        <v>0</v>
      </c>
      <c r="BG20" s="191">
        <v>0</v>
      </c>
      <c r="BH20" s="196">
        <v>0</v>
      </c>
      <c r="BI20" s="193">
        <v>0</v>
      </c>
      <c r="BJ20" s="191">
        <v>36</v>
      </c>
      <c r="BK20" s="191">
        <v>45</v>
      </c>
      <c r="BL20" s="191">
        <v>26</v>
      </c>
      <c r="BM20" s="191">
        <v>10</v>
      </c>
      <c r="BN20" s="191">
        <v>8</v>
      </c>
      <c r="BO20" s="196">
        <v>125</v>
      </c>
      <c r="BP20" s="195">
        <v>125</v>
      </c>
      <c r="BQ20" s="190">
        <v>5</v>
      </c>
      <c r="BR20" s="191">
        <v>8</v>
      </c>
      <c r="BS20" s="196">
        <v>13</v>
      </c>
      <c r="BT20" s="193">
        <v>0</v>
      </c>
      <c r="BU20" s="191">
        <v>11</v>
      </c>
      <c r="BV20" s="191">
        <v>14</v>
      </c>
      <c r="BW20" s="191">
        <v>9</v>
      </c>
      <c r="BX20" s="191">
        <v>5</v>
      </c>
      <c r="BY20" s="191">
        <v>3</v>
      </c>
      <c r="BZ20" s="196">
        <v>42</v>
      </c>
      <c r="CA20" s="195">
        <v>55</v>
      </c>
      <c r="CB20" s="190">
        <v>0</v>
      </c>
      <c r="CC20" s="191">
        <v>0</v>
      </c>
      <c r="CD20" s="196">
        <v>0</v>
      </c>
      <c r="CE20" s="193">
        <v>0</v>
      </c>
      <c r="CF20" s="191">
        <v>6</v>
      </c>
      <c r="CG20" s="191">
        <v>10</v>
      </c>
      <c r="CH20" s="191">
        <v>12</v>
      </c>
      <c r="CI20" s="191">
        <v>6</v>
      </c>
      <c r="CJ20" s="191">
        <v>8</v>
      </c>
      <c r="CK20" s="196">
        <v>42</v>
      </c>
      <c r="CL20" s="195">
        <v>42</v>
      </c>
      <c r="CM20" s="190">
        <v>0</v>
      </c>
      <c r="CN20" s="191">
        <v>0</v>
      </c>
      <c r="CO20" s="196">
        <v>0</v>
      </c>
      <c r="CP20" s="193">
        <v>0</v>
      </c>
      <c r="CQ20" s="191">
        <v>0</v>
      </c>
      <c r="CR20" s="191">
        <v>2</v>
      </c>
      <c r="CS20" s="191">
        <v>2</v>
      </c>
      <c r="CT20" s="191">
        <v>0</v>
      </c>
      <c r="CU20" s="191">
        <v>0</v>
      </c>
      <c r="CV20" s="196">
        <v>4</v>
      </c>
      <c r="CW20" s="195">
        <v>4</v>
      </c>
      <c r="CX20" s="190">
        <v>0</v>
      </c>
      <c r="CY20" s="191">
        <v>0</v>
      </c>
      <c r="CZ20" s="196">
        <v>0</v>
      </c>
      <c r="DA20" s="193">
        <v>0</v>
      </c>
      <c r="DB20" s="191">
        <v>0</v>
      </c>
      <c r="DC20" s="191">
        <v>0</v>
      </c>
      <c r="DD20" s="191">
        <v>0</v>
      </c>
      <c r="DE20" s="191">
        <v>0</v>
      </c>
      <c r="DF20" s="191">
        <v>0</v>
      </c>
      <c r="DG20" s="196">
        <v>0</v>
      </c>
      <c r="DH20" s="195">
        <v>0</v>
      </c>
      <c r="DI20" s="190">
        <v>0</v>
      </c>
      <c r="DJ20" s="191">
        <v>0</v>
      </c>
      <c r="DK20" s="196">
        <v>0</v>
      </c>
      <c r="DL20" s="193">
        <v>0</v>
      </c>
      <c r="DM20" s="191">
        <v>0</v>
      </c>
      <c r="DN20" s="191">
        <v>0</v>
      </c>
      <c r="DO20" s="191">
        <v>0</v>
      </c>
      <c r="DP20" s="191">
        <v>0</v>
      </c>
      <c r="DQ20" s="191">
        <v>0</v>
      </c>
      <c r="DR20" s="196">
        <v>0</v>
      </c>
      <c r="DS20" s="195">
        <v>0</v>
      </c>
      <c r="DT20" s="190">
        <v>13</v>
      </c>
      <c r="DU20" s="191">
        <v>25</v>
      </c>
      <c r="DV20" s="196">
        <v>38</v>
      </c>
      <c r="DW20" s="193">
        <v>0</v>
      </c>
      <c r="DX20" s="191">
        <v>50</v>
      </c>
      <c r="DY20" s="191">
        <v>71</v>
      </c>
      <c r="DZ20" s="191">
        <v>56</v>
      </c>
      <c r="EA20" s="191">
        <v>36</v>
      </c>
      <c r="EB20" s="191">
        <v>21</v>
      </c>
      <c r="EC20" s="196">
        <v>234</v>
      </c>
      <c r="ED20" s="195">
        <v>272</v>
      </c>
      <c r="EE20" s="190">
        <v>2</v>
      </c>
      <c r="EF20" s="191">
        <v>2</v>
      </c>
      <c r="EG20" s="196">
        <v>4</v>
      </c>
      <c r="EH20" s="193">
        <v>0</v>
      </c>
      <c r="EI20" s="191">
        <v>10</v>
      </c>
      <c r="EJ20" s="191">
        <v>10</v>
      </c>
      <c r="EK20" s="191">
        <v>11</v>
      </c>
      <c r="EL20" s="191">
        <v>10</v>
      </c>
      <c r="EM20" s="191">
        <v>16</v>
      </c>
      <c r="EN20" s="196">
        <v>57</v>
      </c>
      <c r="EO20" s="195">
        <v>61</v>
      </c>
      <c r="EP20" s="190">
        <v>24</v>
      </c>
      <c r="EQ20" s="191">
        <v>30</v>
      </c>
      <c r="ER20" s="196">
        <v>54</v>
      </c>
      <c r="ES20" s="193">
        <v>0</v>
      </c>
      <c r="ET20" s="191">
        <v>107</v>
      </c>
      <c r="EU20" s="191">
        <v>92</v>
      </c>
      <c r="EV20" s="191">
        <v>64</v>
      </c>
      <c r="EW20" s="191">
        <v>43</v>
      </c>
      <c r="EX20" s="191">
        <v>21</v>
      </c>
      <c r="EY20" s="196">
        <v>327</v>
      </c>
      <c r="EZ20" s="195">
        <v>381</v>
      </c>
    </row>
    <row r="21" spans="2:156" ht="21" customHeight="1" x14ac:dyDescent="0.2">
      <c r="B21" s="106" t="s">
        <v>19</v>
      </c>
      <c r="C21" s="190">
        <v>0</v>
      </c>
      <c r="D21" s="191">
        <v>0</v>
      </c>
      <c r="E21" s="192">
        <v>0</v>
      </c>
      <c r="F21" s="193">
        <v>0</v>
      </c>
      <c r="G21" s="191">
        <v>9</v>
      </c>
      <c r="H21" s="191">
        <v>12</v>
      </c>
      <c r="I21" s="191">
        <v>3</v>
      </c>
      <c r="J21" s="191">
        <v>4</v>
      </c>
      <c r="K21" s="191">
        <v>4</v>
      </c>
      <c r="L21" s="194">
        <v>32</v>
      </c>
      <c r="M21" s="195">
        <v>32</v>
      </c>
      <c r="N21" s="190">
        <v>0</v>
      </c>
      <c r="O21" s="191">
        <v>0</v>
      </c>
      <c r="P21" s="196">
        <v>0</v>
      </c>
      <c r="Q21" s="193">
        <v>0</v>
      </c>
      <c r="R21" s="191">
        <v>0</v>
      </c>
      <c r="S21" s="191">
        <v>1</v>
      </c>
      <c r="T21" s="191">
        <v>2</v>
      </c>
      <c r="U21" s="191">
        <v>0</v>
      </c>
      <c r="V21" s="191">
        <v>0</v>
      </c>
      <c r="W21" s="196">
        <v>3</v>
      </c>
      <c r="X21" s="195">
        <v>3</v>
      </c>
      <c r="Y21" s="190">
        <v>3</v>
      </c>
      <c r="Z21" s="191">
        <v>3</v>
      </c>
      <c r="AA21" s="196">
        <v>6</v>
      </c>
      <c r="AB21" s="193">
        <v>0</v>
      </c>
      <c r="AC21" s="191">
        <v>13</v>
      </c>
      <c r="AD21" s="191">
        <v>13</v>
      </c>
      <c r="AE21" s="191">
        <v>7</v>
      </c>
      <c r="AF21" s="191">
        <v>5</v>
      </c>
      <c r="AG21" s="191">
        <v>5</v>
      </c>
      <c r="AH21" s="196">
        <v>43</v>
      </c>
      <c r="AI21" s="195">
        <v>49</v>
      </c>
      <c r="AJ21" s="190">
        <v>0</v>
      </c>
      <c r="AK21" s="191">
        <v>0</v>
      </c>
      <c r="AL21" s="196">
        <v>0</v>
      </c>
      <c r="AM21" s="193">
        <v>0</v>
      </c>
      <c r="AN21" s="191">
        <v>3</v>
      </c>
      <c r="AO21" s="191">
        <v>0</v>
      </c>
      <c r="AP21" s="191">
        <v>0</v>
      </c>
      <c r="AQ21" s="191">
        <v>1</v>
      </c>
      <c r="AR21" s="191">
        <v>0</v>
      </c>
      <c r="AS21" s="196">
        <v>4</v>
      </c>
      <c r="AT21" s="195">
        <v>4</v>
      </c>
      <c r="AU21" s="190">
        <v>4</v>
      </c>
      <c r="AV21" s="191">
        <v>1</v>
      </c>
      <c r="AW21" s="196">
        <v>5</v>
      </c>
      <c r="AX21" s="193">
        <v>0</v>
      </c>
      <c r="AY21" s="191">
        <v>13</v>
      </c>
      <c r="AZ21" s="191">
        <v>21</v>
      </c>
      <c r="BA21" s="191">
        <v>11</v>
      </c>
      <c r="BB21" s="191">
        <v>7</v>
      </c>
      <c r="BC21" s="191">
        <v>9</v>
      </c>
      <c r="BD21" s="194">
        <v>61</v>
      </c>
      <c r="BE21" s="195">
        <v>66</v>
      </c>
      <c r="BF21" s="190">
        <v>0</v>
      </c>
      <c r="BG21" s="191">
        <v>0</v>
      </c>
      <c r="BH21" s="196">
        <v>0</v>
      </c>
      <c r="BI21" s="193">
        <v>0</v>
      </c>
      <c r="BJ21" s="191">
        <v>14</v>
      </c>
      <c r="BK21" s="191">
        <v>8</v>
      </c>
      <c r="BL21" s="191">
        <v>2</v>
      </c>
      <c r="BM21" s="191">
        <v>2</v>
      </c>
      <c r="BN21" s="191">
        <v>3</v>
      </c>
      <c r="BO21" s="196">
        <v>29</v>
      </c>
      <c r="BP21" s="195">
        <v>29</v>
      </c>
      <c r="BQ21" s="190">
        <v>2</v>
      </c>
      <c r="BR21" s="191">
        <v>0</v>
      </c>
      <c r="BS21" s="196">
        <v>2</v>
      </c>
      <c r="BT21" s="193">
        <v>0</v>
      </c>
      <c r="BU21" s="191">
        <v>15</v>
      </c>
      <c r="BV21" s="191">
        <v>8</v>
      </c>
      <c r="BW21" s="191">
        <v>4</v>
      </c>
      <c r="BX21" s="191">
        <v>4</v>
      </c>
      <c r="BY21" s="191">
        <v>1</v>
      </c>
      <c r="BZ21" s="196">
        <v>32</v>
      </c>
      <c r="CA21" s="195">
        <v>34</v>
      </c>
      <c r="CB21" s="190">
        <v>0</v>
      </c>
      <c r="CC21" s="191">
        <v>0</v>
      </c>
      <c r="CD21" s="196">
        <v>0</v>
      </c>
      <c r="CE21" s="193">
        <v>0</v>
      </c>
      <c r="CF21" s="191">
        <v>5</v>
      </c>
      <c r="CG21" s="191">
        <v>2</v>
      </c>
      <c r="CH21" s="191">
        <v>1</v>
      </c>
      <c r="CI21" s="191">
        <v>2</v>
      </c>
      <c r="CJ21" s="191">
        <v>0</v>
      </c>
      <c r="CK21" s="196">
        <v>10</v>
      </c>
      <c r="CL21" s="195">
        <v>10</v>
      </c>
      <c r="CM21" s="190">
        <v>0</v>
      </c>
      <c r="CN21" s="191">
        <v>0</v>
      </c>
      <c r="CO21" s="196">
        <v>0</v>
      </c>
      <c r="CP21" s="193">
        <v>0</v>
      </c>
      <c r="CQ21" s="191">
        <v>2</v>
      </c>
      <c r="CR21" s="191">
        <v>0</v>
      </c>
      <c r="CS21" s="191">
        <v>1</v>
      </c>
      <c r="CT21" s="191">
        <v>2</v>
      </c>
      <c r="CU21" s="191">
        <v>0</v>
      </c>
      <c r="CV21" s="196">
        <v>5</v>
      </c>
      <c r="CW21" s="195">
        <v>5</v>
      </c>
      <c r="CX21" s="190">
        <v>0</v>
      </c>
      <c r="CY21" s="191">
        <v>0</v>
      </c>
      <c r="CZ21" s="196">
        <v>0</v>
      </c>
      <c r="DA21" s="193">
        <v>0</v>
      </c>
      <c r="DB21" s="191">
        <v>0</v>
      </c>
      <c r="DC21" s="191">
        <v>0</v>
      </c>
      <c r="DD21" s="191">
        <v>0</v>
      </c>
      <c r="DE21" s="191">
        <v>0</v>
      </c>
      <c r="DF21" s="191">
        <v>0</v>
      </c>
      <c r="DG21" s="196">
        <v>0</v>
      </c>
      <c r="DH21" s="195">
        <v>0</v>
      </c>
      <c r="DI21" s="190">
        <v>0</v>
      </c>
      <c r="DJ21" s="191">
        <v>0</v>
      </c>
      <c r="DK21" s="196">
        <v>0</v>
      </c>
      <c r="DL21" s="193">
        <v>0</v>
      </c>
      <c r="DM21" s="191">
        <v>0</v>
      </c>
      <c r="DN21" s="191">
        <v>0</v>
      </c>
      <c r="DO21" s="191">
        <v>0</v>
      </c>
      <c r="DP21" s="191">
        <v>0</v>
      </c>
      <c r="DQ21" s="191">
        <v>0</v>
      </c>
      <c r="DR21" s="196">
        <v>0</v>
      </c>
      <c r="DS21" s="195">
        <v>0</v>
      </c>
      <c r="DT21" s="190">
        <v>7</v>
      </c>
      <c r="DU21" s="191">
        <v>7</v>
      </c>
      <c r="DV21" s="196">
        <v>14</v>
      </c>
      <c r="DW21" s="193">
        <v>0</v>
      </c>
      <c r="DX21" s="191">
        <v>26</v>
      </c>
      <c r="DY21" s="191">
        <v>26</v>
      </c>
      <c r="DZ21" s="191">
        <v>13</v>
      </c>
      <c r="EA21" s="191">
        <v>13</v>
      </c>
      <c r="EB21" s="191">
        <v>8</v>
      </c>
      <c r="EC21" s="196">
        <v>86</v>
      </c>
      <c r="ED21" s="195">
        <v>100</v>
      </c>
      <c r="EE21" s="190">
        <v>1</v>
      </c>
      <c r="EF21" s="191">
        <v>0</v>
      </c>
      <c r="EG21" s="196">
        <v>1</v>
      </c>
      <c r="EH21" s="193">
        <v>0</v>
      </c>
      <c r="EI21" s="191">
        <v>2</v>
      </c>
      <c r="EJ21" s="191">
        <v>6</v>
      </c>
      <c r="EK21" s="191">
        <v>6</v>
      </c>
      <c r="EL21" s="191">
        <v>3</v>
      </c>
      <c r="EM21" s="191">
        <v>2</v>
      </c>
      <c r="EN21" s="196">
        <v>19</v>
      </c>
      <c r="EO21" s="195">
        <v>20</v>
      </c>
      <c r="EP21" s="190">
        <v>12</v>
      </c>
      <c r="EQ21" s="191">
        <v>7</v>
      </c>
      <c r="ER21" s="196">
        <v>19</v>
      </c>
      <c r="ES21" s="193">
        <v>0</v>
      </c>
      <c r="ET21" s="191">
        <v>48</v>
      </c>
      <c r="EU21" s="191">
        <v>35</v>
      </c>
      <c r="EV21" s="191">
        <v>15</v>
      </c>
      <c r="EW21" s="191">
        <v>12</v>
      </c>
      <c r="EX21" s="191">
        <v>7</v>
      </c>
      <c r="EY21" s="196">
        <v>117</v>
      </c>
      <c r="EZ21" s="195">
        <v>136</v>
      </c>
    </row>
    <row r="22" spans="2:156" ht="21" customHeight="1" x14ac:dyDescent="0.2">
      <c r="B22" s="106" t="s">
        <v>20</v>
      </c>
      <c r="C22" s="190">
        <v>0</v>
      </c>
      <c r="D22" s="191">
        <v>0</v>
      </c>
      <c r="E22" s="192">
        <v>0</v>
      </c>
      <c r="F22" s="193">
        <v>0</v>
      </c>
      <c r="G22" s="191">
        <v>14</v>
      </c>
      <c r="H22" s="191">
        <v>16</v>
      </c>
      <c r="I22" s="191">
        <v>6</v>
      </c>
      <c r="J22" s="191">
        <v>6</v>
      </c>
      <c r="K22" s="191">
        <v>4</v>
      </c>
      <c r="L22" s="194">
        <v>46</v>
      </c>
      <c r="M22" s="195">
        <v>46</v>
      </c>
      <c r="N22" s="190">
        <v>0</v>
      </c>
      <c r="O22" s="191">
        <v>0</v>
      </c>
      <c r="P22" s="196">
        <v>0</v>
      </c>
      <c r="Q22" s="193">
        <v>0</v>
      </c>
      <c r="R22" s="191">
        <v>0</v>
      </c>
      <c r="S22" s="191">
        <v>0</v>
      </c>
      <c r="T22" s="191">
        <v>0</v>
      </c>
      <c r="U22" s="191">
        <v>3</v>
      </c>
      <c r="V22" s="191">
        <v>1</v>
      </c>
      <c r="W22" s="196">
        <v>4</v>
      </c>
      <c r="X22" s="195">
        <v>4</v>
      </c>
      <c r="Y22" s="190">
        <v>6</v>
      </c>
      <c r="Z22" s="191">
        <v>5</v>
      </c>
      <c r="AA22" s="196">
        <v>11</v>
      </c>
      <c r="AB22" s="193">
        <v>0</v>
      </c>
      <c r="AC22" s="191">
        <v>15</v>
      </c>
      <c r="AD22" s="191">
        <v>18</v>
      </c>
      <c r="AE22" s="191">
        <v>9</v>
      </c>
      <c r="AF22" s="191">
        <v>8</v>
      </c>
      <c r="AG22" s="191">
        <v>1</v>
      </c>
      <c r="AH22" s="196">
        <v>51</v>
      </c>
      <c r="AI22" s="195">
        <v>62</v>
      </c>
      <c r="AJ22" s="190">
        <v>0</v>
      </c>
      <c r="AK22" s="191">
        <v>6</v>
      </c>
      <c r="AL22" s="196">
        <v>6</v>
      </c>
      <c r="AM22" s="193">
        <v>0</v>
      </c>
      <c r="AN22" s="191">
        <v>6</v>
      </c>
      <c r="AO22" s="191">
        <v>5</v>
      </c>
      <c r="AP22" s="191">
        <v>0</v>
      </c>
      <c r="AQ22" s="191">
        <v>1</v>
      </c>
      <c r="AR22" s="191">
        <v>2</v>
      </c>
      <c r="AS22" s="196">
        <v>14</v>
      </c>
      <c r="AT22" s="195">
        <v>20</v>
      </c>
      <c r="AU22" s="190">
        <v>2</v>
      </c>
      <c r="AV22" s="191">
        <v>5</v>
      </c>
      <c r="AW22" s="196">
        <v>7</v>
      </c>
      <c r="AX22" s="193">
        <v>0</v>
      </c>
      <c r="AY22" s="191">
        <v>10</v>
      </c>
      <c r="AZ22" s="191">
        <v>20</v>
      </c>
      <c r="BA22" s="191">
        <v>12</v>
      </c>
      <c r="BB22" s="191">
        <v>13</v>
      </c>
      <c r="BC22" s="191">
        <v>11</v>
      </c>
      <c r="BD22" s="194">
        <v>66</v>
      </c>
      <c r="BE22" s="195">
        <v>73</v>
      </c>
      <c r="BF22" s="190">
        <v>0</v>
      </c>
      <c r="BG22" s="191">
        <v>0</v>
      </c>
      <c r="BH22" s="196">
        <v>0</v>
      </c>
      <c r="BI22" s="193">
        <v>0</v>
      </c>
      <c r="BJ22" s="191">
        <v>18</v>
      </c>
      <c r="BK22" s="191">
        <v>15</v>
      </c>
      <c r="BL22" s="191">
        <v>12</v>
      </c>
      <c r="BM22" s="191">
        <v>3</v>
      </c>
      <c r="BN22" s="191">
        <v>3</v>
      </c>
      <c r="BO22" s="196">
        <v>51</v>
      </c>
      <c r="BP22" s="195">
        <v>51</v>
      </c>
      <c r="BQ22" s="190">
        <v>0</v>
      </c>
      <c r="BR22" s="191">
        <v>2</v>
      </c>
      <c r="BS22" s="196">
        <v>2</v>
      </c>
      <c r="BT22" s="193">
        <v>0</v>
      </c>
      <c r="BU22" s="191">
        <v>6</v>
      </c>
      <c r="BV22" s="191">
        <v>12</v>
      </c>
      <c r="BW22" s="191">
        <v>5</v>
      </c>
      <c r="BX22" s="191">
        <v>5</v>
      </c>
      <c r="BY22" s="191">
        <v>0</v>
      </c>
      <c r="BZ22" s="196">
        <v>28</v>
      </c>
      <c r="CA22" s="195">
        <v>30</v>
      </c>
      <c r="CB22" s="190">
        <v>0</v>
      </c>
      <c r="CC22" s="191">
        <v>0</v>
      </c>
      <c r="CD22" s="196">
        <v>0</v>
      </c>
      <c r="CE22" s="193">
        <v>0</v>
      </c>
      <c r="CF22" s="191">
        <v>3</v>
      </c>
      <c r="CG22" s="191">
        <v>4</v>
      </c>
      <c r="CH22" s="191">
        <v>5</v>
      </c>
      <c r="CI22" s="191">
        <v>3</v>
      </c>
      <c r="CJ22" s="191">
        <v>1</v>
      </c>
      <c r="CK22" s="196">
        <v>16</v>
      </c>
      <c r="CL22" s="195">
        <v>16</v>
      </c>
      <c r="CM22" s="190">
        <v>0</v>
      </c>
      <c r="CN22" s="191">
        <v>0</v>
      </c>
      <c r="CO22" s="196">
        <v>0</v>
      </c>
      <c r="CP22" s="193">
        <v>0</v>
      </c>
      <c r="CQ22" s="191">
        <v>1</v>
      </c>
      <c r="CR22" s="191">
        <v>2</v>
      </c>
      <c r="CS22" s="191">
        <v>0</v>
      </c>
      <c r="CT22" s="191">
        <v>0</v>
      </c>
      <c r="CU22" s="191">
        <v>0</v>
      </c>
      <c r="CV22" s="196">
        <v>3</v>
      </c>
      <c r="CW22" s="195">
        <v>3</v>
      </c>
      <c r="CX22" s="190">
        <v>0</v>
      </c>
      <c r="CY22" s="191">
        <v>0</v>
      </c>
      <c r="CZ22" s="196">
        <v>0</v>
      </c>
      <c r="DA22" s="193">
        <v>0</v>
      </c>
      <c r="DB22" s="191">
        <v>0</v>
      </c>
      <c r="DC22" s="191">
        <v>0</v>
      </c>
      <c r="DD22" s="191">
        <v>0</v>
      </c>
      <c r="DE22" s="191">
        <v>0</v>
      </c>
      <c r="DF22" s="191">
        <v>0</v>
      </c>
      <c r="DG22" s="196">
        <v>0</v>
      </c>
      <c r="DH22" s="195">
        <v>0</v>
      </c>
      <c r="DI22" s="190">
        <v>0</v>
      </c>
      <c r="DJ22" s="191">
        <v>0</v>
      </c>
      <c r="DK22" s="196">
        <v>0</v>
      </c>
      <c r="DL22" s="193">
        <v>0</v>
      </c>
      <c r="DM22" s="191">
        <v>0</v>
      </c>
      <c r="DN22" s="191">
        <v>0</v>
      </c>
      <c r="DO22" s="191">
        <v>0</v>
      </c>
      <c r="DP22" s="191">
        <v>0</v>
      </c>
      <c r="DQ22" s="191">
        <v>0</v>
      </c>
      <c r="DR22" s="196">
        <v>0</v>
      </c>
      <c r="DS22" s="195">
        <v>0</v>
      </c>
      <c r="DT22" s="190">
        <v>11</v>
      </c>
      <c r="DU22" s="191">
        <v>21</v>
      </c>
      <c r="DV22" s="196">
        <v>32</v>
      </c>
      <c r="DW22" s="193">
        <v>0</v>
      </c>
      <c r="DX22" s="191">
        <v>32</v>
      </c>
      <c r="DY22" s="191">
        <v>33</v>
      </c>
      <c r="DZ22" s="191">
        <v>22</v>
      </c>
      <c r="EA22" s="191">
        <v>15</v>
      </c>
      <c r="EB22" s="191">
        <v>7</v>
      </c>
      <c r="EC22" s="196">
        <v>109</v>
      </c>
      <c r="ED22" s="195">
        <v>141</v>
      </c>
      <c r="EE22" s="190">
        <v>3</v>
      </c>
      <c r="EF22" s="191">
        <v>2</v>
      </c>
      <c r="EG22" s="196">
        <v>5</v>
      </c>
      <c r="EH22" s="193">
        <v>0</v>
      </c>
      <c r="EI22" s="191">
        <v>5</v>
      </c>
      <c r="EJ22" s="191">
        <v>6</v>
      </c>
      <c r="EK22" s="191">
        <v>4</v>
      </c>
      <c r="EL22" s="191">
        <v>6</v>
      </c>
      <c r="EM22" s="191">
        <v>3</v>
      </c>
      <c r="EN22" s="196">
        <v>24</v>
      </c>
      <c r="EO22" s="195">
        <v>29</v>
      </c>
      <c r="EP22" s="190">
        <v>14</v>
      </c>
      <c r="EQ22" s="191">
        <v>27</v>
      </c>
      <c r="ER22" s="196">
        <v>41</v>
      </c>
      <c r="ES22" s="193">
        <v>0</v>
      </c>
      <c r="ET22" s="191">
        <v>62</v>
      </c>
      <c r="EU22" s="191">
        <v>52</v>
      </c>
      <c r="EV22" s="191">
        <v>23</v>
      </c>
      <c r="EW22" s="191">
        <v>16</v>
      </c>
      <c r="EX22" s="191">
        <v>8</v>
      </c>
      <c r="EY22" s="196">
        <v>161</v>
      </c>
      <c r="EZ22" s="195">
        <v>202</v>
      </c>
    </row>
    <row r="23" spans="2:156" ht="21" customHeight="1" x14ac:dyDescent="0.2">
      <c r="B23" s="106" t="s">
        <v>21</v>
      </c>
      <c r="C23" s="190">
        <v>0</v>
      </c>
      <c r="D23" s="191">
        <v>0</v>
      </c>
      <c r="E23" s="192">
        <v>0</v>
      </c>
      <c r="F23" s="193">
        <v>0</v>
      </c>
      <c r="G23" s="191">
        <v>15</v>
      </c>
      <c r="H23" s="191">
        <v>18</v>
      </c>
      <c r="I23" s="191">
        <v>3</v>
      </c>
      <c r="J23" s="191">
        <v>4</v>
      </c>
      <c r="K23" s="191">
        <v>5</v>
      </c>
      <c r="L23" s="194">
        <v>45</v>
      </c>
      <c r="M23" s="195">
        <v>45</v>
      </c>
      <c r="N23" s="190">
        <v>0</v>
      </c>
      <c r="O23" s="191">
        <v>0</v>
      </c>
      <c r="P23" s="196">
        <v>0</v>
      </c>
      <c r="Q23" s="193">
        <v>0</v>
      </c>
      <c r="R23" s="191">
        <v>0</v>
      </c>
      <c r="S23" s="191">
        <v>0</v>
      </c>
      <c r="T23" s="191">
        <v>0</v>
      </c>
      <c r="U23" s="191">
        <v>1</v>
      </c>
      <c r="V23" s="191">
        <v>4</v>
      </c>
      <c r="W23" s="196">
        <v>5</v>
      </c>
      <c r="X23" s="195">
        <v>5</v>
      </c>
      <c r="Y23" s="190">
        <v>1</v>
      </c>
      <c r="Z23" s="191">
        <v>0</v>
      </c>
      <c r="AA23" s="196">
        <v>1</v>
      </c>
      <c r="AB23" s="193">
        <v>0</v>
      </c>
      <c r="AC23" s="191">
        <v>10</v>
      </c>
      <c r="AD23" s="191">
        <v>10</v>
      </c>
      <c r="AE23" s="191">
        <v>4</v>
      </c>
      <c r="AF23" s="191">
        <v>4</v>
      </c>
      <c r="AG23" s="191">
        <v>5</v>
      </c>
      <c r="AH23" s="196">
        <v>33</v>
      </c>
      <c r="AI23" s="195">
        <v>34</v>
      </c>
      <c r="AJ23" s="190">
        <v>0</v>
      </c>
      <c r="AK23" s="191">
        <v>1</v>
      </c>
      <c r="AL23" s="196">
        <v>1</v>
      </c>
      <c r="AM23" s="193">
        <v>0</v>
      </c>
      <c r="AN23" s="191">
        <v>1</v>
      </c>
      <c r="AO23" s="191">
        <v>0</v>
      </c>
      <c r="AP23" s="191">
        <v>1</v>
      </c>
      <c r="AQ23" s="191">
        <v>0</v>
      </c>
      <c r="AR23" s="191">
        <v>1</v>
      </c>
      <c r="AS23" s="196">
        <v>3</v>
      </c>
      <c r="AT23" s="195">
        <v>4</v>
      </c>
      <c r="AU23" s="190">
        <v>3</v>
      </c>
      <c r="AV23" s="191">
        <v>5</v>
      </c>
      <c r="AW23" s="196">
        <v>8</v>
      </c>
      <c r="AX23" s="193">
        <v>0</v>
      </c>
      <c r="AY23" s="191">
        <v>15</v>
      </c>
      <c r="AZ23" s="191">
        <v>18</v>
      </c>
      <c r="BA23" s="191">
        <v>13</v>
      </c>
      <c r="BB23" s="191">
        <v>14</v>
      </c>
      <c r="BC23" s="191">
        <v>8</v>
      </c>
      <c r="BD23" s="194">
        <v>68</v>
      </c>
      <c r="BE23" s="195">
        <v>76</v>
      </c>
      <c r="BF23" s="190">
        <v>0</v>
      </c>
      <c r="BG23" s="191">
        <v>0</v>
      </c>
      <c r="BH23" s="196">
        <v>0</v>
      </c>
      <c r="BI23" s="193">
        <v>0</v>
      </c>
      <c r="BJ23" s="191">
        <v>18</v>
      </c>
      <c r="BK23" s="191">
        <v>13</v>
      </c>
      <c r="BL23" s="191">
        <v>4</v>
      </c>
      <c r="BM23" s="191">
        <v>3</v>
      </c>
      <c r="BN23" s="191">
        <v>2</v>
      </c>
      <c r="BO23" s="196">
        <v>40</v>
      </c>
      <c r="BP23" s="195">
        <v>40</v>
      </c>
      <c r="BQ23" s="190">
        <v>0</v>
      </c>
      <c r="BR23" s="191">
        <v>1</v>
      </c>
      <c r="BS23" s="196">
        <v>1</v>
      </c>
      <c r="BT23" s="193">
        <v>0</v>
      </c>
      <c r="BU23" s="191">
        <v>2</v>
      </c>
      <c r="BV23" s="191">
        <v>3</v>
      </c>
      <c r="BW23" s="191">
        <v>2</v>
      </c>
      <c r="BX23" s="191">
        <v>0</v>
      </c>
      <c r="BY23" s="191">
        <v>1</v>
      </c>
      <c r="BZ23" s="196">
        <v>8</v>
      </c>
      <c r="CA23" s="195">
        <v>9</v>
      </c>
      <c r="CB23" s="190">
        <v>0</v>
      </c>
      <c r="CC23" s="191">
        <v>0</v>
      </c>
      <c r="CD23" s="196">
        <v>0</v>
      </c>
      <c r="CE23" s="193">
        <v>0</v>
      </c>
      <c r="CF23" s="191">
        <v>3</v>
      </c>
      <c r="CG23" s="191">
        <v>1</v>
      </c>
      <c r="CH23" s="191">
        <v>2</v>
      </c>
      <c r="CI23" s="191">
        <v>0</v>
      </c>
      <c r="CJ23" s="191">
        <v>0</v>
      </c>
      <c r="CK23" s="196">
        <v>6</v>
      </c>
      <c r="CL23" s="195">
        <v>6</v>
      </c>
      <c r="CM23" s="190">
        <v>0</v>
      </c>
      <c r="CN23" s="191">
        <v>0</v>
      </c>
      <c r="CO23" s="196">
        <v>0</v>
      </c>
      <c r="CP23" s="193">
        <v>0</v>
      </c>
      <c r="CQ23" s="191">
        <v>0</v>
      </c>
      <c r="CR23" s="191">
        <v>0</v>
      </c>
      <c r="CS23" s="191">
        <v>1</v>
      </c>
      <c r="CT23" s="191">
        <v>0</v>
      </c>
      <c r="CU23" s="191">
        <v>0</v>
      </c>
      <c r="CV23" s="196">
        <v>1</v>
      </c>
      <c r="CW23" s="195">
        <v>1</v>
      </c>
      <c r="CX23" s="190">
        <v>0</v>
      </c>
      <c r="CY23" s="191">
        <v>0</v>
      </c>
      <c r="CZ23" s="196">
        <v>0</v>
      </c>
      <c r="DA23" s="193">
        <v>0</v>
      </c>
      <c r="DB23" s="191">
        <v>0</v>
      </c>
      <c r="DC23" s="191">
        <v>0</v>
      </c>
      <c r="DD23" s="191">
        <v>0</v>
      </c>
      <c r="DE23" s="191">
        <v>0</v>
      </c>
      <c r="DF23" s="191">
        <v>0</v>
      </c>
      <c r="DG23" s="196">
        <v>0</v>
      </c>
      <c r="DH23" s="195">
        <v>0</v>
      </c>
      <c r="DI23" s="190">
        <v>0</v>
      </c>
      <c r="DJ23" s="191">
        <v>0</v>
      </c>
      <c r="DK23" s="196">
        <v>0</v>
      </c>
      <c r="DL23" s="193">
        <v>0</v>
      </c>
      <c r="DM23" s="191">
        <v>0</v>
      </c>
      <c r="DN23" s="191">
        <v>0</v>
      </c>
      <c r="DO23" s="191">
        <v>0</v>
      </c>
      <c r="DP23" s="191">
        <v>0</v>
      </c>
      <c r="DQ23" s="191">
        <v>0</v>
      </c>
      <c r="DR23" s="196">
        <v>0</v>
      </c>
      <c r="DS23" s="195">
        <v>0</v>
      </c>
      <c r="DT23" s="190">
        <v>9</v>
      </c>
      <c r="DU23" s="191">
        <v>12</v>
      </c>
      <c r="DV23" s="196">
        <v>21</v>
      </c>
      <c r="DW23" s="193">
        <v>0</v>
      </c>
      <c r="DX23" s="191">
        <v>12</v>
      </c>
      <c r="DY23" s="191">
        <v>25</v>
      </c>
      <c r="DZ23" s="191">
        <v>9</v>
      </c>
      <c r="EA23" s="191">
        <v>7</v>
      </c>
      <c r="EB23" s="191">
        <v>6</v>
      </c>
      <c r="EC23" s="196">
        <v>59</v>
      </c>
      <c r="ED23" s="195">
        <v>80</v>
      </c>
      <c r="EE23" s="190">
        <v>3</v>
      </c>
      <c r="EF23" s="191">
        <v>1</v>
      </c>
      <c r="EG23" s="196">
        <v>4</v>
      </c>
      <c r="EH23" s="193">
        <v>0</v>
      </c>
      <c r="EI23" s="191">
        <v>6</v>
      </c>
      <c r="EJ23" s="191">
        <v>3</v>
      </c>
      <c r="EK23" s="191">
        <v>11</v>
      </c>
      <c r="EL23" s="191">
        <v>8</v>
      </c>
      <c r="EM23" s="191">
        <v>5</v>
      </c>
      <c r="EN23" s="196">
        <v>33</v>
      </c>
      <c r="EO23" s="195">
        <v>37</v>
      </c>
      <c r="EP23" s="190">
        <v>10</v>
      </c>
      <c r="EQ23" s="191">
        <v>15</v>
      </c>
      <c r="ER23" s="196">
        <v>25</v>
      </c>
      <c r="ES23" s="193">
        <v>0</v>
      </c>
      <c r="ET23" s="191">
        <v>42</v>
      </c>
      <c r="EU23" s="191">
        <v>38</v>
      </c>
      <c r="EV23" s="191">
        <v>12</v>
      </c>
      <c r="EW23" s="191">
        <v>9</v>
      </c>
      <c r="EX23" s="191">
        <v>7</v>
      </c>
      <c r="EY23" s="196">
        <v>108</v>
      </c>
      <c r="EZ23" s="195">
        <v>133</v>
      </c>
    </row>
    <row r="24" spans="2:156" ht="21" customHeight="1" x14ac:dyDescent="0.2">
      <c r="B24" s="106" t="s">
        <v>22</v>
      </c>
      <c r="C24" s="190">
        <v>0</v>
      </c>
      <c r="D24" s="191">
        <v>0</v>
      </c>
      <c r="E24" s="192">
        <v>0</v>
      </c>
      <c r="F24" s="193">
        <v>0</v>
      </c>
      <c r="G24" s="191">
        <v>4</v>
      </c>
      <c r="H24" s="191">
        <v>1</v>
      </c>
      <c r="I24" s="191">
        <v>2</v>
      </c>
      <c r="J24" s="191">
        <v>1</v>
      </c>
      <c r="K24" s="191">
        <v>4</v>
      </c>
      <c r="L24" s="194">
        <v>12</v>
      </c>
      <c r="M24" s="195">
        <v>12</v>
      </c>
      <c r="N24" s="190">
        <v>0</v>
      </c>
      <c r="O24" s="191">
        <v>0</v>
      </c>
      <c r="P24" s="196">
        <v>0</v>
      </c>
      <c r="Q24" s="193">
        <v>0</v>
      </c>
      <c r="R24" s="191">
        <v>0</v>
      </c>
      <c r="S24" s="191">
        <v>0</v>
      </c>
      <c r="T24" s="191">
        <v>0</v>
      </c>
      <c r="U24" s="191">
        <v>0</v>
      </c>
      <c r="V24" s="191">
        <v>5</v>
      </c>
      <c r="W24" s="196">
        <v>5</v>
      </c>
      <c r="X24" s="195">
        <v>5</v>
      </c>
      <c r="Y24" s="190">
        <v>0</v>
      </c>
      <c r="Z24" s="191">
        <v>0</v>
      </c>
      <c r="AA24" s="196">
        <v>0</v>
      </c>
      <c r="AB24" s="193">
        <v>0</v>
      </c>
      <c r="AC24" s="191">
        <v>6</v>
      </c>
      <c r="AD24" s="191">
        <v>3</v>
      </c>
      <c r="AE24" s="191">
        <v>2</v>
      </c>
      <c r="AF24" s="191">
        <v>2</v>
      </c>
      <c r="AG24" s="191">
        <v>5</v>
      </c>
      <c r="AH24" s="196">
        <v>18</v>
      </c>
      <c r="AI24" s="195">
        <v>18</v>
      </c>
      <c r="AJ24" s="190">
        <v>0</v>
      </c>
      <c r="AK24" s="191">
        <v>0</v>
      </c>
      <c r="AL24" s="196">
        <v>0</v>
      </c>
      <c r="AM24" s="193">
        <v>0</v>
      </c>
      <c r="AN24" s="191">
        <v>2</v>
      </c>
      <c r="AO24" s="191">
        <v>1</v>
      </c>
      <c r="AP24" s="191">
        <v>0</v>
      </c>
      <c r="AQ24" s="191">
        <v>1</v>
      </c>
      <c r="AR24" s="191">
        <v>0</v>
      </c>
      <c r="AS24" s="196">
        <v>4</v>
      </c>
      <c r="AT24" s="195">
        <v>4</v>
      </c>
      <c r="AU24" s="190">
        <v>0</v>
      </c>
      <c r="AV24" s="191">
        <v>0</v>
      </c>
      <c r="AW24" s="196">
        <v>0</v>
      </c>
      <c r="AX24" s="193">
        <v>0</v>
      </c>
      <c r="AY24" s="191">
        <v>1</v>
      </c>
      <c r="AZ24" s="191">
        <v>3</v>
      </c>
      <c r="BA24" s="191">
        <v>4</v>
      </c>
      <c r="BB24" s="191">
        <v>6</v>
      </c>
      <c r="BC24" s="191">
        <v>2</v>
      </c>
      <c r="BD24" s="194">
        <v>16</v>
      </c>
      <c r="BE24" s="195">
        <v>16</v>
      </c>
      <c r="BF24" s="190">
        <v>0</v>
      </c>
      <c r="BG24" s="191">
        <v>0</v>
      </c>
      <c r="BH24" s="196">
        <v>0</v>
      </c>
      <c r="BI24" s="193">
        <v>0</v>
      </c>
      <c r="BJ24" s="191">
        <v>4</v>
      </c>
      <c r="BK24" s="191">
        <v>9</v>
      </c>
      <c r="BL24" s="191">
        <v>3</v>
      </c>
      <c r="BM24" s="191">
        <v>5</v>
      </c>
      <c r="BN24" s="191">
        <v>2</v>
      </c>
      <c r="BO24" s="196">
        <v>23</v>
      </c>
      <c r="BP24" s="195">
        <v>23</v>
      </c>
      <c r="BQ24" s="190">
        <v>2</v>
      </c>
      <c r="BR24" s="191">
        <v>0</v>
      </c>
      <c r="BS24" s="196">
        <v>2</v>
      </c>
      <c r="BT24" s="193">
        <v>0</v>
      </c>
      <c r="BU24" s="191">
        <v>4</v>
      </c>
      <c r="BV24" s="191">
        <v>5</v>
      </c>
      <c r="BW24" s="191">
        <v>0</v>
      </c>
      <c r="BX24" s="191">
        <v>0</v>
      </c>
      <c r="BY24" s="191">
        <v>0</v>
      </c>
      <c r="BZ24" s="196">
        <v>9</v>
      </c>
      <c r="CA24" s="195">
        <v>11</v>
      </c>
      <c r="CB24" s="190">
        <v>0</v>
      </c>
      <c r="CC24" s="191">
        <v>0</v>
      </c>
      <c r="CD24" s="196">
        <v>0</v>
      </c>
      <c r="CE24" s="193">
        <v>0</v>
      </c>
      <c r="CF24" s="191">
        <v>0</v>
      </c>
      <c r="CG24" s="191">
        <v>1</v>
      </c>
      <c r="CH24" s="191">
        <v>1</v>
      </c>
      <c r="CI24" s="191">
        <v>2</v>
      </c>
      <c r="CJ24" s="191">
        <v>0</v>
      </c>
      <c r="CK24" s="196">
        <v>4</v>
      </c>
      <c r="CL24" s="195">
        <v>4</v>
      </c>
      <c r="CM24" s="190">
        <v>0</v>
      </c>
      <c r="CN24" s="191">
        <v>0</v>
      </c>
      <c r="CO24" s="196">
        <v>0</v>
      </c>
      <c r="CP24" s="193">
        <v>0</v>
      </c>
      <c r="CQ24" s="191">
        <v>0</v>
      </c>
      <c r="CR24" s="191">
        <v>0</v>
      </c>
      <c r="CS24" s="191">
        <v>1</v>
      </c>
      <c r="CT24" s="191">
        <v>0</v>
      </c>
      <c r="CU24" s="191">
        <v>0</v>
      </c>
      <c r="CV24" s="196">
        <v>1</v>
      </c>
      <c r="CW24" s="195">
        <v>1</v>
      </c>
      <c r="CX24" s="190">
        <v>0</v>
      </c>
      <c r="CY24" s="191">
        <v>0</v>
      </c>
      <c r="CZ24" s="196">
        <v>0</v>
      </c>
      <c r="DA24" s="193">
        <v>0</v>
      </c>
      <c r="DB24" s="191">
        <v>0</v>
      </c>
      <c r="DC24" s="191">
        <v>0</v>
      </c>
      <c r="DD24" s="191">
        <v>0</v>
      </c>
      <c r="DE24" s="191">
        <v>0</v>
      </c>
      <c r="DF24" s="191">
        <v>0</v>
      </c>
      <c r="DG24" s="196">
        <v>0</v>
      </c>
      <c r="DH24" s="195">
        <v>0</v>
      </c>
      <c r="DI24" s="190">
        <v>0</v>
      </c>
      <c r="DJ24" s="191">
        <v>0</v>
      </c>
      <c r="DK24" s="196">
        <v>0</v>
      </c>
      <c r="DL24" s="193">
        <v>0</v>
      </c>
      <c r="DM24" s="191">
        <v>0</v>
      </c>
      <c r="DN24" s="191">
        <v>0</v>
      </c>
      <c r="DO24" s="191">
        <v>0</v>
      </c>
      <c r="DP24" s="191">
        <v>0</v>
      </c>
      <c r="DQ24" s="191">
        <v>0</v>
      </c>
      <c r="DR24" s="196">
        <v>0</v>
      </c>
      <c r="DS24" s="195">
        <v>0</v>
      </c>
      <c r="DT24" s="190">
        <v>3</v>
      </c>
      <c r="DU24" s="191">
        <v>7</v>
      </c>
      <c r="DV24" s="196">
        <v>10</v>
      </c>
      <c r="DW24" s="193">
        <v>0</v>
      </c>
      <c r="DX24" s="191">
        <v>9</v>
      </c>
      <c r="DY24" s="191">
        <v>10</v>
      </c>
      <c r="DZ24" s="191">
        <v>6</v>
      </c>
      <c r="EA24" s="191">
        <v>7</v>
      </c>
      <c r="EB24" s="191">
        <v>7</v>
      </c>
      <c r="EC24" s="196">
        <v>39</v>
      </c>
      <c r="ED24" s="195">
        <v>49</v>
      </c>
      <c r="EE24" s="190">
        <v>0</v>
      </c>
      <c r="EF24" s="191">
        <v>0</v>
      </c>
      <c r="EG24" s="196">
        <v>0</v>
      </c>
      <c r="EH24" s="193">
        <v>0</v>
      </c>
      <c r="EI24" s="191">
        <v>3</v>
      </c>
      <c r="EJ24" s="191">
        <v>2</v>
      </c>
      <c r="EK24" s="191">
        <v>2</v>
      </c>
      <c r="EL24" s="191">
        <v>3</v>
      </c>
      <c r="EM24" s="191">
        <v>1</v>
      </c>
      <c r="EN24" s="196">
        <v>11</v>
      </c>
      <c r="EO24" s="195">
        <v>11</v>
      </c>
      <c r="EP24" s="190">
        <v>5</v>
      </c>
      <c r="EQ24" s="191">
        <v>7</v>
      </c>
      <c r="ER24" s="196">
        <v>12</v>
      </c>
      <c r="ES24" s="193">
        <v>0</v>
      </c>
      <c r="ET24" s="191">
        <v>24</v>
      </c>
      <c r="EU24" s="191">
        <v>20</v>
      </c>
      <c r="EV24" s="191">
        <v>8</v>
      </c>
      <c r="EW24" s="191">
        <v>6</v>
      </c>
      <c r="EX24" s="191">
        <v>7</v>
      </c>
      <c r="EY24" s="196">
        <v>65</v>
      </c>
      <c r="EZ24" s="195">
        <v>77</v>
      </c>
    </row>
    <row r="25" spans="2:156" ht="21" customHeight="1" x14ac:dyDescent="0.2">
      <c r="B25" s="106" t="s">
        <v>23</v>
      </c>
      <c r="C25" s="190">
        <v>0</v>
      </c>
      <c r="D25" s="191">
        <v>0</v>
      </c>
      <c r="E25" s="192">
        <v>0</v>
      </c>
      <c r="F25" s="193">
        <v>0</v>
      </c>
      <c r="G25" s="191">
        <v>0</v>
      </c>
      <c r="H25" s="191">
        <v>4</v>
      </c>
      <c r="I25" s="191">
        <v>9</v>
      </c>
      <c r="J25" s="191">
        <v>2</v>
      </c>
      <c r="K25" s="191">
        <v>2</v>
      </c>
      <c r="L25" s="194">
        <v>17</v>
      </c>
      <c r="M25" s="195">
        <v>17</v>
      </c>
      <c r="N25" s="190">
        <v>0</v>
      </c>
      <c r="O25" s="191">
        <v>0</v>
      </c>
      <c r="P25" s="196">
        <v>0</v>
      </c>
      <c r="Q25" s="193">
        <v>0</v>
      </c>
      <c r="R25" s="191">
        <v>0</v>
      </c>
      <c r="S25" s="191">
        <v>1</v>
      </c>
      <c r="T25" s="191">
        <v>1</v>
      </c>
      <c r="U25" s="191">
        <v>1</v>
      </c>
      <c r="V25" s="191">
        <v>0</v>
      </c>
      <c r="W25" s="196">
        <v>3</v>
      </c>
      <c r="X25" s="195">
        <v>3</v>
      </c>
      <c r="Y25" s="190">
        <v>5</v>
      </c>
      <c r="Z25" s="191">
        <v>2</v>
      </c>
      <c r="AA25" s="196">
        <v>7</v>
      </c>
      <c r="AB25" s="193">
        <v>0</v>
      </c>
      <c r="AC25" s="191">
        <v>2</v>
      </c>
      <c r="AD25" s="191">
        <v>11</v>
      </c>
      <c r="AE25" s="191">
        <v>6</v>
      </c>
      <c r="AF25" s="191">
        <v>3</v>
      </c>
      <c r="AG25" s="191">
        <v>1</v>
      </c>
      <c r="AH25" s="196">
        <v>23</v>
      </c>
      <c r="AI25" s="195">
        <v>30</v>
      </c>
      <c r="AJ25" s="190">
        <v>1</v>
      </c>
      <c r="AK25" s="191">
        <v>1</v>
      </c>
      <c r="AL25" s="196">
        <v>2</v>
      </c>
      <c r="AM25" s="193">
        <v>0</v>
      </c>
      <c r="AN25" s="191">
        <v>0</v>
      </c>
      <c r="AO25" s="191">
        <v>1</v>
      </c>
      <c r="AP25" s="191">
        <v>0</v>
      </c>
      <c r="AQ25" s="191">
        <v>0</v>
      </c>
      <c r="AR25" s="191">
        <v>0</v>
      </c>
      <c r="AS25" s="196">
        <v>1</v>
      </c>
      <c r="AT25" s="195">
        <v>3</v>
      </c>
      <c r="AU25" s="190">
        <v>0</v>
      </c>
      <c r="AV25" s="191">
        <v>1</v>
      </c>
      <c r="AW25" s="196">
        <v>1</v>
      </c>
      <c r="AX25" s="193">
        <v>0</v>
      </c>
      <c r="AY25" s="191">
        <v>5</v>
      </c>
      <c r="AZ25" s="191">
        <v>5</v>
      </c>
      <c r="BA25" s="191">
        <v>10</v>
      </c>
      <c r="BB25" s="191">
        <v>12</v>
      </c>
      <c r="BC25" s="191">
        <v>10</v>
      </c>
      <c r="BD25" s="194">
        <v>42</v>
      </c>
      <c r="BE25" s="195">
        <v>43</v>
      </c>
      <c r="BF25" s="190">
        <v>0</v>
      </c>
      <c r="BG25" s="191">
        <v>0</v>
      </c>
      <c r="BH25" s="196">
        <v>0</v>
      </c>
      <c r="BI25" s="193">
        <v>0</v>
      </c>
      <c r="BJ25" s="191">
        <v>9</v>
      </c>
      <c r="BK25" s="191">
        <v>10</v>
      </c>
      <c r="BL25" s="191">
        <v>6</v>
      </c>
      <c r="BM25" s="191">
        <v>3</v>
      </c>
      <c r="BN25" s="191">
        <v>1</v>
      </c>
      <c r="BO25" s="196">
        <v>29</v>
      </c>
      <c r="BP25" s="195">
        <v>29</v>
      </c>
      <c r="BQ25" s="190">
        <v>1</v>
      </c>
      <c r="BR25" s="191">
        <v>0</v>
      </c>
      <c r="BS25" s="196">
        <v>1</v>
      </c>
      <c r="BT25" s="193">
        <v>0</v>
      </c>
      <c r="BU25" s="191">
        <v>1</v>
      </c>
      <c r="BV25" s="191">
        <v>0</v>
      </c>
      <c r="BW25" s="191">
        <v>3</v>
      </c>
      <c r="BX25" s="191">
        <v>1</v>
      </c>
      <c r="BY25" s="191">
        <v>0</v>
      </c>
      <c r="BZ25" s="196">
        <v>5</v>
      </c>
      <c r="CA25" s="195">
        <v>6</v>
      </c>
      <c r="CB25" s="190">
        <v>0</v>
      </c>
      <c r="CC25" s="191">
        <v>0</v>
      </c>
      <c r="CD25" s="196">
        <v>0</v>
      </c>
      <c r="CE25" s="193">
        <v>0</v>
      </c>
      <c r="CF25" s="191">
        <v>3</v>
      </c>
      <c r="CG25" s="191">
        <v>5</v>
      </c>
      <c r="CH25" s="191">
        <v>3</v>
      </c>
      <c r="CI25" s="191">
        <v>0</v>
      </c>
      <c r="CJ25" s="191">
        <v>0</v>
      </c>
      <c r="CK25" s="196">
        <v>11</v>
      </c>
      <c r="CL25" s="195">
        <v>11</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c r="DI25" s="190">
        <v>0</v>
      </c>
      <c r="DJ25" s="191">
        <v>0</v>
      </c>
      <c r="DK25" s="196">
        <v>0</v>
      </c>
      <c r="DL25" s="193">
        <v>0</v>
      </c>
      <c r="DM25" s="191">
        <v>0</v>
      </c>
      <c r="DN25" s="191">
        <v>0</v>
      </c>
      <c r="DO25" s="191">
        <v>0</v>
      </c>
      <c r="DP25" s="191">
        <v>0</v>
      </c>
      <c r="DQ25" s="191">
        <v>0</v>
      </c>
      <c r="DR25" s="196">
        <v>0</v>
      </c>
      <c r="DS25" s="195">
        <v>0</v>
      </c>
      <c r="DT25" s="190">
        <v>5</v>
      </c>
      <c r="DU25" s="191">
        <v>8</v>
      </c>
      <c r="DV25" s="196">
        <v>13</v>
      </c>
      <c r="DW25" s="193">
        <v>0</v>
      </c>
      <c r="DX25" s="191">
        <v>9</v>
      </c>
      <c r="DY25" s="191">
        <v>18</v>
      </c>
      <c r="DZ25" s="191">
        <v>13</v>
      </c>
      <c r="EA25" s="191">
        <v>7</v>
      </c>
      <c r="EB25" s="191">
        <v>4</v>
      </c>
      <c r="EC25" s="196">
        <v>51</v>
      </c>
      <c r="ED25" s="195">
        <v>64</v>
      </c>
      <c r="EE25" s="190">
        <v>0</v>
      </c>
      <c r="EF25" s="191">
        <v>1</v>
      </c>
      <c r="EG25" s="196">
        <v>1</v>
      </c>
      <c r="EH25" s="193">
        <v>0</v>
      </c>
      <c r="EI25" s="191">
        <v>3</v>
      </c>
      <c r="EJ25" s="191">
        <v>3</v>
      </c>
      <c r="EK25" s="191">
        <v>1</v>
      </c>
      <c r="EL25" s="191">
        <v>8</v>
      </c>
      <c r="EM25" s="191">
        <v>8</v>
      </c>
      <c r="EN25" s="196">
        <v>23</v>
      </c>
      <c r="EO25" s="195">
        <v>24</v>
      </c>
      <c r="EP25" s="190">
        <v>11</v>
      </c>
      <c r="EQ25" s="191">
        <v>11</v>
      </c>
      <c r="ER25" s="196">
        <v>22</v>
      </c>
      <c r="ES25" s="193">
        <v>0</v>
      </c>
      <c r="ET25" s="191">
        <v>16</v>
      </c>
      <c r="EU25" s="191">
        <v>25</v>
      </c>
      <c r="EV25" s="191">
        <v>20</v>
      </c>
      <c r="EW25" s="191">
        <v>6</v>
      </c>
      <c r="EX25" s="191">
        <v>4</v>
      </c>
      <c r="EY25" s="196">
        <v>71</v>
      </c>
      <c r="EZ25" s="195">
        <v>93</v>
      </c>
    </row>
    <row r="26" spans="2:156" ht="21" customHeight="1" x14ac:dyDescent="0.2">
      <c r="B26" s="106" t="s">
        <v>24</v>
      </c>
      <c r="C26" s="190">
        <v>0</v>
      </c>
      <c r="D26" s="191">
        <v>0</v>
      </c>
      <c r="E26" s="192">
        <v>0</v>
      </c>
      <c r="F26" s="193">
        <v>0</v>
      </c>
      <c r="G26" s="191">
        <v>6</v>
      </c>
      <c r="H26" s="191">
        <v>9</v>
      </c>
      <c r="I26" s="191">
        <v>2</v>
      </c>
      <c r="J26" s="191">
        <v>2</v>
      </c>
      <c r="K26" s="191">
        <v>2</v>
      </c>
      <c r="L26" s="194">
        <v>21</v>
      </c>
      <c r="M26" s="195">
        <v>21</v>
      </c>
      <c r="N26" s="190">
        <v>0</v>
      </c>
      <c r="O26" s="191">
        <v>0</v>
      </c>
      <c r="P26" s="196">
        <v>0</v>
      </c>
      <c r="Q26" s="193">
        <v>0</v>
      </c>
      <c r="R26" s="191">
        <v>0</v>
      </c>
      <c r="S26" s="191">
        <v>0</v>
      </c>
      <c r="T26" s="191">
        <v>0</v>
      </c>
      <c r="U26" s="191">
        <v>1</v>
      </c>
      <c r="V26" s="191">
        <v>2</v>
      </c>
      <c r="W26" s="196">
        <v>3</v>
      </c>
      <c r="X26" s="195">
        <v>3</v>
      </c>
      <c r="Y26" s="190">
        <v>3</v>
      </c>
      <c r="Z26" s="191">
        <v>4</v>
      </c>
      <c r="AA26" s="196">
        <v>7</v>
      </c>
      <c r="AB26" s="193">
        <v>0</v>
      </c>
      <c r="AC26" s="191">
        <v>4</v>
      </c>
      <c r="AD26" s="191">
        <v>8</v>
      </c>
      <c r="AE26" s="191">
        <v>3</v>
      </c>
      <c r="AF26" s="191">
        <v>5</v>
      </c>
      <c r="AG26" s="191">
        <v>6</v>
      </c>
      <c r="AH26" s="196">
        <v>26</v>
      </c>
      <c r="AI26" s="195">
        <v>33</v>
      </c>
      <c r="AJ26" s="190">
        <v>0</v>
      </c>
      <c r="AK26" s="191">
        <v>0</v>
      </c>
      <c r="AL26" s="196">
        <v>0</v>
      </c>
      <c r="AM26" s="193">
        <v>0</v>
      </c>
      <c r="AN26" s="191">
        <v>0</v>
      </c>
      <c r="AO26" s="191">
        <v>0</v>
      </c>
      <c r="AP26" s="191">
        <v>0</v>
      </c>
      <c r="AQ26" s="191">
        <v>0</v>
      </c>
      <c r="AR26" s="191">
        <v>1</v>
      </c>
      <c r="AS26" s="196">
        <v>1</v>
      </c>
      <c r="AT26" s="195">
        <v>1</v>
      </c>
      <c r="AU26" s="190">
        <v>3</v>
      </c>
      <c r="AV26" s="191">
        <v>2</v>
      </c>
      <c r="AW26" s="196">
        <v>5</v>
      </c>
      <c r="AX26" s="193">
        <v>0</v>
      </c>
      <c r="AY26" s="191">
        <v>12</v>
      </c>
      <c r="AZ26" s="191">
        <v>10</v>
      </c>
      <c r="BA26" s="191">
        <v>8</v>
      </c>
      <c r="BB26" s="191">
        <v>10</v>
      </c>
      <c r="BC26" s="191">
        <v>11</v>
      </c>
      <c r="BD26" s="194">
        <v>51</v>
      </c>
      <c r="BE26" s="195">
        <v>56</v>
      </c>
      <c r="BF26" s="190">
        <v>0</v>
      </c>
      <c r="BG26" s="191">
        <v>0</v>
      </c>
      <c r="BH26" s="196">
        <v>0</v>
      </c>
      <c r="BI26" s="193">
        <v>0</v>
      </c>
      <c r="BJ26" s="191">
        <v>11</v>
      </c>
      <c r="BK26" s="191">
        <v>7</v>
      </c>
      <c r="BL26" s="191">
        <v>2</v>
      </c>
      <c r="BM26" s="191">
        <v>1</v>
      </c>
      <c r="BN26" s="191">
        <v>0</v>
      </c>
      <c r="BO26" s="196">
        <v>21</v>
      </c>
      <c r="BP26" s="195">
        <v>21</v>
      </c>
      <c r="BQ26" s="190">
        <v>3</v>
      </c>
      <c r="BR26" s="191">
        <v>1</v>
      </c>
      <c r="BS26" s="196">
        <v>4</v>
      </c>
      <c r="BT26" s="193">
        <v>0</v>
      </c>
      <c r="BU26" s="191">
        <v>5</v>
      </c>
      <c r="BV26" s="191">
        <v>4</v>
      </c>
      <c r="BW26" s="191">
        <v>1</v>
      </c>
      <c r="BX26" s="191">
        <v>0</v>
      </c>
      <c r="BY26" s="191">
        <v>3</v>
      </c>
      <c r="BZ26" s="196">
        <v>13</v>
      </c>
      <c r="CA26" s="195">
        <v>17</v>
      </c>
      <c r="CB26" s="190">
        <v>0</v>
      </c>
      <c r="CC26" s="191">
        <v>0</v>
      </c>
      <c r="CD26" s="196">
        <v>0</v>
      </c>
      <c r="CE26" s="193">
        <v>0</v>
      </c>
      <c r="CF26" s="191">
        <v>0</v>
      </c>
      <c r="CG26" s="191">
        <v>0</v>
      </c>
      <c r="CH26" s="191">
        <v>1</v>
      </c>
      <c r="CI26" s="191">
        <v>0</v>
      </c>
      <c r="CJ26" s="191">
        <v>1</v>
      </c>
      <c r="CK26" s="196">
        <v>2</v>
      </c>
      <c r="CL26" s="195">
        <v>2</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c r="DI26" s="190">
        <v>0</v>
      </c>
      <c r="DJ26" s="191">
        <v>0</v>
      </c>
      <c r="DK26" s="196">
        <v>0</v>
      </c>
      <c r="DL26" s="193">
        <v>0</v>
      </c>
      <c r="DM26" s="191">
        <v>0</v>
      </c>
      <c r="DN26" s="191">
        <v>0</v>
      </c>
      <c r="DO26" s="191">
        <v>0</v>
      </c>
      <c r="DP26" s="191">
        <v>0</v>
      </c>
      <c r="DQ26" s="191">
        <v>0</v>
      </c>
      <c r="DR26" s="196">
        <v>0</v>
      </c>
      <c r="DS26" s="195">
        <v>0</v>
      </c>
      <c r="DT26" s="190">
        <v>6</v>
      </c>
      <c r="DU26" s="191">
        <v>10</v>
      </c>
      <c r="DV26" s="196">
        <v>16</v>
      </c>
      <c r="DW26" s="193">
        <v>0</v>
      </c>
      <c r="DX26" s="191">
        <v>9</v>
      </c>
      <c r="DY26" s="191">
        <v>20</v>
      </c>
      <c r="DZ26" s="191">
        <v>7</v>
      </c>
      <c r="EA26" s="191">
        <v>9</v>
      </c>
      <c r="EB26" s="191">
        <v>6</v>
      </c>
      <c r="EC26" s="196">
        <v>51</v>
      </c>
      <c r="ED26" s="195">
        <v>67</v>
      </c>
      <c r="EE26" s="190">
        <v>2</v>
      </c>
      <c r="EF26" s="191">
        <v>3</v>
      </c>
      <c r="EG26" s="196">
        <v>5</v>
      </c>
      <c r="EH26" s="193">
        <v>0</v>
      </c>
      <c r="EI26" s="191">
        <v>7</v>
      </c>
      <c r="EJ26" s="191">
        <v>7</v>
      </c>
      <c r="EK26" s="191">
        <v>4</v>
      </c>
      <c r="EL26" s="191">
        <v>3</v>
      </c>
      <c r="EM26" s="191">
        <v>4</v>
      </c>
      <c r="EN26" s="196">
        <v>25</v>
      </c>
      <c r="EO26" s="195">
        <v>30</v>
      </c>
      <c r="EP26" s="190">
        <v>10</v>
      </c>
      <c r="EQ26" s="191">
        <v>15</v>
      </c>
      <c r="ER26" s="196">
        <v>25</v>
      </c>
      <c r="ES26" s="193">
        <v>0</v>
      </c>
      <c r="ET26" s="191">
        <v>21</v>
      </c>
      <c r="EU26" s="191">
        <v>22</v>
      </c>
      <c r="EV26" s="191">
        <v>10</v>
      </c>
      <c r="EW26" s="191">
        <v>8</v>
      </c>
      <c r="EX26" s="191">
        <v>6</v>
      </c>
      <c r="EY26" s="196">
        <v>67</v>
      </c>
      <c r="EZ26" s="195">
        <v>92</v>
      </c>
    </row>
    <row r="27" spans="2:156" ht="21" customHeight="1" x14ac:dyDescent="0.2">
      <c r="B27" s="106" t="s">
        <v>25</v>
      </c>
      <c r="C27" s="190">
        <v>0</v>
      </c>
      <c r="D27" s="191">
        <v>0</v>
      </c>
      <c r="E27" s="192">
        <v>0</v>
      </c>
      <c r="F27" s="193">
        <v>0</v>
      </c>
      <c r="G27" s="191">
        <v>1</v>
      </c>
      <c r="H27" s="191">
        <v>1</v>
      </c>
      <c r="I27" s="191">
        <v>3</v>
      </c>
      <c r="J27" s="191">
        <v>2</v>
      </c>
      <c r="K27" s="191">
        <v>0</v>
      </c>
      <c r="L27" s="194">
        <v>7</v>
      </c>
      <c r="M27" s="195">
        <v>7</v>
      </c>
      <c r="N27" s="190">
        <v>0</v>
      </c>
      <c r="O27" s="191">
        <v>0</v>
      </c>
      <c r="P27" s="196">
        <v>0</v>
      </c>
      <c r="Q27" s="193">
        <v>0</v>
      </c>
      <c r="R27" s="191">
        <v>1</v>
      </c>
      <c r="S27" s="191">
        <v>0</v>
      </c>
      <c r="T27" s="191">
        <v>1</v>
      </c>
      <c r="U27" s="191">
        <v>0</v>
      </c>
      <c r="V27" s="191">
        <v>1</v>
      </c>
      <c r="W27" s="196">
        <v>3</v>
      </c>
      <c r="X27" s="195">
        <v>3</v>
      </c>
      <c r="Y27" s="190">
        <v>4</v>
      </c>
      <c r="Z27" s="191">
        <v>4</v>
      </c>
      <c r="AA27" s="196">
        <v>8</v>
      </c>
      <c r="AB27" s="193">
        <v>0</v>
      </c>
      <c r="AC27" s="191">
        <v>1</v>
      </c>
      <c r="AD27" s="191">
        <v>0</v>
      </c>
      <c r="AE27" s="191">
        <v>2</v>
      </c>
      <c r="AF27" s="191">
        <v>0</v>
      </c>
      <c r="AG27" s="191">
        <v>2</v>
      </c>
      <c r="AH27" s="196">
        <v>5</v>
      </c>
      <c r="AI27" s="195">
        <v>13</v>
      </c>
      <c r="AJ27" s="190">
        <v>0</v>
      </c>
      <c r="AK27" s="191">
        <v>0</v>
      </c>
      <c r="AL27" s="196">
        <v>0</v>
      </c>
      <c r="AM27" s="193">
        <v>0</v>
      </c>
      <c r="AN27" s="191">
        <v>0</v>
      </c>
      <c r="AO27" s="191">
        <v>0</v>
      </c>
      <c r="AP27" s="191">
        <v>0</v>
      </c>
      <c r="AQ27" s="191">
        <v>0</v>
      </c>
      <c r="AR27" s="191">
        <v>0</v>
      </c>
      <c r="AS27" s="196">
        <v>0</v>
      </c>
      <c r="AT27" s="195">
        <v>0</v>
      </c>
      <c r="AU27" s="190">
        <v>1</v>
      </c>
      <c r="AV27" s="191">
        <v>1</v>
      </c>
      <c r="AW27" s="196">
        <v>2</v>
      </c>
      <c r="AX27" s="193">
        <v>0</v>
      </c>
      <c r="AY27" s="191">
        <v>2</v>
      </c>
      <c r="AZ27" s="191">
        <v>2</v>
      </c>
      <c r="BA27" s="191">
        <v>2</v>
      </c>
      <c r="BB27" s="191">
        <v>2</v>
      </c>
      <c r="BC27" s="191">
        <v>1</v>
      </c>
      <c r="BD27" s="194">
        <v>9</v>
      </c>
      <c r="BE27" s="195">
        <v>11</v>
      </c>
      <c r="BF27" s="190">
        <v>0</v>
      </c>
      <c r="BG27" s="191">
        <v>0</v>
      </c>
      <c r="BH27" s="196">
        <v>0</v>
      </c>
      <c r="BI27" s="193">
        <v>0</v>
      </c>
      <c r="BJ27" s="191">
        <v>1</v>
      </c>
      <c r="BK27" s="191">
        <v>3</v>
      </c>
      <c r="BL27" s="191">
        <v>3</v>
      </c>
      <c r="BM27" s="191">
        <v>0</v>
      </c>
      <c r="BN27" s="191">
        <v>1</v>
      </c>
      <c r="BO27" s="196">
        <v>8</v>
      </c>
      <c r="BP27" s="195">
        <v>8</v>
      </c>
      <c r="BQ27" s="190">
        <v>0</v>
      </c>
      <c r="BR27" s="191">
        <v>0</v>
      </c>
      <c r="BS27" s="196">
        <v>0</v>
      </c>
      <c r="BT27" s="193">
        <v>0</v>
      </c>
      <c r="BU27" s="191">
        <v>3</v>
      </c>
      <c r="BV27" s="191">
        <v>2</v>
      </c>
      <c r="BW27" s="191">
        <v>1</v>
      </c>
      <c r="BX27" s="191">
        <v>0</v>
      </c>
      <c r="BY27" s="191">
        <v>0</v>
      </c>
      <c r="BZ27" s="196">
        <v>6</v>
      </c>
      <c r="CA27" s="195">
        <v>6</v>
      </c>
      <c r="CB27" s="190">
        <v>0</v>
      </c>
      <c r="CC27" s="191">
        <v>0</v>
      </c>
      <c r="CD27" s="196">
        <v>0</v>
      </c>
      <c r="CE27" s="193">
        <v>0</v>
      </c>
      <c r="CF27" s="191">
        <v>1</v>
      </c>
      <c r="CG27" s="191">
        <v>0</v>
      </c>
      <c r="CH27" s="191">
        <v>1</v>
      </c>
      <c r="CI27" s="191">
        <v>1</v>
      </c>
      <c r="CJ27" s="191">
        <v>0</v>
      </c>
      <c r="CK27" s="196">
        <v>3</v>
      </c>
      <c r="CL27" s="195">
        <v>3</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c r="DI27" s="190">
        <v>0</v>
      </c>
      <c r="DJ27" s="191">
        <v>0</v>
      </c>
      <c r="DK27" s="196">
        <v>0</v>
      </c>
      <c r="DL27" s="193">
        <v>0</v>
      </c>
      <c r="DM27" s="191">
        <v>0</v>
      </c>
      <c r="DN27" s="191">
        <v>0</v>
      </c>
      <c r="DO27" s="191">
        <v>0</v>
      </c>
      <c r="DP27" s="191">
        <v>0</v>
      </c>
      <c r="DQ27" s="191">
        <v>0</v>
      </c>
      <c r="DR27" s="196">
        <v>0</v>
      </c>
      <c r="DS27" s="195">
        <v>0</v>
      </c>
      <c r="DT27" s="190">
        <v>6</v>
      </c>
      <c r="DU27" s="191">
        <v>9</v>
      </c>
      <c r="DV27" s="196">
        <v>15</v>
      </c>
      <c r="DW27" s="193">
        <v>0</v>
      </c>
      <c r="DX27" s="191">
        <v>3</v>
      </c>
      <c r="DY27" s="191">
        <v>6</v>
      </c>
      <c r="DZ27" s="191">
        <v>7</v>
      </c>
      <c r="EA27" s="191">
        <v>0</v>
      </c>
      <c r="EB27" s="191">
        <v>3</v>
      </c>
      <c r="EC27" s="196">
        <v>19</v>
      </c>
      <c r="ED27" s="195">
        <v>34</v>
      </c>
      <c r="EE27" s="190">
        <v>0</v>
      </c>
      <c r="EF27" s="191">
        <v>0</v>
      </c>
      <c r="EG27" s="196">
        <v>0</v>
      </c>
      <c r="EH27" s="193">
        <v>0</v>
      </c>
      <c r="EI27" s="191">
        <v>1</v>
      </c>
      <c r="EJ27" s="191">
        <v>2</v>
      </c>
      <c r="EK27" s="191">
        <v>1</v>
      </c>
      <c r="EL27" s="191">
        <v>1</v>
      </c>
      <c r="EM27" s="191">
        <v>0</v>
      </c>
      <c r="EN27" s="196">
        <v>5</v>
      </c>
      <c r="EO27" s="195">
        <v>5</v>
      </c>
      <c r="EP27" s="190">
        <v>10</v>
      </c>
      <c r="EQ27" s="191">
        <v>10</v>
      </c>
      <c r="ER27" s="196">
        <v>20</v>
      </c>
      <c r="ES27" s="193">
        <v>0</v>
      </c>
      <c r="ET27" s="191">
        <v>9</v>
      </c>
      <c r="EU27" s="191">
        <v>8</v>
      </c>
      <c r="EV27" s="191">
        <v>9</v>
      </c>
      <c r="EW27" s="191">
        <v>2</v>
      </c>
      <c r="EX27" s="191">
        <v>3</v>
      </c>
      <c r="EY27" s="196">
        <v>31</v>
      </c>
      <c r="EZ27" s="195">
        <v>51</v>
      </c>
    </row>
    <row r="28" spans="2:156" ht="21" customHeight="1" x14ac:dyDescent="0.2">
      <c r="B28" s="106" t="s">
        <v>26</v>
      </c>
      <c r="C28" s="190">
        <v>0</v>
      </c>
      <c r="D28" s="191">
        <v>0</v>
      </c>
      <c r="E28" s="192">
        <v>0</v>
      </c>
      <c r="F28" s="193">
        <v>0</v>
      </c>
      <c r="G28" s="191">
        <v>3</v>
      </c>
      <c r="H28" s="191">
        <v>6</v>
      </c>
      <c r="I28" s="191">
        <v>4</v>
      </c>
      <c r="J28" s="191">
        <v>0</v>
      </c>
      <c r="K28" s="191">
        <v>2</v>
      </c>
      <c r="L28" s="194">
        <v>15</v>
      </c>
      <c r="M28" s="195">
        <v>15</v>
      </c>
      <c r="N28" s="190">
        <v>0</v>
      </c>
      <c r="O28" s="191">
        <v>0</v>
      </c>
      <c r="P28" s="196">
        <v>0</v>
      </c>
      <c r="Q28" s="193">
        <v>0</v>
      </c>
      <c r="R28" s="191">
        <v>0</v>
      </c>
      <c r="S28" s="191">
        <v>0</v>
      </c>
      <c r="T28" s="191">
        <v>0</v>
      </c>
      <c r="U28" s="191">
        <v>0</v>
      </c>
      <c r="V28" s="191">
        <v>0</v>
      </c>
      <c r="W28" s="196">
        <v>0</v>
      </c>
      <c r="X28" s="195">
        <v>0</v>
      </c>
      <c r="Y28" s="190">
        <v>0</v>
      </c>
      <c r="Z28" s="191">
        <v>1</v>
      </c>
      <c r="AA28" s="196">
        <v>1</v>
      </c>
      <c r="AB28" s="193">
        <v>0</v>
      </c>
      <c r="AC28" s="191">
        <v>4</v>
      </c>
      <c r="AD28" s="191">
        <v>4</v>
      </c>
      <c r="AE28" s="191">
        <v>3</v>
      </c>
      <c r="AF28" s="191">
        <v>0</v>
      </c>
      <c r="AG28" s="191">
        <v>2</v>
      </c>
      <c r="AH28" s="196">
        <v>13</v>
      </c>
      <c r="AI28" s="195">
        <v>14</v>
      </c>
      <c r="AJ28" s="190">
        <v>1</v>
      </c>
      <c r="AK28" s="191">
        <v>0</v>
      </c>
      <c r="AL28" s="196">
        <v>1</v>
      </c>
      <c r="AM28" s="193">
        <v>0</v>
      </c>
      <c r="AN28" s="191">
        <v>1</v>
      </c>
      <c r="AO28" s="191">
        <v>0</v>
      </c>
      <c r="AP28" s="191">
        <v>1</v>
      </c>
      <c r="AQ28" s="191">
        <v>0</v>
      </c>
      <c r="AR28" s="191">
        <v>0</v>
      </c>
      <c r="AS28" s="196">
        <v>2</v>
      </c>
      <c r="AT28" s="195">
        <v>3</v>
      </c>
      <c r="AU28" s="190">
        <v>1</v>
      </c>
      <c r="AV28" s="191">
        <v>0</v>
      </c>
      <c r="AW28" s="196">
        <v>1</v>
      </c>
      <c r="AX28" s="193">
        <v>0</v>
      </c>
      <c r="AY28" s="191">
        <v>6</v>
      </c>
      <c r="AZ28" s="191">
        <v>5</v>
      </c>
      <c r="BA28" s="191">
        <v>8</v>
      </c>
      <c r="BB28" s="191">
        <v>4</v>
      </c>
      <c r="BC28" s="191">
        <v>4</v>
      </c>
      <c r="BD28" s="194">
        <v>27</v>
      </c>
      <c r="BE28" s="195">
        <v>28</v>
      </c>
      <c r="BF28" s="190">
        <v>0</v>
      </c>
      <c r="BG28" s="191">
        <v>0</v>
      </c>
      <c r="BH28" s="196">
        <v>0</v>
      </c>
      <c r="BI28" s="193">
        <v>0</v>
      </c>
      <c r="BJ28" s="191">
        <v>9</v>
      </c>
      <c r="BK28" s="191">
        <v>2</v>
      </c>
      <c r="BL28" s="191">
        <v>3</v>
      </c>
      <c r="BM28" s="191">
        <v>0</v>
      </c>
      <c r="BN28" s="191">
        <v>1</v>
      </c>
      <c r="BO28" s="196">
        <v>15</v>
      </c>
      <c r="BP28" s="195">
        <v>15</v>
      </c>
      <c r="BQ28" s="190">
        <v>0</v>
      </c>
      <c r="BR28" s="191">
        <v>0</v>
      </c>
      <c r="BS28" s="196">
        <v>0</v>
      </c>
      <c r="BT28" s="193">
        <v>0</v>
      </c>
      <c r="BU28" s="191">
        <v>0</v>
      </c>
      <c r="BV28" s="191">
        <v>3</v>
      </c>
      <c r="BW28" s="191">
        <v>1</v>
      </c>
      <c r="BX28" s="191">
        <v>0</v>
      </c>
      <c r="BY28" s="191">
        <v>0</v>
      </c>
      <c r="BZ28" s="196">
        <v>4</v>
      </c>
      <c r="CA28" s="195">
        <v>4</v>
      </c>
      <c r="CB28" s="190">
        <v>0</v>
      </c>
      <c r="CC28" s="191">
        <v>0</v>
      </c>
      <c r="CD28" s="196">
        <v>0</v>
      </c>
      <c r="CE28" s="193">
        <v>0</v>
      </c>
      <c r="CF28" s="191">
        <v>2</v>
      </c>
      <c r="CG28" s="191">
        <v>2</v>
      </c>
      <c r="CH28" s="191">
        <v>1</v>
      </c>
      <c r="CI28" s="191">
        <v>1</v>
      </c>
      <c r="CJ28" s="191">
        <v>0</v>
      </c>
      <c r="CK28" s="196">
        <v>6</v>
      </c>
      <c r="CL28" s="195">
        <v>6</v>
      </c>
      <c r="CM28" s="190">
        <v>0</v>
      </c>
      <c r="CN28" s="191">
        <v>0</v>
      </c>
      <c r="CO28" s="196">
        <v>0</v>
      </c>
      <c r="CP28" s="193">
        <v>0</v>
      </c>
      <c r="CQ28" s="191">
        <v>0</v>
      </c>
      <c r="CR28" s="191">
        <v>0</v>
      </c>
      <c r="CS28" s="191">
        <v>0</v>
      </c>
      <c r="CT28" s="191">
        <v>0</v>
      </c>
      <c r="CU28" s="191">
        <v>1</v>
      </c>
      <c r="CV28" s="196">
        <v>1</v>
      </c>
      <c r="CW28" s="195">
        <v>1</v>
      </c>
      <c r="CX28" s="190">
        <v>0</v>
      </c>
      <c r="CY28" s="191">
        <v>0</v>
      </c>
      <c r="CZ28" s="196">
        <v>0</v>
      </c>
      <c r="DA28" s="193">
        <v>0</v>
      </c>
      <c r="DB28" s="191">
        <v>0</v>
      </c>
      <c r="DC28" s="191">
        <v>0</v>
      </c>
      <c r="DD28" s="191">
        <v>0</v>
      </c>
      <c r="DE28" s="191">
        <v>0</v>
      </c>
      <c r="DF28" s="191">
        <v>0</v>
      </c>
      <c r="DG28" s="196">
        <v>0</v>
      </c>
      <c r="DH28" s="195">
        <v>0</v>
      </c>
      <c r="DI28" s="190">
        <v>0</v>
      </c>
      <c r="DJ28" s="191">
        <v>0</v>
      </c>
      <c r="DK28" s="196">
        <v>0</v>
      </c>
      <c r="DL28" s="193">
        <v>0</v>
      </c>
      <c r="DM28" s="191">
        <v>0</v>
      </c>
      <c r="DN28" s="191">
        <v>0</v>
      </c>
      <c r="DO28" s="191">
        <v>0</v>
      </c>
      <c r="DP28" s="191">
        <v>0</v>
      </c>
      <c r="DQ28" s="191">
        <v>0</v>
      </c>
      <c r="DR28" s="196">
        <v>0</v>
      </c>
      <c r="DS28" s="195">
        <v>0</v>
      </c>
      <c r="DT28" s="190">
        <v>1</v>
      </c>
      <c r="DU28" s="191">
        <v>6</v>
      </c>
      <c r="DV28" s="196">
        <v>7</v>
      </c>
      <c r="DW28" s="193">
        <v>0</v>
      </c>
      <c r="DX28" s="191">
        <v>3</v>
      </c>
      <c r="DY28" s="191">
        <v>12</v>
      </c>
      <c r="DZ28" s="191">
        <v>6</v>
      </c>
      <c r="EA28" s="191">
        <v>0</v>
      </c>
      <c r="EB28" s="191">
        <v>2</v>
      </c>
      <c r="EC28" s="196">
        <v>23</v>
      </c>
      <c r="ED28" s="195">
        <v>30</v>
      </c>
      <c r="EE28" s="190">
        <v>1</v>
      </c>
      <c r="EF28" s="191">
        <v>1</v>
      </c>
      <c r="EG28" s="196">
        <v>2</v>
      </c>
      <c r="EH28" s="193">
        <v>0</v>
      </c>
      <c r="EI28" s="191">
        <v>5</v>
      </c>
      <c r="EJ28" s="191">
        <v>2</v>
      </c>
      <c r="EK28" s="191">
        <v>5</v>
      </c>
      <c r="EL28" s="191">
        <v>4</v>
      </c>
      <c r="EM28" s="191">
        <v>3</v>
      </c>
      <c r="EN28" s="196">
        <v>19</v>
      </c>
      <c r="EO28" s="195">
        <v>21</v>
      </c>
      <c r="EP28" s="190">
        <v>2</v>
      </c>
      <c r="EQ28" s="191">
        <v>7</v>
      </c>
      <c r="ER28" s="196">
        <v>9</v>
      </c>
      <c r="ES28" s="193">
        <v>0</v>
      </c>
      <c r="ET28" s="191">
        <v>16</v>
      </c>
      <c r="EU28" s="191">
        <v>12</v>
      </c>
      <c r="EV28" s="191">
        <v>8</v>
      </c>
      <c r="EW28" s="191">
        <v>1</v>
      </c>
      <c r="EX28" s="191">
        <v>3</v>
      </c>
      <c r="EY28" s="196">
        <v>40</v>
      </c>
      <c r="EZ28" s="195">
        <v>49</v>
      </c>
    </row>
    <row r="29" spans="2:156" ht="21" customHeight="1" x14ac:dyDescent="0.2">
      <c r="B29" s="106" t="s">
        <v>27</v>
      </c>
      <c r="C29" s="190">
        <v>0</v>
      </c>
      <c r="D29" s="191">
        <v>0</v>
      </c>
      <c r="E29" s="192">
        <v>0</v>
      </c>
      <c r="F29" s="193">
        <v>0</v>
      </c>
      <c r="G29" s="191">
        <v>2</v>
      </c>
      <c r="H29" s="191">
        <v>5</v>
      </c>
      <c r="I29" s="191">
        <v>3</v>
      </c>
      <c r="J29" s="191">
        <v>2</v>
      </c>
      <c r="K29" s="191">
        <v>1</v>
      </c>
      <c r="L29" s="194">
        <v>13</v>
      </c>
      <c r="M29" s="195">
        <v>13</v>
      </c>
      <c r="N29" s="190">
        <v>0</v>
      </c>
      <c r="O29" s="191">
        <v>0</v>
      </c>
      <c r="P29" s="196">
        <v>0</v>
      </c>
      <c r="Q29" s="193">
        <v>0</v>
      </c>
      <c r="R29" s="191">
        <v>0</v>
      </c>
      <c r="S29" s="191">
        <v>0</v>
      </c>
      <c r="T29" s="191">
        <v>0</v>
      </c>
      <c r="U29" s="191">
        <v>1</v>
      </c>
      <c r="V29" s="191">
        <v>1</v>
      </c>
      <c r="W29" s="196">
        <v>2</v>
      </c>
      <c r="X29" s="195">
        <v>2</v>
      </c>
      <c r="Y29" s="190">
        <v>1</v>
      </c>
      <c r="Z29" s="191">
        <v>5</v>
      </c>
      <c r="AA29" s="196">
        <v>6</v>
      </c>
      <c r="AB29" s="193">
        <v>0</v>
      </c>
      <c r="AC29" s="191">
        <v>0</v>
      </c>
      <c r="AD29" s="191">
        <v>3</v>
      </c>
      <c r="AE29" s="191">
        <v>5</v>
      </c>
      <c r="AF29" s="191">
        <v>3</v>
      </c>
      <c r="AG29" s="191">
        <v>0</v>
      </c>
      <c r="AH29" s="196">
        <v>11</v>
      </c>
      <c r="AI29" s="195">
        <v>17</v>
      </c>
      <c r="AJ29" s="190">
        <v>0</v>
      </c>
      <c r="AK29" s="191">
        <v>0</v>
      </c>
      <c r="AL29" s="196">
        <v>0</v>
      </c>
      <c r="AM29" s="193">
        <v>0</v>
      </c>
      <c r="AN29" s="191">
        <v>0</v>
      </c>
      <c r="AO29" s="191">
        <v>0</v>
      </c>
      <c r="AP29" s="191">
        <v>0</v>
      </c>
      <c r="AQ29" s="191">
        <v>0</v>
      </c>
      <c r="AR29" s="191">
        <v>0</v>
      </c>
      <c r="AS29" s="196">
        <v>0</v>
      </c>
      <c r="AT29" s="195">
        <v>0</v>
      </c>
      <c r="AU29" s="190">
        <v>0</v>
      </c>
      <c r="AV29" s="191">
        <v>0</v>
      </c>
      <c r="AW29" s="196">
        <v>0</v>
      </c>
      <c r="AX29" s="193">
        <v>0</v>
      </c>
      <c r="AY29" s="191">
        <v>3</v>
      </c>
      <c r="AZ29" s="191">
        <v>5</v>
      </c>
      <c r="BA29" s="191">
        <v>6</v>
      </c>
      <c r="BB29" s="191">
        <v>4</v>
      </c>
      <c r="BC29" s="191">
        <v>3</v>
      </c>
      <c r="BD29" s="194">
        <v>21</v>
      </c>
      <c r="BE29" s="195">
        <v>21</v>
      </c>
      <c r="BF29" s="190">
        <v>0</v>
      </c>
      <c r="BG29" s="191">
        <v>0</v>
      </c>
      <c r="BH29" s="196">
        <v>0</v>
      </c>
      <c r="BI29" s="193">
        <v>0</v>
      </c>
      <c r="BJ29" s="191">
        <v>4</v>
      </c>
      <c r="BK29" s="191">
        <v>3</v>
      </c>
      <c r="BL29" s="191">
        <v>2</v>
      </c>
      <c r="BM29" s="191">
        <v>4</v>
      </c>
      <c r="BN29" s="191">
        <v>0</v>
      </c>
      <c r="BO29" s="196">
        <v>13</v>
      </c>
      <c r="BP29" s="195">
        <v>13</v>
      </c>
      <c r="BQ29" s="190">
        <v>2</v>
      </c>
      <c r="BR29" s="191">
        <v>1</v>
      </c>
      <c r="BS29" s="196">
        <v>3</v>
      </c>
      <c r="BT29" s="193">
        <v>0</v>
      </c>
      <c r="BU29" s="191">
        <v>2</v>
      </c>
      <c r="BV29" s="191">
        <v>2</v>
      </c>
      <c r="BW29" s="191">
        <v>1</v>
      </c>
      <c r="BX29" s="191">
        <v>0</v>
      </c>
      <c r="BY29" s="191">
        <v>0</v>
      </c>
      <c r="BZ29" s="196">
        <v>5</v>
      </c>
      <c r="CA29" s="195">
        <v>8</v>
      </c>
      <c r="CB29" s="190">
        <v>0</v>
      </c>
      <c r="CC29" s="191">
        <v>0</v>
      </c>
      <c r="CD29" s="196">
        <v>0</v>
      </c>
      <c r="CE29" s="193">
        <v>0</v>
      </c>
      <c r="CF29" s="191">
        <v>4</v>
      </c>
      <c r="CG29" s="191">
        <v>0</v>
      </c>
      <c r="CH29" s="191">
        <v>1</v>
      </c>
      <c r="CI29" s="191">
        <v>1</v>
      </c>
      <c r="CJ29" s="191">
        <v>1</v>
      </c>
      <c r="CK29" s="196">
        <v>7</v>
      </c>
      <c r="CL29" s="195">
        <v>7</v>
      </c>
      <c r="CM29" s="190">
        <v>0</v>
      </c>
      <c r="CN29" s="191">
        <v>0</v>
      </c>
      <c r="CO29" s="196">
        <v>0</v>
      </c>
      <c r="CP29" s="193">
        <v>0</v>
      </c>
      <c r="CQ29" s="191">
        <v>1</v>
      </c>
      <c r="CR29" s="191">
        <v>0</v>
      </c>
      <c r="CS29" s="191">
        <v>0</v>
      </c>
      <c r="CT29" s="191">
        <v>0</v>
      </c>
      <c r="CU29" s="191">
        <v>0</v>
      </c>
      <c r="CV29" s="196">
        <v>1</v>
      </c>
      <c r="CW29" s="195">
        <v>1</v>
      </c>
      <c r="CX29" s="190">
        <v>0</v>
      </c>
      <c r="CY29" s="191">
        <v>0</v>
      </c>
      <c r="CZ29" s="196">
        <v>0</v>
      </c>
      <c r="DA29" s="193">
        <v>0</v>
      </c>
      <c r="DB29" s="191">
        <v>0</v>
      </c>
      <c r="DC29" s="191">
        <v>0</v>
      </c>
      <c r="DD29" s="191">
        <v>0</v>
      </c>
      <c r="DE29" s="191">
        <v>0</v>
      </c>
      <c r="DF29" s="191">
        <v>0</v>
      </c>
      <c r="DG29" s="196">
        <v>0</v>
      </c>
      <c r="DH29" s="195">
        <v>0</v>
      </c>
      <c r="DI29" s="190">
        <v>0</v>
      </c>
      <c r="DJ29" s="191">
        <v>0</v>
      </c>
      <c r="DK29" s="196">
        <v>0</v>
      </c>
      <c r="DL29" s="193">
        <v>0</v>
      </c>
      <c r="DM29" s="191">
        <v>0</v>
      </c>
      <c r="DN29" s="191">
        <v>0</v>
      </c>
      <c r="DO29" s="191">
        <v>0</v>
      </c>
      <c r="DP29" s="191">
        <v>0</v>
      </c>
      <c r="DQ29" s="191">
        <v>0</v>
      </c>
      <c r="DR29" s="196">
        <v>0</v>
      </c>
      <c r="DS29" s="195">
        <v>0</v>
      </c>
      <c r="DT29" s="190">
        <v>4</v>
      </c>
      <c r="DU29" s="191">
        <v>10</v>
      </c>
      <c r="DV29" s="196">
        <v>14</v>
      </c>
      <c r="DW29" s="193">
        <v>0</v>
      </c>
      <c r="DX29" s="191">
        <v>3</v>
      </c>
      <c r="DY29" s="191">
        <v>9</v>
      </c>
      <c r="DZ29" s="191">
        <v>10</v>
      </c>
      <c r="EA29" s="191">
        <v>5</v>
      </c>
      <c r="EB29" s="191">
        <v>1</v>
      </c>
      <c r="EC29" s="196">
        <v>28</v>
      </c>
      <c r="ED29" s="195">
        <v>42</v>
      </c>
      <c r="EE29" s="190">
        <v>0</v>
      </c>
      <c r="EF29" s="191">
        <v>1</v>
      </c>
      <c r="EG29" s="196">
        <v>1</v>
      </c>
      <c r="EH29" s="193">
        <v>0</v>
      </c>
      <c r="EI29" s="191">
        <v>3</v>
      </c>
      <c r="EJ29" s="191">
        <v>3</v>
      </c>
      <c r="EK29" s="191">
        <v>2</v>
      </c>
      <c r="EL29" s="191">
        <v>2</v>
      </c>
      <c r="EM29" s="191">
        <v>4</v>
      </c>
      <c r="EN29" s="196">
        <v>14</v>
      </c>
      <c r="EO29" s="195">
        <v>15</v>
      </c>
      <c r="EP29" s="190">
        <v>7</v>
      </c>
      <c r="EQ29" s="191">
        <v>13</v>
      </c>
      <c r="ER29" s="196">
        <v>20</v>
      </c>
      <c r="ES29" s="193">
        <v>0</v>
      </c>
      <c r="ET29" s="191">
        <v>10</v>
      </c>
      <c r="EU29" s="191">
        <v>13</v>
      </c>
      <c r="EV29" s="191">
        <v>11</v>
      </c>
      <c r="EW29" s="191">
        <v>5</v>
      </c>
      <c r="EX29" s="191">
        <v>1</v>
      </c>
      <c r="EY29" s="196">
        <v>40</v>
      </c>
      <c r="EZ29" s="195">
        <v>60</v>
      </c>
    </row>
    <row r="30" spans="2:156" ht="21" customHeight="1" x14ac:dyDescent="0.2">
      <c r="B30" s="106" t="s">
        <v>28</v>
      </c>
      <c r="C30" s="190">
        <v>0</v>
      </c>
      <c r="D30" s="191">
        <v>0</v>
      </c>
      <c r="E30" s="192">
        <v>0</v>
      </c>
      <c r="F30" s="193">
        <v>0</v>
      </c>
      <c r="G30" s="191">
        <v>1</v>
      </c>
      <c r="H30" s="191">
        <v>1</v>
      </c>
      <c r="I30" s="191">
        <v>0</v>
      </c>
      <c r="J30" s="191">
        <v>1</v>
      </c>
      <c r="K30" s="191">
        <v>0</v>
      </c>
      <c r="L30" s="194">
        <v>3</v>
      </c>
      <c r="M30" s="195">
        <v>3</v>
      </c>
      <c r="N30" s="190">
        <v>0</v>
      </c>
      <c r="O30" s="191">
        <v>0</v>
      </c>
      <c r="P30" s="196">
        <v>0</v>
      </c>
      <c r="Q30" s="193">
        <v>0</v>
      </c>
      <c r="R30" s="191">
        <v>0</v>
      </c>
      <c r="S30" s="191">
        <v>0</v>
      </c>
      <c r="T30" s="191">
        <v>0</v>
      </c>
      <c r="U30" s="191">
        <v>0</v>
      </c>
      <c r="V30" s="191">
        <v>1</v>
      </c>
      <c r="W30" s="196">
        <v>1</v>
      </c>
      <c r="X30" s="195">
        <v>1</v>
      </c>
      <c r="Y30" s="190">
        <v>0</v>
      </c>
      <c r="Z30" s="191">
        <v>0</v>
      </c>
      <c r="AA30" s="196">
        <v>0</v>
      </c>
      <c r="AB30" s="193">
        <v>0</v>
      </c>
      <c r="AC30" s="191">
        <v>0</v>
      </c>
      <c r="AD30" s="191">
        <v>1</v>
      </c>
      <c r="AE30" s="191">
        <v>1</v>
      </c>
      <c r="AF30" s="191">
        <v>0</v>
      </c>
      <c r="AG30" s="191">
        <v>0</v>
      </c>
      <c r="AH30" s="196">
        <v>2</v>
      </c>
      <c r="AI30" s="195">
        <v>2</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1</v>
      </c>
      <c r="AZ30" s="191">
        <v>2</v>
      </c>
      <c r="BA30" s="191">
        <v>2</v>
      </c>
      <c r="BB30" s="191">
        <v>2</v>
      </c>
      <c r="BC30" s="191">
        <v>1</v>
      </c>
      <c r="BD30" s="194">
        <v>8</v>
      </c>
      <c r="BE30" s="195">
        <v>8</v>
      </c>
      <c r="BF30" s="190">
        <v>0</v>
      </c>
      <c r="BG30" s="191">
        <v>0</v>
      </c>
      <c r="BH30" s="196">
        <v>0</v>
      </c>
      <c r="BI30" s="193">
        <v>0</v>
      </c>
      <c r="BJ30" s="191">
        <v>0</v>
      </c>
      <c r="BK30" s="191">
        <v>1</v>
      </c>
      <c r="BL30" s="191">
        <v>3</v>
      </c>
      <c r="BM30" s="191">
        <v>0</v>
      </c>
      <c r="BN30" s="191">
        <v>0</v>
      </c>
      <c r="BO30" s="196">
        <v>4</v>
      </c>
      <c r="BP30" s="195">
        <v>4</v>
      </c>
      <c r="BQ30" s="190">
        <v>0</v>
      </c>
      <c r="BR30" s="191">
        <v>0</v>
      </c>
      <c r="BS30" s="196">
        <v>0</v>
      </c>
      <c r="BT30" s="193">
        <v>0</v>
      </c>
      <c r="BU30" s="191">
        <v>0</v>
      </c>
      <c r="BV30" s="191">
        <v>0</v>
      </c>
      <c r="BW30" s="191">
        <v>1</v>
      </c>
      <c r="BX30" s="191">
        <v>0</v>
      </c>
      <c r="BY30" s="191">
        <v>0</v>
      </c>
      <c r="BZ30" s="196">
        <v>1</v>
      </c>
      <c r="CA30" s="195">
        <v>1</v>
      </c>
      <c r="CB30" s="190">
        <v>0</v>
      </c>
      <c r="CC30" s="191">
        <v>0</v>
      </c>
      <c r="CD30" s="196">
        <v>0</v>
      </c>
      <c r="CE30" s="193">
        <v>0</v>
      </c>
      <c r="CF30" s="191">
        <v>0</v>
      </c>
      <c r="CG30" s="191">
        <v>0</v>
      </c>
      <c r="CH30" s="191">
        <v>1</v>
      </c>
      <c r="CI30" s="191">
        <v>0</v>
      </c>
      <c r="CJ30" s="191">
        <v>0</v>
      </c>
      <c r="CK30" s="196">
        <v>1</v>
      </c>
      <c r="CL30" s="195">
        <v>1</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c r="DI30" s="190">
        <v>0</v>
      </c>
      <c r="DJ30" s="191">
        <v>0</v>
      </c>
      <c r="DK30" s="196">
        <v>0</v>
      </c>
      <c r="DL30" s="193">
        <v>0</v>
      </c>
      <c r="DM30" s="191">
        <v>0</v>
      </c>
      <c r="DN30" s="191">
        <v>0</v>
      </c>
      <c r="DO30" s="191">
        <v>0</v>
      </c>
      <c r="DP30" s="191">
        <v>0</v>
      </c>
      <c r="DQ30" s="191">
        <v>0</v>
      </c>
      <c r="DR30" s="196">
        <v>0</v>
      </c>
      <c r="DS30" s="195">
        <v>0</v>
      </c>
      <c r="DT30" s="190">
        <v>0</v>
      </c>
      <c r="DU30" s="191">
        <v>1</v>
      </c>
      <c r="DV30" s="196">
        <v>1</v>
      </c>
      <c r="DW30" s="193">
        <v>0</v>
      </c>
      <c r="DX30" s="191">
        <v>1</v>
      </c>
      <c r="DY30" s="191">
        <v>2</v>
      </c>
      <c r="DZ30" s="191">
        <v>3</v>
      </c>
      <c r="EA30" s="191">
        <v>1</v>
      </c>
      <c r="EB30" s="191">
        <v>1</v>
      </c>
      <c r="EC30" s="196">
        <v>8</v>
      </c>
      <c r="ED30" s="195">
        <v>9</v>
      </c>
      <c r="EE30" s="190">
        <v>0</v>
      </c>
      <c r="EF30" s="191">
        <v>0</v>
      </c>
      <c r="EG30" s="196">
        <v>0</v>
      </c>
      <c r="EH30" s="193">
        <v>0</v>
      </c>
      <c r="EI30" s="191">
        <v>0</v>
      </c>
      <c r="EJ30" s="191">
        <v>0</v>
      </c>
      <c r="EK30" s="191">
        <v>1</v>
      </c>
      <c r="EL30" s="191">
        <v>1</v>
      </c>
      <c r="EM30" s="191">
        <v>1</v>
      </c>
      <c r="EN30" s="196">
        <v>3</v>
      </c>
      <c r="EO30" s="195">
        <v>3</v>
      </c>
      <c r="EP30" s="190">
        <v>0</v>
      </c>
      <c r="EQ30" s="191">
        <v>1</v>
      </c>
      <c r="ER30" s="196">
        <v>1</v>
      </c>
      <c r="ES30" s="193">
        <v>0</v>
      </c>
      <c r="ET30" s="191">
        <v>6</v>
      </c>
      <c r="EU30" s="191">
        <v>3</v>
      </c>
      <c r="EV30" s="191">
        <v>4</v>
      </c>
      <c r="EW30" s="191">
        <v>1</v>
      </c>
      <c r="EX30" s="191">
        <v>1</v>
      </c>
      <c r="EY30" s="196">
        <v>15</v>
      </c>
      <c r="EZ30" s="195">
        <v>16</v>
      </c>
    </row>
    <row r="31" spans="2:156" ht="21" customHeight="1" x14ac:dyDescent="0.2">
      <c r="B31" s="106" t="s">
        <v>29</v>
      </c>
      <c r="C31" s="190">
        <v>0</v>
      </c>
      <c r="D31" s="191">
        <v>0</v>
      </c>
      <c r="E31" s="192">
        <v>0</v>
      </c>
      <c r="F31" s="193">
        <v>0</v>
      </c>
      <c r="G31" s="191">
        <v>2</v>
      </c>
      <c r="H31" s="191">
        <v>3</v>
      </c>
      <c r="I31" s="191">
        <v>0</v>
      </c>
      <c r="J31" s="191">
        <v>1</v>
      </c>
      <c r="K31" s="191">
        <v>0</v>
      </c>
      <c r="L31" s="194">
        <v>6</v>
      </c>
      <c r="M31" s="195">
        <v>6</v>
      </c>
      <c r="N31" s="190">
        <v>0</v>
      </c>
      <c r="O31" s="191">
        <v>0</v>
      </c>
      <c r="P31" s="196">
        <v>0</v>
      </c>
      <c r="Q31" s="193">
        <v>0</v>
      </c>
      <c r="R31" s="191">
        <v>0</v>
      </c>
      <c r="S31" s="191">
        <v>0</v>
      </c>
      <c r="T31" s="191">
        <v>0</v>
      </c>
      <c r="U31" s="191">
        <v>0</v>
      </c>
      <c r="V31" s="191">
        <v>0</v>
      </c>
      <c r="W31" s="196">
        <v>0</v>
      </c>
      <c r="X31" s="195">
        <v>0</v>
      </c>
      <c r="Y31" s="190">
        <v>1</v>
      </c>
      <c r="Z31" s="191">
        <v>1</v>
      </c>
      <c r="AA31" s="196">
        <v>2</v>
      </c>
      <c r="AB31" s="193">
        <v>0</v>
      </c>
      <c r="AC31" s="191">
        <v>2</v>
      </c>
      <c r="AD31" s="191">
        <v>2</v>
      </c>
      <c r="AE31" s="191">
        <v>3</v>
      </c>
      <c r="AF31" s="191">
        <v>0</v>
      </c>
      <c r="AG31" s="191">
        <v>0</v>
      </c>
      <c r="AH31" s="196">
        <v>7</v>
      </c>
      <c r="AI31" s="195">
        <v>9</v>
      </c>
      <c r="AJ31" s="190">
        <v>0</v>
      </c>
      <c r="AK31" s="191">
        <v>1</v>
      </c>
      <c r="AL31" s="196">
        <v>1</v>
      </c>
      <c r="AM31" s="193">
        <v>0</v>
      </c>
      <c r="AN31" s="191">
        <v>0</v>
      </c>
      <c r="AO31" s="191">
        <v>0</v>
      </c>
      <c r="AP31" s="191">
        <v>0</v>
      </c>
      <c r="AQ31" s="191">
        <v>1</v>
      </c>
      <c r="AR31" s="191">
        <v>0</v>
      </c>
      <c r="AS31" s="196">
        <v>1</v>
      </c>
      <c r="AT31" s="195">
        <v>2</v>
      </c>
      <c r="AU31" s="190">
        <v>0</v>
      </c>
      <c r="AV31" s="191">
        <v>0</v>
      </c>
      <c r="AW31" s="196">
        <v>0</v>
      </c>
      <c r="AX31" s="193">
        <v>0</v>
      </c>
      <c r="AY31" s="191">
        <v>2</v>
      </c>
      <c r="AZ31" s="191">
        <v>2</v>
      </c>
      <c r="BA31" s="191">
        <v>0</v>
      </c>
      <c r="BB31" s="191">
        <v>2</v>
      </c>
      <c r="BC31" s="191">
        <v>0</v>
      </c>
      <c r="BD31" s="194">
        <v>6</v>
      </c>
      <c r="BE31" s="195">
        <v>6</v>
      </c>
      <c r="BF31" s="190">
        <v>0</v>
      </c>
      <c r="BG31" s="191">
        <v>0</v>
      </c>
      <c r="BH31" s="196">
        <v>0</v>
      </c>
      <c r="BI31" s="193">
        <v>0</v>
      </c>
      <c r="BJ31" s="191">
        <v>3</v>
      </c>
      <c r="BK31" s="191">
        <v>1</v>
      </c>
      <c r="BL31" s="191">
        <v>0</v>
      </c>
      <c r="BM31" s="191">
        <v>0</v>
      </c>
      <c r="BN31" s="191">
        <v>0</v>
      </c>
      <c r="BO31" s="196">
        <v>4</v>
      </c>
      <c r="BP31" s="195">
        <v>4</v>
      </c>
      <c r="BQ31" s="190">
        <v>0</v>
      </c>
      <c r="BR31" s="191">
        <v>0</v>
      </c>
      <c r="BS31" s="196">
        <v>0</v>
      </c>
      <c r="BT31" s="193">
        <v>0</v>
      </c>
      <c r="BU31" s="191">
        <v>1</v>
      </c>
      <c r="BV31" s="191">
        <v>0</v>
      </c>
      <c r="BW31" s="191">
        <v>1</v>
      </c>
      <c r="BX31" s="191">
        <v>1</v>
      </c>
      <c r="BY31" s="191">
        <v>0</v>
      </c>
      <c r="BZ31" s="196">
        <v>3</v>
      </c>
      <c r="CA31" s="195">
        <v>3</v>
      </c>
      <c r="CB31" s="190">
        <v>0</v>
      </c>
      <c r="CC31" s="191">
        <v>0</v>
      </c>
      <c r="CD31" s="196">
        <v>0</v>
      </c>
      <c r="CE31" s="193">
        <v>0</v>
      </c>
      <c r="CF31" s="191">
        <v>0</v>
      </c>
      <c r="CG31" s="191">
        <v>0</v>
      </c>
      <c r="CH31" s="191">
        <v>0</v>
      </c>
      <c r="CI31" s="191">
        <v>0</v>
      </c>
      <c r="CJ31" s="191">
        <v>0</v>
      </c>
      <c r="CK31" s="196">
        <v>0</v>
      </c>
      <c r="CL31" s="195">
        <v>0</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c r="DI31" s="190">
        <v>0</v>
      </c>
      <c r="DJ31" s="191">
        <v>0</v>
      </c>
      <c r="DK31" s="196">
        <v>0</v>
      </c>
      <c r="DL31" s="193">
        <v>0</v>
      </c>
      <c r="DM31" s="191">
        <v>0</v>
      </c>
      <c r="DN31" s="191">
        <v>0</v>
      </c>
      <c r="DO31" s="191">
        <v>0</v>
      </c>
      <c r="DP31" s="191">
        <v>0</v>
      </c>
      <c r="DQ31" s="191">
        <v>0</v>
      </c>
      <c r="DR31" s="196">
        <v>0</v>
      </c>
      <c r="DS31" s="195">
        <v>0</v>
      </c>
      <c r="DT31" s="190">
        <v>0</v>
      </c>
      <c r="DU31" s="191">
        <v>3</v>
      </c>
      <c r="DV31" s="196">
        <v>3</v>
      </c>
      <c r="DW31" s="193">
        <v>0</v>
      </c>
      <c r="DX31" s="191">
        <v>2</v>
      </c>
      <c r="DY31" s="191">
        <v>5</v>
      </c>
      <c r="DZ31" s="191">
        <v>3</v>
      </c>
      <c r="EA31" s="191">
        <v>2</v>
      </c>
      <c r="EB31" s="191">
        <v>0</v>
      </c>
      <c r="EC31" s="196">
        <v>12</v>
      </c>
      <c r="ED31" s="195">
        <v>15</v>
      </c>
      <c r="EE31" s="190">
        <v>1</v>
      </c>
      <c r="EF31" s="191">
        <v>0</v>
      </c>
      <c r="EG31" s="196">
        <v>1</v>
      </c>
      <c r="EH31" s="193">
        <v>0</v>
      </c>
      <c r="EI31" s="191">
        <v>0</v>
      </c>
      <c r="EJ31" s="191">
        <v>1</v>
      </c>
      <c r="EK31" s="191">
        <v>0</v>
      </c>
      <c r="EL31" s="191">
        <v>1</v>
      </c>
      <c r="EM31" s="191">
        <v>1</v>
      </c>
      <c r="EN31" s="196">
        <v>3</v>
      </c>
      <c r="EO31" s="195">
        <v>4</v>
      </c>
      <c r="EP31" s="190">
        <v>1</v>
      </c>
      <c r="EQ31" s="191">
        <v>4</v>
      </c>
      <c r="ER31" s="196">
        <v>5</v>
      </c>
      <c r="ES31" s="193">
        <v>0</v>
      </c>
      <c r="ET31" s="191">
        <v>6</v>
      </c>
      <c r="EU31" s="191">
        <v>4</v>
      </c>
      <c r="EV31" s="191">
        <v>3</v>
      </c>
      <c r="EW31" s="191">
        <v>2</v>
      </c>
      <c r="EX31" s="191">
        <v>0</v>
      </c>
      <c r="EY31" s="196">
        <v>15</v>
      </c>
      <c r="EZ31" s="195">
        <v>20</v>
      </c>
    </row>
    <row r="32" spans="2:156" ht="21" customHeight="1" x14ac:dyDescent="0.2">
      <c r="B32" s="106" t="s">
        <v>30</v>
      </c>
      <c r="C32" s="190">
        <v>0</v>
      </c>
      <c r="D32" s="191">
        <v>0</v>
      </c>
      <c r="E32" s="192">
        <v>0</v>
      </c>
      <c r="F32" s="193">
        <v>0</v>
      </c>
      <c r="G32" s="191">
        <v>2</v>
      </c>
      <c r="H32" s="191">
        <v>2</v>
      </c>
      <c r="I32" s="191">
        <v>1</v>
      </c>
      <c r="J32" s="191">
        <v>0</v>
      </c>
      <c r="K32" s="191">
        <v>0</v>
      </c>
      <c r="L32" s="194">
        <v>5</v>
      </c>
      <c r="M32" s="195">
        <v>5</v>
      </c>
      <c r="N32" s="190">
        <v>0</v>
      </c>
      <c r="O32" s="191">
        <v>0</v>
      </c>
      <c r="P32" s="196">
        <v>0</v>
      </c>
      <c r="Q32" s="193">
        <v>0</v>
      </c>
      <c r="R32" s="191">
        <v>0</v>
      </c>
      <c r="S32" s="191">
        <v>0</v>
      </c>
      <c r="T32" s="191">
        <v>1</v>
      </c>
      <c r="U32" s="191">
        <v>0</v>
      </c>
      <c r="V32" s="191">
        <v>0</v>
      </c>
      <c r="W32" s="196">
        <v>1</v>
      </c>
      <c r="X32" s="195">
        <v>1</v>
      </c>
      <c r="Y32" s="190">
        <v>0</v>
      </c>
      <c r="Z32" s="191">
        <v>0</v>
      </c>
      <c r="AA32" s="196">
        <v>0</v>
      </c>
      <c r="AB32" s="193">
        <v>0</v>
      </c>
      <c r="AC32" s="191">
        <v>3</v>
      </c>
      <c r="AD32" s="191">
        <v>1</v>
      </c>
      <c r="AE32" s="191">
        <v>1</v>
      </c>
      <c r="AF32" s="191">
        <v>0</v>
      </c>
      <c r="AG32" s="191">
        <v>0</v>
      </c>
      <c r="AH32" s="196">
        <v>5</v>
      </c>
      <c r="AI32" s="195">
        <v>5</v>
      </c>
      <c r="AJ32" s="190">
        <v>0</v>
      </c>
      <c r="AK32" s="191">
        <v>0</v>
      </c>
      <c r="AL32" s="196">
        <v>0</v>
      </c>
      <c r="AM32" s="193">
        <v>0</v>
      </c>
      <c r="AN32" s="191">
        <v>0</v>
      </c>
      <c r="AO32" s="191">
        <v>1</v>
      </c>
      <c r="AP32" s="191">
        <v>0</v>
      </c>
      <c r="AQ32" s="191">
        <v>0</v>
      </c>
      <c r="AR32" s="191">
        <v>0</v>
      </c>
      <c r="AS32" s="196">
        <v>1</v>
      </c>
      <c r="AT32" s="195">
        <v>1</v>
      </c>
      <c r="AU32" s="190">
        <v>0</v>
      </c>
      <c r="AV32" s="191">
        <v>0</v>
      </c>
      <c r="AW32" s="196">
        <v>0</v>
      </c>
      <c r="AX32" s="193">
        <v>0</v>
      </c>
      <c r="AY32" s="191">
        <v>5</v>
      </c>
      <c r="AZ32" s="191">
        <v>2</v>
      </c>
      <c r="BA32" s="191">
        <v>1</v>
      </c>
      <c r="BB32" s="191">
        <v>0</v>
      </c>
      <c r="BC32" s="191">
        <v>0</v>
      </c>
      <c r="BD32" s="194">
        <v>8</v>
      </c>
      <c r="BE32" s="195">
        <v>8</v>
      </c>
      <c r="BF32" s="190">
        <v>0</v>
      </c>
      <c r="BG32" s="191">
        <v>0</v>
      </c>
      <c r="BH32" s="196">
        <v>0</v>
      </c>
      <c r="BI32" s="193">
        <v>0</v>
      </c>
      <c r="BJ32" s="191">
        <v>1</v>
      </c>
      <c r="BK32" s="191">
        <v>1</v>
      </c>
      <c r="BL32" s="191">
        <v>1</v>
      </c>
      <c r="BM32" s="191">
        <v>0</v>
      </c>
      <c r="BN32" s="191">
        <v>0</v>
      </c>
      <c r="BO32" s="196">
        <v>3</v>
      </c>
      <c r="BP32" s="195">
        <v>3</v>
      </c>
      <c r="BQ32" s="190">
        <v>0</v>
      </c>
      <c r="BR32" s="191">
        <v>0</v>
      </c>
      <c r="BS32" s="196">
        <v>0</v>
      </c>
      <c r="BT32" s="193">
        <v>0</v>
      </c>
      <c r="BU32" s="191">
        <v>1</v>
      </c>
      <c r="BV32" s="191">
        <v>0</v>
      </c>
      <c r="BW32" s="191">
        <v>0</v>
      </c>
      <c r="BX32" s="191">
        <v>1</v>
      </c>
      <c r="BY32" s="191">
        <v>0</v>
      </c>
      <c r="BZ32" s="196">
        <v>2</v>
      </c>
      <c r="CA32" s="195">
        <v>2</v>
      </c>
      <c r="CB32" s="190">
        <v>0</v>
      </c>
      <c r="CC32" s="191">
        <v>0</v>
      </c>
      <c r="CD32" s="196">
        <v>0</v>
      </c>
      <c r="CE32" s="193">
        <v>0</v>
      </c>
      <c r="CF32" s="191">
        <v>0</v>
      </c>
      <c r="CG32" s="191">
        <v>1</v>
      </c>
      <c r="CH32" s="191">
        <v>0</v>
      </c>
      <c r="CI32" s="191">
        <v>0</v>
      </c>
      <c r="CJ32" s="191">
        <v>0</v>
      </c>
      <c r="CK32" s="196">
        <v>1</v>
      </c>
      <c r="CL32" s="195">
        <v>1</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c r="DI32" s="190">
        <v>0</v>
      </c>
      <c r="DJ32" s="191">
        <v>0</v>
      </c>
      <c r="DK32" s="196">
        <v>0</v>
      </c>
      <c r="DL32" s="193">
        <v>0</v>
      </c>
      <c r="DM32" s="191">
        <v>0</v>
      </c>
      <c r="DN32" s="191">
        <v>0</v>
      </c>
      <c r="DO32" s="191">
        <v>0</v>
      </c>
      <c r="DP32" s="191">
        <v>0</v>
      </c>
      <c r="DQ32" s="191">
        <v>0</v>
      </c>
      <c r="DR32" s="196">
        <v>0</v>
      </c>
      <c r="DS32" s="195">
        <v>0</v>
      </c>
      <c r="DT32" s="190">
        <v>2</v>
      </c>
      <c r="DU32" s="191">
        <v>0</v>
      </c>
      <c r="DV32" s="196">
        <v>2</v>
      </c>
      <c r="DW32" s="193">
        <v>0</v>
      </c>
      <c r="DX32" s="191">
        <v>1</v>
      </c>
      <c r="DY32" s="191">
        <v>3</v>
      </c>
      <c r="DZ32" s="191">
        <v>2</v>
      </c>
      <c r="EA32" s="191">
        <v>2</v>
      </c>
      <c r="EB32" s="191">
        <v>0</v>
      </c>
      <c r="EC32" s="196">
        <v>8</v>
      </c>
      <c r="ED32" s="195">
        <v>10</v>
      </c>
      <c r="EE32" s="190">
        <v>0</v>
      </c>
      <c r="EF32" s="191">
        <v>0</v>
      </c>
      <c r="EG32" s="196">
        <v>0</v>
      </c>
      <c r="EH32" s="193">
        <v>0</v>
      </c>
      <c r="EI32" s="191">
        <v>2</v>
      </c>
      <c r="EJ32" s="191">
        <v>1</v>
      </c>
      <c r="EK32" s="191">
        <v>1</v>
      </c>
      <c r="EL32" s="191">
        <v>0</v>
      </c>
      <c r="EM32" s="191">
        <v>0</v>
      </c>
      <c r="EN32" s="196">
        <v>4</v>
      </c>
      <c r="EO32" s="195">
        <v>4</v>
      </c>
      <c r="EP32" s="190">
        <v>2</v>
      </c>
      <c r="EQ32" s="191">
        <v>0</v>
      </c>
      <c r="ER32" s="196">
        <v>2</v>
      </c>
      <c r="ES32" s="193">
        <v>0</v>
      </c>
      <c r="ET32" s="191">
        <v>4</v>
      </c>
      <c r="EU32" s="191">
        <v>3</v>
      </c>
      <c r="EV32" s="191">
        <v>2</v>
      </c>
      <c r="EW32" s="191">
        <v>2</v>
      </c>
      <c r="EX32" s="191">
        <v>0</v>
      </c>
      <c r="EY32" s="196">
        <v>11</v>
      </c>
      <c r="EZ32" s="195">
        <v>13</v>
      </c>
    </row>
    <row r="33" spans="2:156" ht="21" customHeight="1" x14ac:dyDescent="0.2">
      <c r="B33" s="106" t="s">
        <v>31</v>
      </c>
      <c r="C33" s="190">
        <v>0</v>
      </c>
      <c r="D33" s="191">
        <v>0</v>
      </c>
      <c r="E33" s="192">
        <v>0</v>
      </c>
      <c r="F33" s="193">
        <v>0</v>
      </c>
      <c r="G33" s="191">
        <v>1</v>
      </c>
      <c r="H33" s="191">
        <v>0</v>
      </c>
      <c r="I33" s="191">
        <v>0</v>
      </c>
      <c r="J33" s="191">
        <v>0</v>
      </c>
      <c r="K33" s="191">
        <v>0</v>
      </c>
      <c r="L33" s="194">
        <v>1</v>
      </c>
      <c r="M33" s="195">
        <v>1</v>
      </c>
      <c r="N33" s="190">
        <v>0</v>
      </c>
      <c r="O33" s="191">
        <v>0</v>
      </c>
      <c r="P33" s="196">
        <v>0</v>
      </c>
      <c r="Q33" s="193">
        <v>0</v>
      </c>
      <c r="R33" s="191">
        <v>0</v>
      </c>
      <c r="S33" s="191">
        <v>0</v>
      </c>
      <c r="T33" s="191">
        <v>0</v>
      </c>
      <c r="U33" s="191">
        <v>0</v>
      </c>
      <c r="V33" s="191">
        <v>1</v>
      </c>
      <c r="W33" s="196">
        <v>1</v>
      </c>
      <c r="X33" s="195">
        <v>1</v>
      </c>
      <c r="Y33" s="190">
        <v>0</v>
      </c>
      <c r="Z33" s="191">
        <v>0</v>
      </c>
      <c r="AA33" s="196">
        <v>0</v>
      </c>
      <c r="AB33" s="193">
        <v>0</v>
      </c>
      <c r="AC33" s="191">
        <v>2</v>
      </c>
      <c r="AD33" s="191">
        <v>0</v>
      </c>
      <c r="AE33" s="191">
        <v>2</v>
      </c>
      <c r="AF33" s="191">
        <v>0</v>
      </c>
      <c r="AG33" s="191">
        <v>1</v>
      </c>
      <c r="AH33" s="196">
        <v>5</v>
      </c>
      <c r="AI33" s="195">
        <v>5</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0</v>
      </c>
      <c r="AZ33" s="191">
        <v>0</v>
      </c>
      <c r="BA33" s="191">
        <v>1</v>
      </c>
      <c r="BB33" s="191">
        <v>0</v>
      </c>
      <c r="BC33" s="191">
        <v>0</v>
      </c>
      <c r="BD33" s="194">
        <v>1</v>
      </c>
      <c r="BE33" s="195">
        <v>1</v>
      </c>
      <c r="BF33" s="190">
        <v>0</v>
      </c>
      <c r="BG33" s="191">
        <v>0</v>
      </c>
      <c r="BH33" s="196">
        <v>0</v>
      </c>
      <c r="BI33" s="193">
        <v>0</v>
      </c>
      <c r="BJ33" s="191">
        <v>3</v>
      </c>
      <c r="BK33" s="191">
        <v>1</v>
      </c>
      <c r="BL33" s="191">
        <v>3</v>
      </c>
      <c r="BM33" s="191">
        <v>0</v>
      </c>
      <c r="BN33" s="191">
        <v>0</v>
      </c>
      <c r="BO33" s="196">
        <v>7</v>
      </c>
      <c r="BP33" s="195">
        <v>7</v>
      </c>
      <c r="BQ33" s="190">
        <v>0</v>
      </c>
      <c r="BR33" s="191">
        <v>0</v>
      </c>
      <c r="BS33" s="196">
        <v>0</v>
      </c>
      <c r="BT33" s="193">
        <v>0</v>
      </c>
      <c r="BU33" s="191">
        <v>2</v>
      </c>
      <c r="BV33" s="191">
        <v>0</v>
      </c>
      <c r="BW33" s="191">
        <v>1</v>
      </c>
      <c r="BX33" s="191">
        <v>0</v>
      </c>
      <c r="BY33" s="191">
        <v>0</v>
      </c>
      <c r="BZ33" s="196">
        <v>3</v>
      </c>
      <c r="CA33" s="195">
        <v>3</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c r="DI33" s="190">
        <v>0</v>
      </c>
      <c r="DJ33" s="191">
        <v>0</v>
      </c>
      <c r="DK33" s="196">
        <v>0</v>
      </c>
      <c r="DL33" s="193">
        <v>0</v>
      </c>
      <c r="DM33" s="191">
        <v>0</v>
      </c>
      <c r="DN33" s="191">
        <v>0</v>
      </c>
      <c r="DO33" s="191">
        <v>0</v>
      </c>
      <c r="DP33" s="191">
        <v>0</v>
      </c>
      <c r="DQ33" s="191">
        <v>0</v>
      </c>
      <c r="DR33" s="196">
        <v>0</v>
      </c>
      <c r="DS33" s="195">
        <v>0</v>
      </c>
      <c r="DT33" s="190">
        <v>1</v>
      </c>
      <c r="DU33" s="191">
        <v>1</v>
      </c>
      <c r="DV33" s="196">
        <v>2</v>
      </c>
      <c r="DW33" s="193">
        <v>0</v>
      </c>
      <c r="DX33" s="191">
        <v>4</v>
      </c>
      <c r="DY33" s="191">
        <v>2</v>
      </c>
      <c r="DZ33" s="191">
        <v>4</v>
      </c>
      <c r="EA33" s="191">
        <v>0</v>
      </c>
      <c r="EB33" s="191">
        <v>1</v>
      </c>
      <c r="EC33" s="196">
        <v>11</v>
      </c>
      <c r="ED33" s="195">
        <v>13</v>
      </c>
      <c r="EE33" s="190">
        <v>0</v>
      </c>
      <c r="EF33" s="191">
        <v>0</v>
      </c>
      <c r="EG33" s="196">
        <v>0</v>
      </c>
      <c r="EH33" s="193">
        <v>0</v>
      </c>
      <c r="EI33" s="191">
        <v>0</v>
      </c>
      <c r="EJ33" s="191">
        <v>0</v>
      </c>
      <c r="EK33" s="191">
        <v>0</v>
      </c>
      <c r="EL33" s="191">
        <v>0</v>
      </c>
      <c r="EM33" s="191">
        <v>0</v>
      </c>
      <c r="EN33" s="196">
        <v>0</v>
      </c>
      <c r="EO33" s="195">
        <v>0</v>
      </c>
      <c r="EP33" s="190">
        <v>1</v>
      </c>
      <c r="EQ33" s="191">
        <v>1</v>
      </c>
      <c r="ER33" s="196">
        <v>2</v>
      </c>
      <c r="ES33" s="193">
        <v>0</v>
      </c>
      <c r="ET33" s="191">
        <v>8</v>
      </c>
      <c r="EU33" s="191">
        <v>3</v>
      </c>
      <c r="EV33" s="191">
        <v>5</v>
      </c>
      <c r="EW33" s="191">
        <v>0</v>
      </c>
      <c r="EX33" s="191">
        <v>1</v>
      </c>
      <c r="EY33" s="196">
        <v>17</v>
      </c>
      <c r="EZ33" s="195">
        <v>19</v>
      </c>
    </row>
    <row r="34" spans="2:156" ht="21" customHeight="1" x14ac:dyDescent="0.2">
      <c r="B34" s="106" t="s">
        <v>32</v>
      </c>
      <c r="C34" s="190">
        <v>0</v>
      </c>
      <c r="D34" s="191">
        <v>0</v>
      </c>
      <c r="E34" s="192">
        <v>0</v>
      </c>
      <c r="F34" s="193">
        <v>0</v>
      </c>
      <c r="G34" s="191">
        <v>1</v>
      </c>
      <c r="H34" s="191">
        <v>1</v>
      </c>
      <c r="I34" s="191">
        <v>1</v>
      </c>
      <c r="J34" s="191">
        <v>0</v>
      </c>
      <c r="K34" s="191">
        <v>0</v>
      </c>
      <c r="L34" s="194">
        <v>3</v>
      </c>
      <c r="M34" s="195">
        <v>3</v>
      </c>
      <c r="N34" s="190">
        <v>0</v>
      </c>
      <c r="O34" s="191">
        <v>0</v>
      </c>
      <c r="P34" s="196">
        <v>0</v>
      </c>
      <c r="Q34" s="193">
        <v>0</v>
      </c>
      <c r="R34" s="191">
        <v>0</v>
      </c>
      <c r="S34" s="191">
        <v>0</v>
      </c>
      <c r="T34" s="191">
        <v>0</v>
      </c>
      <c r="U34" s="191">
        <v>0</v>
      </c>
      <c r="V34" s="191">
        <v>0</v>
      </c>
      <c r="W34" s="196">
        <v>0</v>
      </c>
      <c r="X34" s="195">
        <v>0</v>
      </c>
      <c r="Y34" s="190">
        <v>1</v>
      </c>
      <c r="Z34" s="191">
        <v>2</v>
      </c>
      <c r="AA34" s="196">
        <v>3</v>
      </c>
      <c r="AB34" s="193">
        <v>0</v>
      </c>
      <c r="AC34" s="191">
        <v>2</v>
      </c>
      <c r="AD34" s="191">
        <v>2</v>
      </c>
      <c r="AE34" s="191">
        <v>1</v>
      </c>
      <c r="AF34" s="191">
        <v>0</v>
      </c>
      <c r="AG34" s="191">
        <v>1</v>
      </c>
      <c r="AH34" s="196">
        <v>6</v>
      </c>
      <c r="AI34" s="195">
        <v>9</v>
      </c>
      <c r="AJ34" s="190">
        <v>0</v>
      </c>
      <c r="AK34" s="191">
        <v>0</v>
      </c>
      <c r="AL34" s="196">
        <v>0</v>
      </c>
      <c r="AM34" s="193">
        <v>0</v>
      </c>
      <c r="AN34" s="191">
        <v>0</v>
      </c>
      <c r="AO34" s="191">
        <v>1</v>
      </c>
      <c r="AP34" s="191">
        <v>0</v>
      </c>
      <c r="AQ34" s="191">
        <v>1</v>
      </c>
      <c r="AR34" s="191">
        <v>0</v>
      </c>
      <c r="AS34" s="196">
        <v>2</v>
      </c>
      <c r="AT34" s="195">
        <v>2</v>
      </c>
      <c r="AU34" s="190">
        <v>0</v>
      </c>
      <c r="AV34" s="191">
        <v>0</v>
      </c>
      <c r="AW34" s="196">
        <v>0</v>
      </c>
      <c r="AX34" s="193">
        <v>0</v>
      </c>
      <c r="AY34" s="191">
        <v>0</v>
      </c>
      <c r="AZ34" s="191">
        <v>4</v>
      </c>
      <c r="BA34" s="191">
        <v>0</v>
      </c>
      <c r="BB34" s="191">
        <v>2</v>
      </c>
      <c r="BC34" s="191">
        <v>1</v>
      </c>
      <c r="BD34" s="194">
        <v>7</v>
      </c>
      <c r="BE34" s="195">
        <v>7</v>
      </c>
      <c r="BF34" s="190">
        <v>0</v>
      </c>
      <c r="BG34" s="191">
        <v>0</v>
      </c>
      <c r="BH34" s="196">
        <v>0</v>
      </c>
      <c r="BI34" s="193">
        <v>0</v>
      </c>
      <c r="BJ34" s="191">
        <v>5</v>
      </c>
      <c r="BK34" s="191">
        <v>4</v>
      </c>
      <c r="BL34" s="191">
        <v>0</v>
      </c>
      <c r="BM34" s="191">
        <v>2</v>
      </c>
      <c r="BN34" s="191">
        <v>1</v>
      </c>
      <c r="BO34" s="196">
        <v>12</v>
      </c>
      <c r="BP34" s="195">
        <v>12</v>
      </c>
      <c r="BQ34" s="190">
        <v>0</v>
      </c>
      <c r="BR34" s="191">
        <v>0</v>
      </c>
      <c r="BS34" s="196">
        <v>0</v>
      </c>
      <c r="BT34" s="193">
        <v>0</v>
      </c>
      <c r="BU34" s="191">
        <v>1</v>
      </c>
      <c r="BV34" s="191">
        <v>1</v>
      </c>
      <c r="BW34" s="191">
        <v>0</v>
      </c>
      <c r="BX34" s="191">
        <v>2</v>
      </c>
      <c r="BY34" s="191">
        <v>1</v>
      </c>
      <c r="BZ34" s="196">
        <v>5</v>
      </c>
      <c r="CA34" s="195">
        <v>5</v>
      </c>
      <c r="CB34" s="190">
        <v>0</v>
      </c>
      <c r="CC34" s="191">
        <v>0</v>
      </c>
      <c r="CD34" s="196">
        <v>0</v>
      </c>
      <c r="CE34" s="193">
        <v>0</v>
      </c>
      <c r="CF34" s="191">
        <v>0</v>
      </c>
      <c r="CG34" s="191">
        <v>1</v>
      </c>
      <c r="CH34" s="191">
        <v>1</v>
      </c>
      <c r="CI34" s="191">
        <v>1</v>
      </c>
      <c r="CJ34" s="191">
        <v>1</v>
      </c>
      <c r="CK34" s="196">
        <v>4</v>
      </c>
      <c r="CL34" s="195">
        <v>4</v>
      </c>
      <c r="CM34" s="190">
        <v>0</v>
      </c>
      <c r="CN34" s="191">
        <v>0</v>
      </c>
      <c r="CO34" s="196">
        <v>0</v>
      </c>
      <c r="CP34" s="193">
        <v>0</v>
      </c>
      <c r="CQ34" s="191">
        <v>0</v>
      </c>
      <c r="CR34" s="191">
        <v>0</v>
      </c>
      <c r="CS34" s="191">
        <v>0</v>
      </c>
      <c r="CT34" s="191">
        <v>0</v>
      </c>
      <c r="CU34" s="191">
        <v>1</v>
      </c>
      <c r="CV34" s="196">
        <v>1</v>
      </c>
      <c r="CW34" s="195">
        <v>1</v>
      </c>
      <c r="CX34" s="190">
        <v>0</v>
      </c>
      <c r="CY34" s="191">
        <v>0</v>
      </c>
      <c r="CZ34" s="196">
        <v>0</v>
      </c>
      <c r="DA34" s="193">
        <v>0</v>
      </c>
      <c r="DB34" s="191">
        <v>0</v>
      </c>
      <c r="DC34" s="191">
        <v>0</v>
      </c>
      <c r="DD34" s="191">
        <v>0</v>
      </c>
      <c r="DE34" s="191">
        <v>0</v>
      </c>
      <c r="DF34" s="191">
        <v>0</v>
      </c>
      <c r="DG34" s="196">
        <v>0</v>
      </c>
      <c r="DH34" s="195">
        <v>0</v>
      </c>
      <c r="DI34" s="190">
        <v>0</v>
      </c>
      <c r="DJ34" s="191">
        <v>0</v>
      </c>
      <c r="DK34" s="196">
        <v>0</v>
      </c>
      <c r="DL34" s="193">
        <v>0</v>
      </c>
      <c r="DM34" s="191">
        <v>0</v>
      </c>
      <c r="DN34" s="191">
        <v>0</v>
      </c>
      <c r="DO34" s="191">
        <v>0</v>
      </c>
      <c r="DP34" s="191">
        <v>0</v>
      </c>
      <c r="DQ34" s="191">
        <v>0</v>
      </c>
      <c r="DR34" s="196">
        <v>0</v>
      </c>
      <c r="DS34" s="195">
        <v>0</v>
      </c>
      <c r="DT34" s="190">
        <v>2</v>
      </c>
      <c r="DU34" s="191">
        <v>3</v>
      </c>
      <c r="DV34" s="196">
        <v>5</v>
      </c>
      <c r="DW34" s="193">
        <v>0</v>
      </c>
      <c r="DX34" s="191">
        <v>5</v>
      </c>
      <c r="DY34" s="191">
        <v>7</v>
      </c>
      <c r="DZ34" s="191">
        <v>2</v>
      </c>
      <c r="EA34" s="191">
        <v>2</v>
      </c>
      <c r="EB34" s="191">
        <v>1</v>
      </c>
      <c r="EC34" s="196">
        <v>17</v>
      </c>
      <c r="ED34" s="195">
        <v>22</v>
      </c>
      <c r="EE34" s="190">
        <v>0</v>
      </c>
      <c r="EF34" s="191">
        <v>0</v>
      </c>
      <c r="EG34" s="196">
        <v>0</v>
      </c>
      <c r="EH34" s="193">
        <v>0</v>
      </c>
      <c r="EI34" s="191">
        <v>2</v>
      </c>
      <c r="EJ34" s="191">
        <v>0</v>
      </c>
      <c r="EK34" s="191">
        <v>0</v>
      </c>
      <c r="EL34" s="191">
        <v>1</v>
      </c>
      <c r="EM34" s="191">
        <v>1</v>
      </c>
      <c r="EN34" s="196">
        <v>4</v>
      </c>
      <c r="EO34" s="195">
        <v>4</v>
      </c>
      <c r="EP34" s="190">
        <v>2</v>
      </c>
      <c r="EQ34" s="191">
        <v>4</v>
      </c>
      <c r="ER34" s="196">
        <v>6</v>
      </c>
      <c r="ES34" s="193">
        <v>0</v>
      </c>
      <c r="ET34" s="191">
        <v>11</v>
      </c>
      <c r="EU34" s="191">
        <v>8</v>
      </c>
      <c r="EV34" s="191">
        <v>2</v>
      </c>
      <c r="EW34" s="191">
        <v>2</v>
      </c>
      <c r="EX34" s="191">
        <v>1</v>
      </c>
      <c r="EY34" s="196">
        <v>24</v>
      </c>
      <c r="EZ34" s="195">
        <v>30</v>
      </c>
    </row>
    <row r="35" spans="2:156" ht="21" customHeight="1" x14ac:dyDescent="0.2">
      <c r="B35" s="106" t="s">
        <v>33</v>
      </c>
      <c r="C35" s="190">
        <v>0</v>
      </c>
      <c r="D35" s="191">
        <v>0</v>
      </c>
      <c r="E35" s="192">
        <v>0</v>
      </c>
      <c r="F35" s="193">
        <v>0</v>
      </c>
      <c r="G35" s="191">
        <v>2</v>
      </c>
      <c r="H35" s="191">
        <v>0</v>
      </c>
      <c r="I35" s="191">
        <v>1</v>
      </c>
      <c r="J35" s="191">
        <v>0</v>
      </c>
      <c r="K35" s="191">
        <v>1</v>
      </c>
      <c r="L35" s="194">
        <v>4</v>
      </c>
      <c r="M35" s="195">
        <v>4</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2</v>
      </c>
      <c r="AD35" s="191">
        <v>2</v>
      </c>
      <c r="AE35" s="191">
        <v>0</v>
      </c>
      <c r="AF35" s="191">
        <v>0</v>
      </c>
      <c r="AG35" s="191">
        <v>1</v>
      </c>
      <c r="AH35" s="196">
        <v>5</v>
      </c>
      <c r="AI35" s="195">
        <v>5</v>
      </c>
      <c r="AJ35" s="190">
        <v>0</v>
      </c>
      <c r="AK35" s="191">
        <v>2</v>
      </c>
      <c r="AL35" s="196">
        <v>2</v>
      </c>
      <c r="AM35" s="193">
        <v>0</v>
      </c>
      <c r="AN35" s="191">
        <v>2</v>
      </c>
      <c r="AO35" s="191">
        <v>1</v>
      </c>
      <c r="AP35" s="191">
        <v>2</v>
      </c>
      <c r="AQ35" s="191">
        <v>1</v>
      </c>
      <c r="AR35" s="191">
        <v>0</v>
      </c>
      <c r="AS35" s="196">
        <v>6</v>
      </c>
      <c r="AT35" s="195">
        <v>8</v>
      </c>
      <c r="AU35" s="190">
        <v>0</v>
      </c>
      <c r="AV35" s="191">
        <v>1</v>
      </c>
      <c r="AW35" s="196">
        <v>1</v>
      </c>
      <c r="AX35" s="193">
        <v>0</v>
      </c>
      <c r="AY35" s="191">
        <v>2</v>
      </c>
      <c r="AZ35" s="191">
        <v>1</v>
      </c>
      <c r="BA35" s="191">
        <v>5</v>
      </c>
      <c r="BB35" s="191">
        <v>2</v>
      </c>
      <c r="BC35" s="191">
        <v>1</v>
      </c>
      <c r="BD35" s="194">
        <v>11</v>
      </c>
      <c r="BE35" s="195">
        <v>12</v>
      </c>
      <c r="BF35" s="190">
        <v>0</v>
      </c>
      <c r="BG35" s="191">
        <v>0</v>
      </c>
      <c r="BH35" s="196">
        <v>0</v>
      </c>
      <c r="BI35" s="193">
        <v>0</v>
      </c>
      <c r="BJ35" s="191">
        <v>2</v>
      </c>
      <c r="BK35" s="191">
        <v>0</v>
      </c>
      <c r="BL35" s="191">
        <v>0</v>
      </c>
      <c r="BM35" s="191">
        <v>0</v>
      </c>
      <c r="BN35" s="191">
        <v>1</v>
      </c>
      <c r="BO35" s="196">
        <v>3</v>
      </c>
      <c r="BP35" s="195">
        <v>3</v>
      </c>
      <c r="BQ35" s="190">
        <v>1</v>
      </c>
      <c r="BR35" s="191">
        <v>0</v>
      </c>
      <c r="BS35" s="196">
        <v>1</v>
      </c>
      <c r="BT35" s="193">
        <v>0</v>
      </c>
      <c r="BU35" s="191">
        <v>1</v>
      </c>
      <c r="BV35" s="191">
        <v>0</v>
      </c>
      <c r="BW35" s="191">
        <v>1</v>
      </c>
      <c r="BX35" s="191">
        <v>0</v>
      </c>
      <c r="BY35" s="191">
        <v>0</v>
      </c>
      <c r="BZ35" s="196">
        <v>2</v>
      </c>
      <c r="CA35" s="195">
        <v>3</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1</v>
      </c>
      <c r="CR35" s="191">
        <v>0</v>
      </c>
      <c r="CS35" s="191">
        <v>0</v>
      </c>
      <c r="CT35" s="191">
        <v>0</v>
      </c>
      <c r="CU35" s="191">
        <v>0</v>
      </c>
      <c r="CV35" s="196">
        <v>1</v>
      </c>
      <c r="CW35" s="195">
        <v>1</v>
      </c>
      <c r="CX35" s="190">
        <v>0</v>
      </c>
      <c r="CY35" s="191">
        <v>0</v>
      </c>
      <c r="CZ35" s="196">
        <v>0</v>
      </c>
      <c r="DA35" s="193">
        <v>0</v>
      </c>
      <c r="DB35" s="191">
        <v>0</v>
      </c>
      <c r="DC35" s="191">
        <v>0</v>
      </c>
      <c r="DD35" s="191">
        <v>0</v>
      </c>
      <c r="DE35" s="191">
        <v>0</v>
      </c>
      <c r="DF35" s="191">
        <v>0</v>
      </c>
      <c r="DG35" s="196">
        <v>0</v>
      </c>
      <c r="DH35" s="195">
        <v>0</v>
      </c>
      <c r="DI35" s="190">
        <v>0</v>
      </c>
      <c r="DJ35" s="191">
        <v>0</v>
      </c>
      <c r="DK35" s="196">
        <v>0</v>
      </c>
      <c r="DL35" s="193">
        <v>0</v>
      </c>
      <c r="DM35" s="191">
        <v>0</v>
      </c>
      <c r="DN35" s="191">
        <v>0</v>
      </c>
      <c r="DO35" s="191">
        <v>0</v>
      </c>
      <c r="DP35" s="191">
        <v>0</v>
      </c>
      <c r="DQ35" s="191">
        <v>0</v>
      </c>
      <c r="DR35" s="196">
        <v>0</v>
      </c>
      <c r="DS35" s="195">
        <v>0</v>
      </c>
      <c r="DT35" s="190">
        <v>0</v>
      </c>
      <c r="DU35" s="191">
        <v>2</v>
      </c>
      <c r="DV35" s="196">
        <v>2</v>
      </c>
      <c r="DW35" s="193">
        <v>0</v>
      </c>
      <c r="DX35" s="191">
        <v>4</v>
      </c>
      <c r="DY35" s="191">
        <v>3</v>
      </c>
      <c r="DZ35" s="191">
        <v>3</v>
      </c>
      <c r="EA35" s="191">
        <v>2</v>
      </c>
      <c r="EB35" s="191">
        <v>1</v>
      </c>
      <c r="EC35" s="196">
        <v>13</v>
      </c>
      <c r="ED35" s="195">
        <v>15</v>
      </c>
      <c r="EE35" s="190">
        <v>0</v>
      </c>
      <c r="EF35" s="191">
        <v>1</v>
      </c>
      <c r="EG35" s="196">
        <v>1</v>
      </c>
      <c r="EH35" s="193">
        <v>0</v>
      </c>
      <c r="EI35" s="191">
        <v>2</v>
      </c>
      <c r="EJ35" s="191">
        <v>1</v>
      </c>
      <c r="EK35" s="191">
        <v>4</v>
      </c>
      <c r="EL35" s="191">
        <v>1</v>
      </c>
      <c r="EM35" s="191">
        <v>0</v>
      </c>
      <c r="EN35" s="196">
        <v>8</v>
      </c>
      <c r="EO35" s="195">
        <v>9</v>
      </c>
      <c r="EP35" s="190">
        <v>1</v>
      </c>
      <c r="EQ35" s="191">
        <v>3</v>
      </c>
      <c r="ER35" s="196">
        <v>4</v>
      </c>
      <c r="ES35" s="193">
        <v>0</v>
      </c>
      <c r="ET35" s="191">
        <v>9</v>
      </c>
      <c r="EU35" s="191">
        <v>3</v>
      </c>
      <c r="EV35" s="191">
        <v>3</v>
      </c>
      <c r="EW35" s="191">
        <v>2</v>
      </c>
      <c r="EX35" s="191">
        <v>1</v>
      </c>
      <c r="EY35" s="196">
        <v>18</v>
      </c>
      <c r="EZ35" s="195">
        <v>22</v>
      </c>
    </row>
    <row r="36" spans="2:156" ht="21" customHeight="1" x14ac:dyDescent="0.2">
      <c r="B36" s="106" t="s">
        <v>34</v>
      </c>
      <c r="C36" s="190">
        <v>0</v>
      </c>
      <c r="D36" s="191">
        <v>0</v>
      </c>
      <c r="E36" s="192">
        <v>0</v>
      </c>
      <c r="F36" s="193">
        <v>0</v>
      </c>
      <c r="G36" s="191">
        <v>1</v>
      </c>
      <c r="H36" s="191">
        <v>1</v>
      </c>
      <c r="I36" s="191">
        <v>0</v>
      </c>
      <c r="J36" s="191">
        <v>0</v>
      </c>
      <c r="K36" s="191">
        <v>0</v>
      </c>
      <c r="L36" s="194">
        <v>2</v>
      </c>
      <c r="M36" s="195">
        <v>2</v>
      </c>
      <c r="N36" s="190">
        <v>0</v>
      </c>
      <c r="O36" s="191">
        <v>0</v>
      </c>
      <c r="P36" s="196">
        <v>0</v>
      </c>
      <c r="Q36" s="193">
        <v>0</v>
      </c>
      <c r="R36" s="191">
        <v>0</v>
      </c>
      <c r="S36" s="191">
        <v>0</v>
      </c>
      <c r="T36" s="191">
        <v>0</v>
      </c>
      <c r="U36" s="191">
        <v>0</v>
      </c>
      <c r="V36" s="191">
        <v>0</v>
      </c>
      <c r="W36" s="196">
        <v>0</v>
      </c>
      <c r="X36" s="195">
        <v>0</v>
      </c>
      <c r="Y36" s="190">
        <v>0</v>
      </c>
      <c r="Z36" s="191">
        <v>1</v>
      </c>
      <c r="AA36" s="196">
        <v>1</v>
      </c>
      <c r="AB36" s="193">
        <v>0</v>
      </c>
      <c r="AC36" s="191">
        <v>1</v>
      </c>
      <c r="AD36" s="191">
        <v>1</v>
      </c>
      <c r="AE36" s="191">
        <v>0</v>
      </c>
      <c r="AF36" s="191">
        <v>0</v>
      </c>
      <c r="AG36" s="191">
        <v>0</v>
      </c>
      <c r="AH36" s="196">
        <v>2</v>
      </c>
      <c r="AI36" s="195">
        <v>3</v>
      </c>
      <c r="AJ36" s="190">
        <v>0</v>
      </c>
      <c r="AK36" s="191">
        <v>0</v>
      </c>
      <c r="AL36" s="196">
        <v>0</v>
      </c>
      <c r="AM36" s="193">
        <v>0</v>
      </c>
      <c r="AN36" s="191">
        <v>0</v>
      </c>
      <c r="AO36" s="191">
        <v>1</v>
      </c>
      <c r="AP36" s="191">
        <v>0</v>
      </c>
      <c r="AQ36" s="191">
        <v>0</v>
      </c>
      <c r="AR36" s="191">
        <v>0</v>
      </c>
      <c r="AS36" s="196">
        <v>1</v>
      </c>
      <c r="AT36" s="195">
        <v>1</v>
      </c>
      <c r="AU36" s="190">
        <v>0</v>
      </c>
      <c r="AV36" s="191">
        <v>0</v>
      </c>
      <c r="AW36" s="196">
        <v>0</v>
      </c>
      <c r="AX36" s="193">
        <v>0</v>
      </c>
      <c r="AY36" s="191">
        <v>2</v>
      </c>
      <c r="AZ36" s="191">
        <v>0</v>
      </c>
      <c r="BA36" s="191">
        <v>1</v>
      </c>
      <c r="BB36" s="191">
        <v>0</v>
      </c>
      <c r="BC36" s="191">
        <v>0</v>
      </c>
      <c r="BD36" s="194">
        <v>3</v>
      </c>
      <c r="BE36" s="195">
        <v>3</v>
      </c>
      <c r="BF36" s="190">
        <v>0</v>
      </c>
      <c r="BG36" s="191">
        <v>0</v>
      </c>
      <c r="BH36" s="196">
        <v>0</v>
      </c>
      <c r="BI36" s="193">
        <v>0</v>
      </c>
      <c r="BJ36" s="191">
        <v>0</v>
      </c>
      <c r="BK36" s="191">
        <v>1</v>
      </c>
      <c r="BL36" s="191">
        <v>1</v>
      </c>
      <c r="BM36" s="191">
        <v>1</v>
      </c>
      <c r="BN36" s="191">
        <v>0</v>
      </c>
      <c r="BO36" s="196">
        <v>3</v>
      </c>
      <c r="BP36" s="195">
        <v>3</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1</v>
      </c>
      <c r="CI36" s="191">
        <v>0</v>
      </c>
      <c r="CJ36" s="191">
        <v>0</v>
      </c>
      <c r="CK36" s="196">
        <v>1</v>
      </c>
      <c r="CL36" s="195">
        <v>1</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c r="DI36" s="190">
        <v>0</v>
      </c>
      <c r="DJ36" s="191">
        <v>0</v>
      </c>
      <c r="DK36" s="196">
        <v>0</v>
      </c>
      <c r="DL36" s="193">
        <v>0</v>
      </c>
      <c r="DM36" s="191">
        <v>0</v>
      </c>
      <c r="DN36" s="191">
        <v>0</v>
      </c>
      <c r="DO36" s="191">
        <v>0</v>
      </c>
      <c r="DP36" s="191">
        <v>0</v>
      </c>
      <c r="DQ36" s="191">
        <v>0</v>
      </c>
      <c r="DR36" s="196">
        <v>0</v>
      </c>
      <c r="DS36" s="195">
        <v>0</v>
      </c>
      <c r="DT36" s="190">
        <v>0</v>
      </c>
      <c r="DU36" s="191">
        <v>1</v>
      </c>
      <c r="DV36" s="196">
        <v>1</v>
      </c>
      <c r="DW36" s="193">
        <v>0</v>
      </c>
      <c r="DX36" s="191">
        <v>3</v>
      </c>
      <c r="DY36" s="191">
        <v>2</v>
      </c>
      <c r="DZ36" s="191">
        <v>0</v>
      </c>
      <c r="EA36" s="191">
        <v>1</v>
      </c>
      <c r="EB36" s="191">
        <v>0</v>
      </c>
      <c r="EC36" s="196">
        <v>6</v>
      </c>
      <c r="ED36" s="195">
        <v>7</v>
      </c>
      <c r="EE36" s="190">
        <v>0</v>
      </c>
      <c r="EF36" s="191">
        <v>0</v>
      </c>
      <c r="EG36" s="196">
        <v>0</v>
      </c>
      <c r="EH36" s="193">
        <v>0</v>
      </c>
      <c r="EI36" s="191">
        <v>0</v>
      </c>
      <c r="EJ36" s="191">
        <v>0</v>
      </c>
      <c r="EK36" s="191">
        <v>2</v>
      </c>
      <c r="EL36" s="191">
        <v>0</v>
      </c>
      <c r="EM36" s="191">
        <v>0</v>
      </c>
      <c r="EN36" s="196">
        <v>2</v>
      </c>
      <c r="EO36" s="195">
        <v>2</v>
      </c>
      <c r="EP36" s="190">
        <v>0</v>
      </c>
      <c r="EQ36" s="191">
        <v>1</v>
      </c>
      <c r="ER36" s="196">
        <v>1</v>
      </c>
      <c r="ES36" s="193">
        <v>0</v>
      </c>
      <c r="ET36" s="191">
        <v>4</v>
      </c>
      <c r="EU36" s="191">
        <v>2</v>
      </c>
      <c r="EV36" s="191">
        <v>1</v>
      </c>
      <c r="EW36" s="191">
        <v>1</v>
      </c>
      <c r="EX36" s="191">
        <v>0</v>
      </c>
      <c r="EY36" s="196">
        <v>8</v>
      </c>
      <c r="EZ36" s="195">
        <v>9</v>
      </c>
    </row>
    <row r="37" spans="2:156" ht="21" customHeight="1" x14ac:dyDescent="0.2">
      <c r="B37" s="106" t="s">
        <v>35</v>
      </c>
      <c r="C37" s="190">
        <v>0</v>
      </c>
      <c r="D37" s="191">
        <v>0</v>
      </c>
      <c r="E37" s="192">
        <v>0</v>
      </c>
      <c r="F37" s="193">
        <v>0</v>
      </c>
      <c r="G37" s="191">
        <v>1</v>
      </c>
      <c r="H37" s="191">
        <v>4</v>
      </c>
      <c r="I37" s="191">
        <v>1</v>
      </c>
      <c r="J37" s="191">
        <v>0</v>
      </c>
      <c r="K37" s="191">
        <v>0</v>
      </c>
      <c r="L37" s="194">
        <v>6</v>
      </c>
      <c r="M37" s="195">
        <v>6</v>
      </c>
      <c r="N37" s="190">
        <v>0</v>
      </c>
      <c r="O37" s="191">
        <v>0</v>
      </c>
      <c r="P37" s="196">
        <v>0</v>
      </c>
      <c r="Q37" s="193">
        <v>0</v>
      </c>
      <c r="R37" s="191">
        <v>0</v>
      </c>
      <c r="S37" s="191">
        <v>0</v>
      </c>
      <c r="T37" s="191">
        <v>0</v>
      </c>
      <c r="U37" s="191">
        <v>0</v>
      </c>
      <c r="V37" s="191">
        <v>0</v>
      </c>
      <c r="W37" s="196">
        <v>0</v>
      </c>
      <c r="X37" s="195">
        <v>0</v>
      </c>
      <c r="Y37" s="190">
        <v>1</v>
      </c>
      <c r="Z37" s="191">
        <v>3</v>
      </c>
      <c r="AA37" s="196">
        <v>4</v>
      </c>
      <c r="AB37" s="193">
        <v>0</v>
      </c>
      <c r="AC37" s="191">
        <v>3</v>
      </c>
      <c r="AD37" s="191">
        <v>4</v>
      </c>
      <c r="AE37" s="191">
        <v>2</v>
      </c>
      <c r="AF37" s="191">
        <v>0</v>
      </c>
      <c r="AG37" s="191">
        <v>1</v>
      </c>
      <c r="AH37" s="196">
        <v>10</v>
      </c>
      <c r="AI37" s="195">
        <v>14</v>
      </c>
      <c r="AJ37" s="190">
        <v>1</v>
      </c>
      <c r="AK37" s="191">
        <v>2</v>
      </c>
      <c r="AL37" s="196">
        <v>3</v>
      </c>
      <c r="AM37" s="193">
        <v>0</v>
      </c>
      <c r="AN37" s="191">
        <v>0</v>
      </c>
      <c r="AO37" s="191">
        <v>1</v>
      </c>
      <c r="AP37" s="191">
        <v>0</v>
      </c>
      <c r="AQ37" s="191">
        <v>0</v>
      </c>
      <c r="AR37" s="191">
        <v>0</v>
      </c>
      <c r="AS37" s="196">
        <v>1</v>
      </c>
      <c r="AT37" s="195">
        <v>4</v>
      </c>
      <c r="AU37" s="190">
        <v>2</v>
      </c>
      <c r="AV37" s="191">
        <v>3</v>
      </c>
      <c r="AW37" s="196">
        <v>5</v>
      </c>
      <c r="AX37" s="193">
        <v>0</v>
      </c>
      <c r="AY37" s="191">
        <v>5</v>
      </c>
      <c r="AZ37" s="191">
        <v>3</v>
      </c>
      <c r="BA37" s="191">
        <v>5</v>
      </c>
      <c r="BB37" s="191">
        <v>2</v>
      </c>
      <c r="BC37" s="191">
        <v>2</v>
      </c>
      <c r="BD37" s="194">
        <v>17</v>
      </c>
      <c r="BE37" s="195">
        <v>22</v>
      </c>
      <c r="BF37" s="190">
        <v>0</v>
      </c>
      <c r="BG37" s="191">
        <v>0</v>
      </c>
      <c r="BH37" s="196">
        <v>0</v>
      </c>
      <c r="BI37" s="193">
        <v>0</v>
      </c>
      <c r="BJ37" s="191">
        <v>2</v>
      </c>
      <c r="BK37" s="191">
        <v>3</v>
      </c>
      <c r="BL37" s="191">
        <v>0</v>
      </c>
      <c r="BM37" s="191">
        <v>0</v>
      </c>
      <c r="BN37" s="191">
        <v>1</v>
      </c>
      <c r="BO37" s="196">
        <v>6</v>
      </c>
      <c r="BP37" s="195">
        <v>6</v>
      </c>
      <c r="BQ37" s="190">
        <v>1</v>
      </c>
      <c r="BR37" s="191">
        <v>2</v>
      </c>
      <c r="BS37" s="196">
        <v>3</v>
      </c>
      <c r="BT37" s="193">
        <v>0</v>
      </c>
      <c r="BU37" s="191">
        <v>2</v>
      </c>
      <c r="BV37" s="191">
        <v>2</v>
      </c>
      <c r="BW37" s="191">
        <v>4</v>
      </c>
      <c r="BX37" s="191">
        <v>0</v>
      </c>
      <c r="BY37" s="191">
        <v>0</v>
      </c>
      <c r="BZ37" s="196">
        <v>8</v>
      </c>
      <c r="CA37" s="195">
        <v>11</v>
      </c>
      <c r="CB37" s="190">
        <v>0</v>
      </c>
      <c r="CC37" s="191">
        <v>0</v>
      </c>
      <c r="CD37" s="196">
        <v>0</v>
      </c>
      <c r="CE37" s="193">
        <v>0</v>
      </c>
      <c r="CF37" s="191">
        <v>0</v>
      </c>
      <c r="CG37" s="191">
        <v>0</v>
      </c>
      <c r="CH37" s="191">
        <v>1</v>
      </c>
      <c r="CI37" s="191">
        <v>0</v>
      </c>
      <c r="CJ37" s="191">
        <v>1</v>
      </c>
      <c r="CK37" s="196">
        <v>2</v>
      </c>
      <c r="CL37" s="195">
        <v>2</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c r="DI37" s="190">
        <v>0</v>
      </c>
      <c r="DJ37" s="191">
        <v>0</v>
      </c>
      <c r="DK37" s="196">
        <v>0</v>
      </c>
      <c r="DL37" s="193">
        <v>0</v>
      </c>
      <c r="DM37" s="191">
        <v>0</v>
      </c>
      <c r="DN37" s="191">
        <v>0</v>
      </c>
      <c r="DO37" s="191">
        <v>0</v>
      </c>
      <c r="DP37" s="191">
        <v>0</v>
      </c>
      <c r="DQ37" s="191">
        <v>0</v>
      </c>
      <c r="DR37" s="196">
        <v>0</v>
      </c>
      <c r="DS37" s="195">
        <v>0</v>
      </c>
      <c r="DT37" s="190">
        <v>3</v>
      </c>
      <c r="DU37" s="191">
        <v>6</v>
      </c>
      <c r="DV37" s="196">
        <v>9</v>
      </c>
      <c r="DW37" s="193">
        <v>0</v>
      </c>
      <c r="DX37" s="191">
        <v>2</v>
      </c>
      <c r="DY37" s="191">
        <v>10</v>
      </c>
      <c r="DZ37" s="191">
        <v>2</v>
      </c>
      <c r="EA37" s="191">
        <v>0</v>
      </c>
      <c r="EB37" s="191">
        <v>1</v>
      </c>
      <c r="EC37" s="196">
        <v>15</v>
      </c>
      <c r="ED37" s="195">
        <v>24</v>
      </c>
      <c r="EE37" s="190">
        <v>3</v>
      </c>
      <c r="EF37" s="191">
        <v>1</v>
      </c>
      <c r="EG37" s="196">
        <v>4</v>
      </c>
      <c r="EH37" s="193">
        <v>0</v>
      </c>
      <c r="EI37" s="191">
        <v>3</v>
      </c>
      <c r="EJ37" s="191">
        <v>0</v>
      </c>
      <c r="EK37" s="191">
        <v>3</v>
      </c>
      <c r="EL37" s="191">
        <v>2</v>
      </c>
      <c r="EM37" s="191">
        <v>1</v>
      </c>
      <c r="EN37" s="196">
        <v>9</v>
      </c>
      <c r="EO37" s="195">
        <v>13</v>
      </c>
      <c r="EP37" s="190">
        <v>6</v>
      </c>
      <c r="EQ37" s="191">
        <v>9</v>
      </c>
      <c r="ER37" s="196">
        <v>15</v>
      </c>
      <c r="ES37" s="193">
        <v>0</v>
      </c>
      <c r="ET37" s="191">
        <v>9</v>
      </c>
      <c r="EU37" s="191">
        <v>11</v>
      </c>
      <c r="EV37" s="191">
        <v>4</v>
      </c>
      <c r="EW37" s="191">
        <v>0</v>
      </c>
      <c r="EX37" s="191">
        <v>1</v>
      </c>
      <c r="EY37" s="196">
        <v>25</v>
      </c>
      <c r="EZ37" s="195">
        <v>40</v>
      </c>
    </row>
    <row r="38" spans="2:156" ht="21" customHeight="1" x14ac:dyDescent="0.2">
      <c r="B38" s="106" t="s">
        <v>36</v>
      </c>
      <c r="C38" s="190">
        <v>0</v>
      </c>
      <c r="D38" s="191">
        <v>0</v>
      </c>
      <c r="E38" s="192">
        <v>0</v>
      </c>
      <c r="F38" s="193">
        <v>0</v>
      </c>
      <c r="G38" s="191">
        <v>1</v>
      </c>
      <c r="H38" s="191">
        <v>2</v>
      </c>
      <c r="I38" s="191">
        <v>1</v>
      </c>
      <c r="J38" s="191">
        <v>0</v>
      </c>
      <c r="K38" s="191">
        <v>0</v>
      </c>
      <c r="L38" s="194">
        <v>4</v>
      </c>
      <c r="M38" s="195">
        <v>4</v>
      </c>
      <c r="N38" s="190">
        <v>0</v>
      </c>
      <c r="O38" s="191">
        <v>0</v>
      </c>
      <c r="P38" s="196">
        <v>0</v>
      </c>
      <c r="Q38" s="193">
        <v>0</v>
      </c>
      <c r="R38" s="191">
        <v>0</v>
      </c>
      <c r="S38" s="191">
        <v>0</v>
      </c>
      <c r="T38" s="191">
        <v>0</v>
      </c>
      <c r="U38" s="191">
        <v>0</v>
      </c>
      <c r="V38" s="191">
        <v>0</v>
      </c>
      <c r="W38" s="196">
        <v>0</v>
      </c>
      <c r="X38" s="195">
        <v>0</v>
      </c>
      <c r="Y38" s="190">
        <v>0</v>
      </c>
      <c r="Z38" s="191">
        <v>2</v>
      </c>
      <c r="AA38" s="196">
        <v>2</v>
      </c>
      <c r="AB38" s="193">
        <v>0</v>
      </c>
      <c r="AC38" s="191">
        <v>0</v>
      </c>
      <c r="AD38" s="191">
        <v>3</v>
      </c>
      <c r="AE38" s="191">
        <v>1</v>
      </c>
      <c r="AF38" s="191">
        <v>3</v>
      </c>
      <c r="AG38" s="191">
        <v>0</v>
      </c>
      <c r="AH38" s="196">
        <v>7</v>
      </c>
      <c r="AI38" s="195">
        <v>9</v>
      </c>
      <c r="AJ38" s="190">
        <v>0</v>
      </c>
      <c r="AK38" s="191">
        <v>0</v>
      </c>
      <c r="AL38" s="196">
        <v>0</v>
      </c>
      <c r="AM38" s="193">
        <v>0</v>
      </c>
      <c r="AN38" s="191">
        <v>1</v>
      </c>
      <c r="AO38" s="191">
        <v>1</v>
      </c>
      <c r="AP38" s="191">
        <v>0</v>
      </c>
      <c r="AQ38" s="191">
        <v>0</v>
      </c>
      <c r="AR38" s="191">
        <v>0</v>
      </c>
      <c r="AS38" s="196">
        <v>2</v>
      </c>
      <c r="AT38" s="195">
        <v>2</v>
      </c>
      <c r="AU38" s="190">
        <v>0</v>
      </c>
      <c r="AV38" s="191">
        <v>0</v>
      </c>
      <c r="AW38" s="196">
        <v>0</v>
      </c>
      <c r="AX38" s="193">
        <v>0</v>
      </c>
      <c r="AY38" s="191">
        <v>3</v>
      </c>
      <c r="AZ38" s="191">
        <v>5</v>
      </c>
      <c r="BA38" s="191">
        <v>5</v>
      </c>
      <c r="BB38" s="191">
        <v>3</v>
      </c>
      <c r="BC38" s="191">
        <v>1</v>
      </c>
      <c r="BD38" s="194">
        <v>17</v>
      </c>
      <c r="BE38" s="195">
        <v>17</v>
      </c>
      <c r="BF38" s="190">
        <v>0</v>
      </c>
      <c r="BG38" s="191">
        <v>0</v>
      </c>
      <c r="BH38" s="196">
        <v>0</v>
      </c>
      <c r="BI38" s="193">
        <v>0</v>
      </c>
      <c r="BJ38" s="191">
        <v>1</v>
      </c>
      <c r="BK38" s="191">
        <v>5</v>
      </c>
      <c r="BL38" s="191">
        <v>0</v>
      </c>
      <c r="BM38" s="191">
        <v>2</v>
      </c>
      <c r="BN38" s="191">
        <v>0</v>
      </c>
      <c r="BO38" s="196">
        <v>8</v>
      </c>
      <c r="BP38" s="195">
        <v>8</v>
      </c>
      <c r="BQ38" s="190">
        <v>0</v>
      </c>
      <c r="BR38" s="191">
        <v>0</v>
      </c>
      <c r="BS38" s="196">
        <v>0</v>
      </c>
      <c r="BT38" s="193">
        <v>0</v>
      </c>
      <c r="BU38" s="191">
        <v>0</v>
      </c>
      <c r="BV38" s="191">
        <v>1</v>
      </c>
      <c r="BW38" s="191">
        <v>0</v>
      </c>
      <c r="BX38" s="191">
        <v>2</v>
      </c>
      <c r="BY38" s="191">
        <v>0</v>
      </c>
      <c r="BZ38" s="196">
        <v>3</v>
      </c>
      <c r="CA38" s="195">
        <v>3</v>
      </c>
      <c r="CB38" s="190">
        <v>0</v>
      </c>
      <c r="CC38" s="191">
        <v>0</v>
      </c>
      <c r="CD38" s="196">
        <v>0</v>
      </c>
      <c r="CE38" s="193">
        <v>0</v>
      </c>
      <c r="CF38" s="191">
        <v>0</v>
      </c>
      <c r="CG38" s="191">
        <v>2</v>
      </c>
      <c r="CH38" s="191">
        <v>0</v>
      </c>
      <c r="CI38" s="191">
        <v>1</v>
      </c>
      <c r="CJ38" s="191">
        <v>0</v>
      </c>
      <c r="CK38" s="196">
        <v>3</v>
      </c>
      <c r="CL38" s="195">
        <v>3</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c r="DI38" s="190">
        <v>0</v>
      </c>
      <c r="DJ38" s="191">
        <v>0</v>
      </c>
      <c r="DK38" s="196">
        <v>0</v>
      </c>
      <c r="DL38" s="193">
        <v>0</v>
      </c>
      <c r="DM38" s="191">
        <v>0</v>
      </c>
      <c r="DN38" s="191">
        <v>0</v>
      </c>
      <c r="DO38" s="191">
        <v>0</v>
      </c>
      <c r="DP38" s="191">
        <v>0</v>
      </c>
      <c r="DQ38" s="191">
        <v>0</v>
      </c>
      <c r="DR38" s="196">
        <v>0</v>
      </c>
      <c r="DS38" s="195">
        <v>0</v>
      </c>
      <c r="DT38" s="190">
        <v>0</v>
      </c>
      <c r="DU38" s="191">
        <v>3</v>
      </c>
      <c r="DV38" s="196">
        <v>3</v>
      </c>
      <c r="DW38" s="193">
        <v>0</v>
      </c>
      <c r="DX38" s="191">
        <v>3</v>
      </c>
      <c r="DY38" s="191">
        <v>12</v>
      </c>
      <c r="DZ38" s="191">
        <v>3</v>
      </c>
      <c r="EA38" s="191">
        <v>3</v>
      </c>
      <c r="EB38" s="191">
        <v>0</v>
      </c>
      <c r="EC38" s="196">
        <v>21</v>
      </c>
      <c r="ED38" s="195">
        <v>24</v>
      </c>
      <c r="EE38" s="190">
        <v>0</v>
      </c>
      <c r="EF38" s="191">
        <v>0</v>
      </c>
      <c r="EG38" s="196">
        <v>0</v>
      </c>
      <c r="EH38" s="193">
        <v>0</v>
      </c>
      <c r="EI38" s="191">
        <v>2</v>
      </c>
      <c r="EJ38" s="191">
        <v>2</v>
      </c>
      <c r="EK38" s="191">
        <v>2</v>
      </c>
      <c r="EL38" s="191">
        <v>1</v>
      </c>
      <c r="EM38" s="191">
        <v>0</v>
      </c>
      <c r="EN38" s="196">
        <v>7</v>
      </c>
      <c r="EO38" s="195">
        <v>7</v>
      </c>
      <c r="EP38" s="190">
        <v>0</v>
      </c>
      <c r="EQ38" s="191">
        <v>5</v>
      </c>
      <c r="ER38" s="196">
        <v>5</v>
      </c>
      <c r="ES38" s="193">
        <v>0</v>
      </c>
      <c r="ET38" s="191">
        <v>4</v>
      </c>
      <c r="EU38" s="191">
        <v>13</v>
      </c>
      <c r="EV38" s="191">
        <v>3</v>
      </c>
      <c r="EW38" s="191">
        <v>4</v>
      </c>
      <c r="EX38" s="191">
        <v>0</v>
      </c>
      <c r="EY38" s="196">
        <v>24</v>
      </c>
      <c r="EZ38" s="195">
        <v>29</v>
      </c>
    </row>
    <row r="39" spans="2:156" ht="21" customHeight="1" thickBot="1" x14ac:dyDescent="0.25">
      <c r="B39" s="108" t="s">
        <v>37</v>
      </c>
      <c r="C39" s="197">
        <v>0</v>
      </c>
      <c r="D39" s="198">
        <v>0</v>
      </c>
      <c r="E39" s="199">
        <v>0</v>
      </c>
      <c r="F39" s="200">
        <v>0</v>
      </c>
      <c r="G39" s="198">
        <v>0</v>
      </c>
      <c r="H39" s="198">
        <v>0</v>
      </c>
      <c r="I39" s="198">
        <v>0</v>
      </c>
      <c r="J39" s="198">
        <v>0</v>
      </c>
      <c r="K39" s="198">
        <v>1</v>
      </c>
      <c r="L39" s="201">
        <v>1</v>
      </c>
      <c r="M39" s="202">
        <v>1</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1</v>
      </c>
      <c r="AE39" s="198">
        <v>0</v>
      </c>
      <c r="AF39" s="198">
        <v>0</v>
      </c>
      <c r="AG39" s="198">
        <v>1</v>
      </c>
      <c r="AH39" s="203">
        <v>2</v>
      </c>
      <c r="AI39" s="202">
        <v>2</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1</v>
      </c>
      <c r="BD39" s="201">
        <v>1</v>
      </c>
      <c r="BE39" s="202">
        <v>1</v>
      </c>
      <c r="BF39" s="197">
        <v>0</v>
      </c>
      <c r="BG39" s="198">
        <v>0</v>
      </c>
      <c r="BH39" s="203">
        <v>0</v>
      </c>
      <c r="BI39" s="200">
        <v>0</v>
      </c>
      <c r="BJ39" s="198">
        <v>0</v>
      </c>
      <c r="BK39" s="198">
        <v>1</v>
      </c>
      <c r="BL39" s="198">
        <v>0</v>
      </c>
      <c r="BM39" s="198">
        <v>0</v>
      </c>
      <c r="BN39" s="198">
        <v>0</v>
      </c>
      <c r="BO39" s="203">
        <v>1</v>
      </c>
      <c r="BP39" s="202">
        <v>1</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1</v>
      </c>
      <c r="CV39" s="203">
        <v>1</v>
      </c>
      <c r="CW39" s="202">
        <v>1</v>
      </c>
      <c r="CX39" s="197">
        <v>0</v>
      </c>
      <c r="CY39" s="198">
        <v>0</v>
      </c>
      <c r="CZ39" s="203">
        <v>0</v>
      </c>
      <c r="DA39" s="200">
        <v>0</v>
      </c>
      <c r="DB39" s="198">
        <v>0</v>
      </c>
      <c r="DC39" s="198">
        <v>0</v>
      </c>
      <c r="DD39" s="198">
        <v>0</v>
      </c>
      <c r="DE39" s="198">
        <v>0</v>
      </c>
      <c r="DF39" s="198">
        <v>0</v>
      </c>
      <c r="DG39" s="203">
        <v>0</v>
      </c>
      <c r="DH39" s="202">
        <v>0</v>
      </c>
      <c r="DI39" s="197">
        <v>0</v>
      </c>
      <c r="DJ39" s="198">
        <v>0</v>
      </c>
      <c r="DK39" s="203">
        <v>0</v>
      </c>
      <c r="DL39" s="200">
        <v>0</v>
      </c>
      <c r="DM39" s="198">
        <v>0</v>
      </c>
      <c r="DN39" s="198">
        <v>0</v>
      </c>
      <c r="DO39" s="198">
        <v>0</v>
      </c>
      <c r="DP39" s="198">
        <v>0</v>
      </c>
      <c r="DQ39" s="198">
        <v>0</v>
      </c>
      <c r="DR39" s="203">
        <v>0</v>
      </c>
      <c r="DS39" s="202">
        <v>0</v>
      </c>
      <c r="DT39" s="197">
        <v>0</v>
      </c>
      <c r="DU39" s="198">
        <v>0</v>
      </c>
      <c r="DV39" s="203">
        <v>0</v>
      </c>
      <c r="DW39" s="200">
        <v>0</v>
      </c>
      <c r="DX39" s="198">
        <v>0</v>
      </c>
      <c r="DY39" s="198">
        <v>1</v>
      </c>
      <c r="DZ39" s="198">
        <v>0</v>
      </c>
      <c r="EA39" s="198">
        <v>0</v>
      </c>
      <c r="EB39" s="198">
        <v>1</v>
      </c>
      <c r="EC39" s="203">
        <v>2</v>
      </c>
      <c r="ED39" s="202">
        <v>2</v>
      </c>
      <c r="EE39" s="197">
        <v>0</v>
      </c>
      <c r="EF39" s="198">
        <v>0</v>
      </c>
      <c r="EG39" s="203">
        <v>0</v>
      </c>
      <c r="EH39" s="200">
        <v>0</v>
      </c>
      <c r="EI39" s="198">
        <v>0</v>
      </c>
      <c r="EJ39" s="198">
        <v>0</v>
      </c>
      <c r="EK39" s="198">
        <v>0</v>
      </c>
      <c r="EL39" s="198">
        <v>0</v>
      </c>
      <c r="EM39" s="198">
        <v>0</v>
      </c>
      <c r="EN39" s="203">
        <v>0</v>
      </c>
      <c r="EO39" s="202">
        <v>0</v>
      </c>
      <c r="EP39" s="197">
        <v>0</v>
      </c>
      <c r="EQ39" s="198">
        <v>0</v>
      </c>
      <c r="ER39" s="203">
        <v>0</v>
      </c>
      <c r="ES39" s="200">
        <v>0</v>
      </c>
      <c r="ET39" s="198">
        <v>0</v>
      </c>
      <c r="EU39" s="198">
        <v>1</v>
      </c>
      <c r="EV39" s="198">
        <v>0</v>
      </c>
      <c r="EW39" s="198">
        <v>0</v>
      </c>
      <c r="EX39" s="198">
        <v>1</v>
      </c>
      <c r="EY39" s="203">
        <v>2</v>
      </c>
      <c r="EZ39" s="202">
        <v>2</v>
      </c>
    </row>
  </sheetData>
  <mergeCells count="59">
    <mergeCell ref="EP4:ER4"/>
    <mergeCell ref="ES4:EY4"/>
    <mergeCell ref="EZ4:EZ5"/>
    <mergeCell ref="DT4:DV4"/>
    <mergeCell ref="DW4:EC4"/>
    <mergeCell ref="ED4:ED5"/>
    <mergeCell ref="EE4:EG4"/>
    <mergeCell ref="EH4:EN4"/>
    <mergeCell ref="EO4:EO5"/>
    <mergeCell ref="DS4:DS5"/>
    <mergeCell ref="CB4:CD4"/>
    <mergeCell ref="CE4:CK4"/>
    <mergeCell ref="CL4:CL5"/>
    <mergeCell ref="CM4:CO4"/>
    <mergeCell ref="CP4:CV4"/>
    <mergeCell ref="CW4:CW5"/>
    <mergeCell ref="CX4:CZ4"/>
    <mergeCell ref="DA4:DG4"/>
    <mergeCell ref="DH4:DH5"/>
    <mergeCell ref="DI4:DK4"/>
    <mergeCell ref="DL4:DR4"/>
    <mergeCell ref="CA4:CA5"/>
    <mergeCell ref="AJ4:AL4"/>
    <mergeCell ref="AM4:AS4"/>
    <mergeCell ref="AT4:AT5"/>
    <mergeCell ref="AU4:AW4"/>
    <mergeCell ref="AX4:BD4"/>
    <mergeCell ref="BE4:BE5"/>
    <mergeCell ref="BF4:BH4"/>
    <mergeCell ref="BI4:BO4"/>
    <mergeCell ref="BP4:BP5"/>
    <mergeCell ref="BQ4:BS4"/>
    <mergeCell ref="BT4:BZ4"/>
    <mergeCell ref="CX3:DH3"/>
    <mergeCell ref="DI3:DS3"/>
    <mergeCell ref="DT3:ED3"/>
    <mergeCell ref="EE3:EO3"/>
    <mergeCell ref="EP3:EZ3"/>
    <mergeCell ref="C4:E4"/>
    <mergeCell ref="F4:L4"/>
    <mergeCell ref="M4:M5"/>
    <mergeCell ref="N4:P4"/>
    <mergeCell ref="Q4:W4"/>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77734375" style="175" customWidth="1"/>
    <col min="18" max="27" width="9" style="175"/>
    <col min="28" max="28" width="6.88671875" style="175" customWidth="1"/>
    <col min="29" max="38" width="9" style="175"/>
    <col min="39" max="39" width="7.21875" style="175" customWidth="1"/>
    <col min="40" max="49" width="9" style="175"/>
    <col min="50" max="50" width="7.44140625" style="175" customWidth="1"/>
    <col min="51" max="60" width="9" style="175"/>
    <col min="61" max="61" width="7.6640625" style="175" customWidth="1"/>
    <col min="62" max="71" width="9" style="175"/>
    <col min="72" max="72" width="7.88671875" style="175" customWidth="1"/>
    <col min="73" max="82" width="9" style="175"/>
    <col min="83" max="83" width="7" style="175" customWidth="1"/>
    <col min="84" max="93" width="9" style="175"/>
    <col min="94" max="94" width="7.6640625" style="175" customWidth="1"/>
    <col min="95" max="16384" width="9" style="175"/>
  </cols>
  <sheetData>
    <row r="1" spans="2:112" ht="24" customHeight="1" x14ac:dyDescent="0.2">
      <c r="B1" s="142" t="s">
        <v>121</v>
      </c>
      <c r="J1" s="441">
        <f>第１表!F2</f>
        <v>6</v>
      </c>
      <c r="K1" s="441"/>
      <c r="L1" s="18">
        <f>第１表!G2</f>
        <v>9</v>
      </c>
      <c r="M1" s="445">
        <f>IF(L1&lt;3,L1+12-2,L1-2)</f>
        <v>7</v>
      </c>
      <c r="N1" s="445"/>
    </row>
    <row r="2" spans="2:112" ht="24" customHeight="1" thickBot="1" x14ac:dyDescent="0.25">
      <c r="B2" s="142" t="s">
        <v>136</v>
      </c>
    </row>
    <row r="3" spans="2:112" ht="21" customHeight="1" thickBot="1" x14ac:dyDescent="0.25">
      <c r="B3" s="482"/>
      <c r="C3" s="485" t="s">
        <v>111</v>
      </c>
      <c r="D3" s="485"/>
      <c r="E3" s="485"/>
      <c r="F3" s="485"/>
      <c r="G3" s="485"/>
      <c r="H3" s="485"/>
      <c r="I3" s="485"/>
      <c r="J3" s="485"/>
      <c r="K3" s="485"/>
      <c r="L3" s="485"/>
      <c r="M3" s="486"/>
      <c r="N3" s="480" t="s">
        <v>110</v>
      </c>
      <c r="O3" s="480"/>
      <c r="P3" s="480"/>
      <c r="Q3" s="480"/>
      <c r="R3" s="480"/>
      <c r="S3" s="480"/>
      <c r="T3" s="480"/>
      <c r="U3" s="480"/>
      <c r="V3" s="480"/>
      <c r="W3" s="480"/>
      <c r="X3" s="481"/>
      <c r="Y3" s="479" t="s">
        <v>109</v>
      </c>
      <c r="Z3" s="480"/>
      <c r="AA3" s="480"/>
      <c r="AB3" s="480"/>
      <c r="AC3" s="480"/>
      <c r="AD3" s="480"/>
      <c r="AE3" s="480"/>
      <c r="AF3" s="480"/>
      <c r="AG3" s="480"/>
      <c r="AH3" s="480"/>
      <c r="AI3" s="481"/>
      <c r="AJ3" s="479" t="s">
        <v>108</v>
      </c>
      <c r="AK3" s="480"/>
      <c r="AL3" s="480"/>
      <c r="AM3" s="480"/>
      <c r="AN3" s="480"/>
      <c r="AO3" s="480"/>
      <c r="AP3" s="480"/>
      <c r="AQ3" s="480"/>
      <c r="AR3" s="480"/>
      <c r="AS3" s="480"/>
      <c r="AT3" s="481"/>
      <c r="AU3" s="479" t="s">
        <v>107</v>
      </c>
      <c r="AV3" s="480"/>
      <c r="AW3" s="480"/>
      <c r="AX3" s="480"/>
      <c r="AY3" s="480"/>
      <c r="AZ3" s="480"/>
      <c r="BA3" s="480"/>
      <c r="BB3" s="480"/>
      <c r="BC3" s="480"/>
      <c r="BD3" s="480"/>
      <c r="BE3" s="481"/>
      <c r="BF3" s="479" t="s">
        <v>106</v>
      </c>
      <c r="BG3" s="480"/>
      <c r="BH3" s="480"/>
      <c r="BI3" s="480"/>
      <c r="BJ3" s="480"/>
      <c r="BK3" s="480"/>
      <c r="BL3" s="480"/>
      <c r="BM3" s="480"/>
      <c r="BN3" s="480"/>
      <c r="BO3" s="480"/>
      <c r="BP3" s="481"/>
      <c r="BQ3" s="479" t="s">
        <v>105</v>
      </c>
      <c r="BR3" s="480"/>
      <c r="BS3" s="480"/>
      <c r="BT3" s="480"/>
      <c r="BU3" s="480"/>
      <c r="BV3" s="480"/>
      <c r="BW3" s="480"/>
      <c r="BX3" s="480"/>
      <c r="BY3" s="480"/>
      <c r="BZ3" s="480"/>
      <c r="CA3" s="481"/>
      <c r="CB3" s="479" t="s">
        <v>125</v>
      </c>
      <c r="CC3" s="480"/>
      <c r="CD3" s="480"/>
      <c r="CE3" s="480"/>
      <c r="CF3" s="480"/>
      <c r="CG3" s="480"/>
      <c r="CH3" s="480"/>
      <c r="CI3" s="480"/>
      <c r="CJ3" s="480"/>
      <c r="CK3" s="480"/>
      <c r="CL3" s="481"/>
      <c r="CM3" s="479" t="s">
        <v>104</v>
      </c>
      <c r="CN3" s="480"/>
      <c r="CO3" s="480"/>
      <c r="CP3" s="480"/>
      <c r="CQ3" s="480"/>
      <c r="CR3" s="480"/>
      <c r="CS3" s="480"/>
      <c r="CT3" s="480"/>
      <c r="CU3" s="480"/>
      <c r="CV3" s="480"/>
      <c r="CW3" s="481"/>
      <c r="CX3" s="479" t="s">
        <v>157</v>
      </c>
      <c r="CY3" s="480"/>
      <c r="CZ3" s="480"/>
      <c r="DA3" s="480"/>
      <c r="DB3" s="480"/>
      <c r="DC3" s="480"/>
      <c r="DD3" s="480"/>
      <c r="DE3" s="480"/>
      <c r="DF3" s="480"/>
      <c r="DG3" s="480"/>
      <c r="DH3" s="481"/>
    </row>
    <row r="4" spans="2:112" ht="21" customHeight="1" x14ac:dyDescent="0.2">
      <c r="B4" s="483"/>
      <c r="C4" s="487" t="s">
        <v>61</v>
      </c>
      <c r="D4" s="472"/>
      <c r="E4" s="473"/>
      <c r="F4" s="474" t="s">
        <v>62</v>
      </c>
      <c r="G4" s="472"/>
      <c r="H4" s="472"/>
      <c r="I4" s="472"/>
      <c r="J4" s="472"/>
      <c r="K4" s="472"/>
      <c r="L4" s="475"/>
      <c r="M4" s="469" t="s">
        <v>52</v>
      </c>
      <c r="N4" s="487" t="s">
        <v>61</v>
      </c>
      <c r="O4" s="472"/>
      <c r="P4" s="473"/>
      <c r="Q4" s="474" t="s">
        <v>62</v>
      </c>
      <c r="R4" s="472"/>
      <c r="S4" s="472"/>
      <c r="T4" s="472"/>
      <c r="U4" s="472"/>
      <c r="V4" s="472"/>
      <c r="W4" s="473"/>
      <c r="X4" s="469" t="s">
        <v>52</v>
      </c>
      <c r="Y4" s="471" t="s">
        <v>61</v>
      </c>
      <c r="Z4" s="472"/>
      <c r="AA4" s="475"/>
      <c r="AB4" s="474" t="s">
        <v>62</v>
      </c>
      <c r="AC4" s="472"/>
      <c r="AD4" s="472"/>
      <c r="AE4" s="472"/>
      <c r="AF4" s="472"/>
      <c r="AG4" s="472"/>
      <c r="AH4" s="473"/>
      <c r="AI4" s="469" t="s">
        <v>52</v>
      </c>
      <c r="AJ4" s="471" t="s">
        <v>61</v>
      </c>
      <c r="AK4" s="472"/>
      <c r="AL4" s="473"/>
      <c r="AM4" s="474" t="s">
        <v>62</v>
      </c>
      <c r="AN4" s="472"/>
      <c r="AO4" s="472"/>
      <c r="AP4" s="472"/>
      <c r="AQ4" s="472"/>
      <c r="AR4" s="472"/>
      <c r="AS4" s="473"/>
      <c r="AT4" s="469" t="s">
        <v>52</v>
      </c>
      <c r="AU4" s="471" t="s">
        <v>61</v>
      </c>
      <c r="AV4" s="472"/>
      <c r="AW4" s="475"/>
      <c r="AX4" s="474" t="s">
        <v>62</v>
      </c>
      <c r="AY4" s="472"/>
      <c r="AZ4" s="472"/>
      <c r="BA4" s="472"/>
      <c r="BB4" s="472"/>
      <c r="BC4" s="472"/>
      <c r="BD4" s="475"/>
      <c r="BE4" s="469" t="s">
        <v>52</v>
      </c>
      <c r="BF4" s="471" t="s">
        <v>61</v>
      </c>
      <c r="BG4" s="472"/>
      <c r="BH4" s="473"/>
      <c r="BI4" s="474" t="s">
        <v>62</v>
      </c>
      <c r="BJ4" s="472"/>
      <c r="BK4" s="472"/>
      <c r="BL4" s="472"/>
      <c r="BM4" s="472"/>
      <c r="BN4" s="472"/>
      <c r="BO4" s="473"/>
      <c r="BP4" s="469" t="s">
        <v>52</v>
      </c>
      <c r="BQ4" s="471" t="s">
        <v>61</v>
      </c>
      <c r="BR4" s="472"/>
      <c r="BS4" s="473"/>
      <c r="BT4" s="474" t="s">
        <v>62</v>
      </c>
      <c r="BU4" s="472"/>
      <c r="BV4" s="472"/>
      <c r="BW4" s="472"/>
      <c r="BX4" s="472"/>
      <c r="BY4" s="472"/>
      <c r="BZ4" s="473"/>
      <c r="CA4" s="469" t="s">
        <v>52</v>
      </c>
      <c r="CB4" s="471" t="s">
        <v>61</v>
      </c>
      <c r="CC4" s="472"/>
      <c r="CD4" s="473"/>
      <c r="CE4" s="474" t="s">
        <v>62</v>
      </c>
      <c r="CF4" s="472"/>
      <c r="CG4" s="472"/>
      <c r="CH4" s="472"/>
      <c r="CI4" s="472"/>
      <c r="CJ4" s="472"/>
      <c r="CK4" s="473"/>
      <c r="CL4" s="469" t="s">
        <v>52</v>
      </c>
      <c r="CM4" s="471" t="s">
        <v>61</v>
      </c>
      <c r="CN4" s="472"/>
      <c r="CO4" s="473"/>
      <c r="CP4" s="474" t="s">
        <v>62</v>
      </c>
      <c r="CQ4" s="472"/>
      <c r="CR4" s="472"/>
      <c r="CS4" s="472"/>
      <c r="CT4" s="472"/>
      <c r="CU4" s="472"/>
      <c r="CV4" s="473"/>
      <c r="CW4" s="469" t="s">
        <v>52</v>
      </c>
      <c r="CX4" s="471" t="s">
        <v>61</v>
      </c>
      <c r="CY4" s="472"/>
      <c r="CZ4" s="473"/>
      <c r="DA4" s="474" t="s">
        <v>62</v>
      </c>
      <c r="DB4" s="472"/>
      <c r="DC4" s="472"/>
      <c r="DD4" s="472"/>
      <c r="DE4" s="472"/>
      <c r="DF4" s="472"/>
      <c r="DG4" s="473"/>
      <c r="DH4" s="469" t="s">
        <v>52</v>
      </c>
    </row>
    <row r="5" spans="2:112" ht="30" customHeight="1" thickBot="1" x14ac:dyDescent="0.25">
      <c r="B5" s="484"/>
      <c r="C5" s="204" t="s">
        <v>43</v>
      </c>
      <c r="D5" s="178" t="s">
        <v>44</v>
      </c>
      <c r="E5" s="179" t="s">
        <v>45</v>
      </c>
      <c r="F5" s="180" t="s">
        <v>83</v>
      </c>
      <c r="G5" s="178" t="s">
        <v>47</v>
      </c>
      <c r="H5" s="178" t="s">
        <v>48</v>
      </c>
      <c r="I5" s="178" t="s">
        <v>49</v>
      </c>
      <c r="J5" s="178" t="s">
        <v>50</v>
      </c>
      <c r="K5" s="178" t="s">
        <v>51</v>
      </c>
      <c r="L5" s="181" t="s">
        <v>45</v>
      </c>
      <c r="M5" s="470"/>
      <c r="N5" s="204" t="s">
        <v>43</v>
      </c>
      <c r="O5" s="178" t="s">
        <v>44</v>
      </c>
      <c r="P5" s="182" t="s">
        <v>45</v>
      </c>
      <c r="Q5" s="180" t="s">
        <v>83</v>
      </c>
      <c r="R5" s="178" t="s">
        <v>47</v>
      </c>
      <c r="S5" s="178" t="s">
        <v>48</v>
      </c>
      <c r="T5" s="178" t="s">
        <v>49</v>
      </c>
      <c r="U5" s="178" t="s">
        <v>50</v>
      </c>
      <c r="V5" s="178" t="s">
        <v>51</v>
      </c>
      <c r="W5" s="182" t="s">
        <v>45</v>
      </c>
      <c r="X5" s="470"/>
      <c r="Y5" s="177" t="s">
        <v>43</v>
      </c>
      <c r="Z5" s="178" t="s">
        <v>44</v>
      </c>
      <c r="AA5" s="181"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1" t="s">
        <v>45</v>
      </c>
      <c r="AX5" s="180" t="s">
        <v>83</v>
      </c>
      <c r="AY5" s="178" t="s">
        <v>47</v>
      </c>
      <c r="AZ5" s="178" t="s">
        <v>48</v>
      </c>
      <c r="BA5" s="178" t="s">
        <v>49</v>
      </c>
      <c r="BB5" s="178" t="s">
        <v>50</v>
      </c>
      <c r="BC5" s="178" t="s">
        <v>51</v>
      </c>
      <c r="BD5" s="181" t="s">
        <v>45</v>
      </c>
      <c r="BE5" s="470"/>
      <c r="BF5" s="177" t="s">
        <v>43</v>
      </c>
      <c r="BG5" s="178" t="s">
        <v>44</v>
      </c>
      <c r="BH5" s="182" t="s">
        <v>45</v>
      </c>
      <c r="BI5" s="180" t="s">
        <v>83</v>
      </c>
      <c r="BJ5" s="178" t="s">
        <v>47</v>
      </c>
      <c r="BK5" s="178" t="s">
        <v>48</v>
      </c>
      <c r="BL5" s="178" t="s">
        <v>49</v>
      </c>
      <c r="BM5" s="178" t="s">
        <v>50</v>
      </c>
      <c r="BN5" s="178" t="s">
        <v>51</v>
      </c>
      <c r="BO5" s="182" t="s">
        <v>45</v>
      </c>
      <c r="BP5" s="470"/>
      <c r="BQ5" s="177" t="s">
        <v>43</v>
      </c>
      <c r="BR5" s="178" t="s">
        <v>44</v>
      </c>
      <c r="BS5" s="182" t="s">
        <v>45</v>
      </c>
      <c r="BT5" s="180" t="s">
        <v>83</v>
      </c>
      <c r="BU5" s="178" t="s">
        <v>47</v>
      </c>
      <c r="BV5" s="178" t="s">
        <v>48</v>
      </c>
      <c r="BW5" s="178" t="s">
        <v>49</v>
      </c>
      <c r="BX5" s="178" t="s">
        <v>50</v>
      </c>
      <c r="BY5" s="178" t="s">
        <v>51</v>
      </c>
      <c r="BZ5" s="182" t="s">
        <v>45</v>
      </c>
      <c r="CA5" s="470"/>
      <c r="CB5" s="177" t="s">
        <v>43</v>
      </c>
      <c r="CC5" s="178" t="s">
        <v>44</v>
      </c>
      <c r="CD5" s="182" t="s">
        <v>45</v>
      </c>
      <c r="CE5" s="180" t="s">
        <v>83</v>
      </c>
      <c r="CF5" s="178" t="s">
        <v>47</v>
      </c>
      <c r="CG5" s="178" t="s">
        <v>48</v>
      </c>
      <c r="CH5" s="178" t="s">
        <v>49</v>
      </c>
      <c r="CI5" s="178" t="s">
        <v>50</v>
      </c>
      <c r="CJ5" s="178" t="s">
        <v>51</v>
      </c>
      <c r="CK5" s="182" t="s">
        <v>45</v>
      </c>
      <c r="CL5" s="470"/>
      <c r="CM5" s="177" t="s">
        <v>43</v>
      </c>
      <c r="CN5" s="178" t="s">
        <v>44</v>
      </c>
      <c r="CO5" s="182" t="s">
        <v>45</v>
      </c>
      <c r="CP5" s="180" t="s">
        <v>83</v>
      </c>
      <c r="CQ5" s="178" t="s">
        <v>47</v>
      </c>
      <c r="CR5" s="178" t="s">
        <v>48</v>
      </c>
      <c r="CS5" s="178" t="s">
        <v>49</v>
      </c>
      <c r="CT5" s="178" t="s">
        <v>50</v>
      </c>
      <c r="CU5" s="178" t="s">
        <v>51</v>
      </c>
      <c r="CV5" s="182" t="s">
        <v>45</v>
      </c>
      <c r="CW5" s="470"/>
      <c r="CX5" s="177" t="s">
        <v>43</v>
      </c>
      <c r="CY5" s="178" t="s">
        <v>44</v>
      </c>
      <c r="CZ5" s="182" t="s">
        <v>45</v>
      </c>
      <c r="DA5" s="180" t="s">
        <v>83</v>
      </c>
      <c r="DB5" s="178" t="s">
        <v>47</v>
      </c>
      <c r="DC5" s="178" t="s">
        <v>48</v>
      </c>
      <c r="DD5" s="178" t="s">
        <v>49</v>
      </c>
      <c r="DE5" s="178" t="s">
        <v>50</v>
      </c>
      <c r="DF5" s="178" t="s">
        <v>51</v>
      </c>
      <c r="DG5" s="182" t="s">
        <v>45</v>
      </c>
      <c r="DH5" s="470"/>
    </row>
    <row r="6" spans="2:112" ht="21" customHeight="1" x14ac:dyDescent="0.2">
      <c r="B6" s="84" t="s">
        <v>4</v>
      </c>
      <c r="C6" s="183">
        <v>0</v>
      </c>
      <c r="D6" s="184">
        <v>0</v>
      </c>
      <c r="E6" s="185">
        <v>0</v>
      </c>
      <c r="F6" s="186">
        <v>0</v>
      </c>
      <c r="G6" s="184">
        <v>222692</v>
      </c>
      <c r="H6" s="184">
        <v>380457</v>
      </c>
      <c r="I6" s="184">
        <v>395231</v>
      </c>
      <c r="J6" s="184">
        <v>484582</v>
      </c>
      <c r="K6" s="184">
        <v>450536</v>
      </c>
      <c r="L6" s="187">
        <v>1933498</v>
      </c>
      <c r="M6" s="188">
        <v>1933498</v>
      </c>
      <c r="N6" s="183">
        <v>6</v>
      </c>
      <c r="O6" s="184">
        <v>98</v>
      </c>
      <c r="P6" s="189">
        <v>104</v>
      </c>
      <c r="Q6" s="186">
        <v>0</v>
      </c>
      <c r="R6" s="184">
        <v>379</v>
      </c>
      <c r="S6" s="184">
        <v>1764</v>
      </c>
      <c r="T6" s="184">
        <v>3743</v>
      </c>
      <c r="U6" s="184">
        <v>10218</v>
      </c>
      <c r="V6" s="184">
        <v>19000</v>
      </c>
      <c r="W6" s="189">
        <v>35104</v>
      </c>
      <c r="X6" s="188">
        <v>35208</v>
      </c>
      <c r="Y6" s="183">
        <v>15175</v>
      </c>
      <c r="Z6" s="184">
        <v>51736</v>
      </c>
      <c r="AA6" s="189">
        <v>66911</v>
      </c>
      <c r="AB6" s="186">
        <v>0</v>
      </c>
      <c r="AC6" s="184">
        <v>125879</v>
      </c>
      <c r="AD6" s="184">
        <v>207386</v>
      </c>
      <c r="AE6" s="184">
        <v>127292</v>
      </c>
      <c r="AF6" s="184">
        <v>106743</v>
      </c>
      <c r="AG6" s="184">
        <v>84692</v>
      </c>
      <c r="AH6" s="189">
        <v>651992</v>
      </c>
      <c r="AI6" s="188">
        <v>718903</v>
      </c>
      <c r="AJ6" s="183">
        <v>2723</v>
      </c>
      <c r="AK6" s="184">
        <v>10223</v>
      </c>
      <c r="AL6" s="189">
        <v>12946</v>
      </c>
      <c r="AM6" s="186">
        <v>0</v>
      </c>
      <c r="AN6" s="184">
        <v>15593</v>
      </c>
      <c r="AO6" s="184">
        <v>24942</v>
      </c>
      <c r="AP6" s="184">
        <v>15642</v>
      </c>
      <c r="AQ6" s="184">
        <v>12711</v>
      </c>
      <c r="AR6" s="184">
        <v>8717</v>
      </c>
      <c r="AS6" s="189">
        <v>77605</v>
      </c>
      <c r="AT6" s="188">
        <v>90551</v>
      </c>
      <c r="AU6" s="183">
        <v>0</v>
      </c>
      <c r="AV6" s="184">
        <v>2</v>
      </c>
      <c r="AW6" s="189">
        <v>2</v>
      </c>
      <c r="AX6" s="186">
        <v>0</v>
      </c>
      <c r="AY6" s="184">
        <v>199873</v>
      </c>
      <c r="AZ6" s="184">
        <v>211312</v>
      </c>
      <c r="BA6" s="184">
        <v>125240</v>
      </c>
      <c r="BB6" s="184">
        <v>70920</v>
      </c>
      <c r="BC6" s="184">
        <v>33266</v>
      </c>
      <c r="BD6" s="187">
        <v>640611</v>
      </c>
      <c r="BE6" s="188">
        <v>640613</v>
      </c>
      <c r="BF6" s="183">
        <v>0</v>
      </c>
      <c r="BG6" s="184">
        <v>0</v>
      </c>
      <c r="BH6" s="189">
        <v>0</v>
      </c>
      <c r="BI6" s="186">
        <v>0</v>
      </c>
      <c r="BJ6" s="184">
        <v>34254</v>
      </c>
      <c r="BK6" s="184">
        <v>51282</v>
      </c>
      <c r="BL6" s="184">
        <v>29690</v>
      </c>
      <c r="BM6" s="184">
        <v>18304</v>
      </c>
      <c r="BN6" s="184">
        <v>6630</v>
      </c>
      <c r="BO6" s="189">
        <v>140160</v>
      </c>
      <c r="BP6" s="188">
        <v>140160</v>
      </c>
      <c r="BQ6" s="183">
        <v>446</v>
      </c>
      <c r="BR6" s="184">
        <v>1293</v>
      </c>
      <c r="BS6" s="189">
        <v>1739</v>
      </c>
      <c r="BT6" s="186">
        <v>0</v>
      </c>
      <c r="BU6" s="184">
        <v>16541</v>
      </c>
      <c r="BV6" s="184">
        <v>31581</v>
      </c>
      <c r="BW6" s="184">
        <v>52848</v>
      </c>
      <c r="BX6" s="184">
        <v>41942</v>
      </c>
      <c r="BY6" s="184">
        <v>20960</v>
      </c>
      <c r="BZ6" s="189">
        <v>163872</v>
      </c>
      <c r="CA6" s="188">
        <v>165611</v>
      </c>
      <c r="CB6" s="183">
        <v>27</v>
      </c>
      <c r="CC6" s="184">
        <v>96</v>
      </c>
      <c r="CD6" s="189">
        <v>123</v>
      </c>
      <c r="CE6" s="186">
        <v>0</v>
      </c>
      <c r="CF6" s="184">
        <v>1350</v>
      </c>
      <c r="CG6" s="184">
        <v>3218</v>
      </c>
      <c r="CH6" s="184">
        <v>3994</v>
      </c>
      <c r="CI6" s="184">
        <v>4126</v>
      </c>
      <c r="CJ6" s="184">
        <v>2686</v>
      </c>
      <c r="CK6" s="189">
        <v>15374</v>
      </c>
      <c r="CL6" s="188">
        <v>15497</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0</v>
      </c>
      <c r="DC6" s="184">
        <v>0</v>
      </c>
      <c r="DD6" s="184">
        <v>0</v>
      </c>
      <c r="DE6" s="184">
        <v>0</v>
      </c>
      <c r="DF6" s="184">
        <v>0</v>
      </c>
      <c r="DG6" s="189">
        <v>0</v>
      </c>
      <c r="DH6" s="188">
        <v>0</v>
      </c>
    </row>
    <row r="7" spans="2:112" ht="21" customHeight="1" x14ac:dyDescent="0.2">
      <c r="B7" s="95" t="s">
        <v>5</v>
      </c>
      <c r="C7" s="190">
        <v>0</v>
      </c>
      <c r="D7" s="191">
        <v>0</v>
      </c>
      <c r="E7" s="192">
        <v>0</v>
      </c>
      <c r="F7" s="193">
        <v>0</v>
      </c>
      <c r="G7" s="191">
        <v>72510</v>
      </c>
      <c r="H7" s="191">
        <v>161109</v>
      </c>
      <c r="I7" s="191">
        <v>139915</v>
      </c>
      <c r="J7" s="191">
        <v>170001</v>
      </c>
      <c r="K7" s="191">
        <v>163174</v>
      </c>
      <c r="L7" s="194">
        <v>706709</v>
      </c>
      <c r="M7" s="195">
        <v>706709</v>
      </c>
      <c r="N7" s="190">
        <v>4</v>
      </c>
      <c r="O7" s="191">
        <v>56</v>
      </c>
      <c r="P7" s="196">
        <v>60</v>
      </c>
      <c r="Q7" s="193">
        <v>0</v>
      </c>
      <c r="R7" s="191">
        <v>82</v>
      </c>
      <c r="S7" s="191">
        <v>605</v>
      </c>
      <c r="T7" s="191">
        <v>1529</v>
      </c>
      <c r="U7" s="191">
        <v>4016</v>
      </c>
      <c r="V7" s="191">
        <v>8476</v>
      </c>
      <c r="W7" s="196">
        <v>14708</v>
      </c>
      <c r="X7" s="195">
        <v>14768</v>
      </c>
      <c r="Y7" s="190">
        <v>6167</v>
      </c>
      <c r="Z7" s="191">
        <v>27205</v>
      </c>
      <c r="AA7" s="196">
        <v>33372</v>
      </c>
      <c r="AB7" s="193">
        <v>0</v>
      </c>
      <c r="AC7" s="191">
        <v>44589</v>
      </c>
      <c r="AD7" s="191">
        <v>110134</v>
      </c>
      <c r="AE7" s="191">
        <v>63460</v>
      </c>
      <c r="AF7" s="191">
        <v>49980</v>
      </c>
      <c r="AG7" s="191">
        <v>38026</v>
      </c>
      <c r="AH7" s="196">
        <v>306189</v>
      </c>
      <c r="AI7" s="195">
        <v>339561</v>
      </c>
      <c r="AJ7" s="190">
        <v>893</v>
      </c>
      <c r="AK7" s="191">
        <v>5301</v>
      </c>
      <c r="AL7" s="196">
        <v>6194</v>
      </c>
      <c r="AM7" s="193">
        <v>0</v>
      </c>
      <c r="AN7" s="191">
        <v>3872</v>
      </c>
      <c r="AO7" s="191">
        <v>10261</v>
      </c>
      <c r="AP7" s="191">
        <v>7111</v>
      </c>
      <c r="AQ7" s="191">
        <v>5239</v>
      </c>
      <c r="AR7" s="191">
        <v>3657</v>
      </c>
      <c r="AS7" s="196">
        <v>30140</v>
      </c>
      <c r="AT7" s="195">
        <v>36334</v>
      </c>
      <c r="AU7" s="190">
        <v>0</v>
      </c>
      <c r="AV7" s="191">
        <v>2</v>
      </c>
      <c r="AW7" s="196">
        <v>2</v>
      </c>
      <c r="AX7" s="193">
        <v>0</v>
      </c>
      <c r="AY7" s="191">
        <v>61639</v>
      </c>
      <c r="AZ7" s="191">
        <v>84264</v>
      </c>
      <c r="BA7" s="191">
        <v>44277</v>
      </c>
      <c r="BB7" s="191">
        <v>23897</v>
      </c>
      <c r="BC7" s="191">
        <v>11118</v>
      </c>
      <c r="BD7" s="194">
        <v>225195</v>
      </c>
      <c r="BE7" s="195">
        <v>225197</v>
      </c>
      <c r="BF7" s="190">
        <v>0</v>
      </c>
      <c r="BG7" s="191">
        <v>0</v>
      </c>
      <c r="BH7" s="196">
        <v>0</v>
      </c>
      <c r="BI7" s="193">
        <v>0</v>
      </c>
      <c r="BJ7" s="191">
        <v>9914</v>
      </c>
      <c r="BK7" s="191">
        <v>22928</v>
      </c>
      <c r="BL7" s="191">
        <v>13341</v>
      </c>
      <c r="BM7" s="191">
        <v>7963</v>
      </c>
      <c r="BN7" s="191">
        <v>2671</v>
      </c>
      <c r="BO7" s="196">
        <v>56817</v>
      </c>
      <c r="BP7" s="195">
        <v>56817</v>
      </c>
      <c r="BQ7" s="190">
        <v>153</v>
      </c>
      <c r="BR7" s="191">
        <v>506</v>
      </c>
      <c r="BS7" s="196">
        <v>659</v>
      </c>
      <c r="BT7" s="193">
        <v>0</v>
      </c>
      <c r="BU7" s="191">
        <v>5031</v>
      </c>
      <c r="BV7" s="191">
        <v>11695</v>
      </c>
      <c r="BW7" s="191">
        <v>19970</v>
      </c>
      <c r="BX7" s="191">
        <v>15189</v>
      </c>
      <c r="BY7" s="191">
        <v>7868</v>
      </c>
      <c r="BZ7" s="196">
        <v>59753</v>
      </c>
      <c r="CA7" s="195">
        <v>60412</v>
      </c>
      <c r="CB7" s="190">
        <v>18</v>
      </c>
      <c r="CC7" s="191">
        <v>58</v>
      </c>
      <c r="CD7" s="196">
        <v>76</v>
      </c>
      <c r="CE7" s="193">
        <v>0</v>
      </c>
      <c r="CF7" s="191">
        <v>568</v>
      </c>
      <c r="CG7" s="191">
        <v>1778</v>
      </c>
      <c r="CH7" s="191">
        <v>2481</v>
      </c>
      <c r="CI7" s="191">
        <v>2384</v>
      </c>
      <c r="CJ7" s="191">
        <v>1580</v>
      </c>
      <c r="CK7" s="196">
        <v>8791</v>
      </c>
      <c r="CL7" s="195">
        <v>8867</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0</v>
      </c>
      <c r="D8" s="191">
        <v>0</v>
      </c>
      <c r="E8" s="192">
        <v>0</v>
      </c>
      <c r="F8" s="193">
        <v>0</v>
      </c>
      <c r="G8" s="191">
        <v>38888</v>
      </c>
      <c r="H8" s="191">
        <v>54723</v>
      </c>
      <c r="I8" s="191">
        <v>58064</v>
      </c>
      <c r="J8" s="191">
        <v>74423</v>
      </c>
      <c r="K8" s="191">
        <v>73900</v>
      </c>
      <c r="L8" s="194">
        <v>299998</v>
      </c>
      <c r="M8" s="195">
        <v>299998</v>
      </c>
      <c r="N8" s="190">
        <v>2</v>
      </c>
      <c r="O8" s="191">
        <v>4</v>
      </c>
      <c r="P8" s="196">
        <v>6</v>
      </c>
      <c r="Q8" s="193">
        <v>0</v>
      </c>
      <c r="R8" s="191">
        <v>69</v>
      </c>
      <c r="S8" s="191">
        <v>199</v>
      </c>
      <c r="T8" s="191">
        <v>519</v>
      </c>
      <c r="U8" s="191">
        <v>1312</v>
      </c>
      <c r="V8" s="191">
        <v>2642</v>
      </c>
      <c r="W8" s="196">
        <v>4741</v>
      </c>
      <c r="X8" s="195">
        <v>4747</v>
      </c>
      <c r="Y8" s="190">
        <v>2834</v>
      </c>
      <c r="Z8" s="191">
        <v>7073</v>
      </c>
      <c r="AA8" s="196">
        <v>9907</v>
      </c>
      <c r="AB8" s="193">
        <v>0</v>
      </c>
      <c r="AC8" s="191">
        <v>27911</v>
      </c>
      <c r="AD8" s="191">
        <v>31100</v>
      </c>
      <c r="AE8" s="191">
        <v>18885</v>
      </c>
      <c r="AF8" s="191">
        <v>15469</v>
      </c>
      <c r="AG8" s="191">
        <v>13393</v>
      </c>
      <c r="AH8" s="196">
        <v>106758</v>
      </c>
      <c r="AI8" s="195">
        <v>116665</v>
      </c>
      <c r="AJ8" s="190">
        <v>286</v>
      </c>
      <c r="AK8" s="191">
        <v>750</v>
      </c>
      <c r="AL8" s="196">
        <v>1036</v>
      </c>
      <c r="AM8" s="193">
        <v>0</v>
      </c>
      <c r="AN8" s="191">
        <v>2720</v>
      </c>
      <c r="AO8" s="191">
        <v>2997</v>
      </c>
      <c r="AP8" s="191">
        <v>1633</v>
      </c>
      <c r="AQ8" s="191">
        <v>1688</v>
      </c>
      <c r="AR8" s="191">
        <v>1080</v>
      </c>
      <c r="AS8" s="196">
        <v>10118</v>
      </c>
      <c r="AT8" s="195">
        <v>11154</v>
      </c>
      <c r="AU8" s="190">
        <v>0</v>
      </c>
      <c r="AV8" s="191">
        <v>0</v>
      </c>
      <c r="AW8" s="196">
        <v>0</v>
      </c>
      <c r="AX8" s="193">
        <v>0</v>
      </c>
      <c r="AY8" s="191">
        <v>32725</v>
      </c>
      <c r="AZ8" s="191">
        <v>30249</v>
      </c>
      <c r="BA8" s="191">
        <v>17725</v>
      </c>
      <c r="BB8" s="191">
        <v>10415</v>
      </c>
      <c r="BC8" s="191">
        <v>4870</v>
      </c>
      <c r="BD8" s="194">
        <v>95984</v>
      </c>
      <c r="BE8" s="195">
        <v>95984</v>
      </c>
      <c r="BF8" s="190">
        <v>0</v>
      </c>
      <c r="BG8" s="191">
        <v>0</v>
      </c>
      <c r="BH8" s="196">
        <v>0</v>
      </c>
      <c r="BI8" s="193">
        <v>0</v>
      </c>
      <c r="BJ8" s="191">
        <v>5250</v>
      </c>
      <c r="BK8" s="191">
        <v>5788</v>
      </c>
      <c r="BL8" s="191">
        <v>3630</v>
      </c>
      <c r="BM8" s="191">
        <v>2224</v>
      </c>
      <c r="BN8" s="191">
        <v>918</v>
      </c>
      <c r="BO8" s="196">
        <v>17810</v>
      </c>
      <c r="BP8" s="195">
        <v>17810</v>
      </c>
      <c r="BQ8" s="190">
        <v>35</v>
      </c>
      <c r="BR8" s="191">
        <v>105</v>
      </c>
      <c r="BS8" s="196">
        <v>140</v>
      </c>
      <c r="BT8" s="193">
        <v>0</v>
      </c>
      <c r="BU8" s="191">
        <v>1401</v>
      </c>
      <c r="BV8" s="191">
        <v>3232</v>
      </c>
      <c r="BW8" s="191">
        <v>5621</v>
      </c>
      <c r="BX8" s="191">
        <v>4601</v>
      </c>
      <c r="BY8" s="191">
        <v>2558</v>
      </c>
      <c r="BZ8" s="196">
        <v>17413</v>
      </c>
      <c r="CA8" s="195">
        <v>17553</v>
      </c>
      <c r="CB8" s="190">
        <v>0</v>
      </c>
      <c r="CC8" s="191">
        <v>11</v>
      </c>
      <c r="CD8" s="196">
        <v>11</v>
      </c>
      <c r="CE8" s="193">
        <v>0</v>
      </c>
      <c r="CF8" s="191">
        <v>207</v>
      </c>
      <c r="CG8" s="191">
        <v>462</v>
      </c>
      <c r="CH8" s="191">
        <v>513</v>
      </c>
      <c r="CI8" s="191">
        <v>467</v>
      </c>
      <c r="CJ8" s="191">
        <v>339</v>
      </c>
      <c r="CK8" s="196">
        <v>1988</v>
      </c>
      <c r="CL8" s="195">
        <v>1999</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1">
        <v>0</v>
      </c>
      <c r="E9" s="192">
        <v>0</v>
      </c>
      <c r="F9" s="193">
        <v>0</v>
      </c>
      <c r="G9" s="191">
        <v>14432</v>
      </c>
      <c r="H9" s="191">
        <v>29752</v>
      </c>
      <c r="I9" s="191">
        <v>33166</v>
      </c>
      <c r="J9" s="191">
        <v>40008</v>
      </c>
      <c r="K9" s="191">
        <v>30801</v>
      </c>
      <c r="L9" s="194">
        <v>148159</v>
      </c>
      <c r="M9" s="195">
        <v>148159</v>
      </c>
      <c r="N9" s="190">
        <v>0</v>
      </c>
      <c r="O9" s="191">
        <v>7</v>
      </c>
      <c r="P9" s="196">
        <v>7</v>
      </c>
      <c r="Q9" s="193">
        <v>0</v>
      </c>
      <c r="R9" s="191">
        <v>0</v>
      </c>
      <c r="S9" s="191">
        <v>108</v>
      </c>
      <c r="T9" s="191">
        <v>232</v>
      </c>
      <c r="U9" s="191">
        <v>687</v>
      </c>
      <c r="V9" s="191">
        <v>1157</v>
      </c>
      <c r="W9" s="196">
        <v>2184</v>
      </c>
      <c r="X9" s="195">
        <v>2191</v>
      </c>
      <c r="Y9" s="190">
        <v>619</v>
      </c>
      <c r="Z9" s="191">
        <v>3758</v>
      </c>
      <c r="AA9" s="196">
        <v>4377</v>
      </c>
      <c r="AB9" s="193">
        <v>0</v>
      </c>
      <c r="AC9" s="191">
        <v>6598</v>
      </c>
      <c r="AD9" s="191">
        <v>12924</v>
      </c>
      <c r="AE9" s="191">
        <v>10222</v>
      </c>
      <c r="AF9" s="191">
        <v>7865</v>
      </c>
      <c r="AG9" s="191">
        <v>6283</v>
      </c>
      <c r="AH9" s="196">
        <v>43892</v>
      </c>
      <c r="AI9" s="195">
        <v>48269</v>
      </c>
      <c r="AJ9" s="190">
        <v>71</v>
      </c>
      <c r="AK9" s="191">
        <v>407</v>
      </c>
      <c r="AL9" s="196">
        <v>478</v>
      </c>
      <c r="AM9" s="193">
        <v>0</v>
      </c>
      <c r="AN9" s="191">
        <v>303</v>
      </c>
      <c r="AO9" s="191">
        <v>913</v>
      </c>
      <c r="AP9" s="191">
        <v>490</v>
      </c>
      <c r="AQ9" s="191">
        <v>575</v>
      </c>
      <c r="AR9" s="191">
        <v>260</v>
      </c>
      <c r="AS9" s="196">
        <v>2541</v>
      </c>
      <c r="AT9" s="195">
        <v>3019</v>
      </c>
      <c r="AU9" s="190">
        <v>0</v>
      </c>
      <c r="AV9" s="191">
        <v>0</v>
      </c>
      <c r="AW9" s="196">
        <v>0</v>
      </c>
      <c r="AX9" s="193">
        <v>0</v>
      </c>
      <c r="AY9" s="191">
        <v>14938</v>
      </c>
      <c r="AZ9" s="191">
        <v>18879</v>
      </c>
      <c r="BA9" s="191">
        <v>13119</v>
      </c>
      <c r="BB9" s="191">
        <v>6865</v>
      </c>
      <c r="BC9" s="191">
        <v>3301</v>
      </c>
      <c r="BD9" s="194">
        <v>57102</v>
      </c>
      <c r="BE9" s="195">
        <v>57102</v>
      </c>
      <c r="BF9" s="190">
        <v>0</v>
      </c>
      <c r="BG9" s="191">
        <v>0</v>
      </c>
      <c r="BH9" s="196">
        <v>0</v>
      </c>
      <c r="BI9" s="193">
        <v>0</v>
      </c>
      <c r="BJ9" s="191">
        <v>998</v>
      </c>
      <c r="BK9" s="191">
        <v>3024</v>
      </c>
      <c r="BL9" s="191">
        <v>1803</v>
      </c>
      <c r="BM9" s="191">
        <v>1026</v>
      </c>
      <c r="BN9" s="191">
        <v>397</v>
      </c>
      <c r="BO9" s="196">
        <v>7248</v>
      </c>
      <c r="BP9" s="195">
        <v>7248</v>
      </c>
      <c r="BQ9" s="190">
        <v>15</v>
      </c>
      <c r="BR9" s="191">
        <v>93</v>
      </c>
      <c r="BS9" s="196">
        <v>108</v>
      </c>
      <c r="BT9" s="193">
        <v>0</v>
      </c>
      <c r="BU9" s="191">
        <v>961</v>
      </c>
      <c r="BV9" s="191">
        <v>2285</v>
      </c>
      <c r="BW9" s="191">
        <v>4977</v>
      </c>
      <c r="BX9" s="191">
        <v>4040</v>
      </c>
      <c r="BY9" s="191">
        <v>1887</v>
      </c>
      <c r="BZ9" s="196">
        <v>14150</v>
      </c>
      <c r="CA9" s="195">
        <v>14258</v>
      </c>
      <c r="CB9" s="190">
        <v>0</v>
      </c>
      <c r="CC9" s="191">
        <v>4</v>
      </c>
      <c r="CD9" s="196">
        <v>4</v>
      </c>
      <c r="CE9" s="193">
        <v>0</v>
      </c>
      <c r="CF9" s="191">
        <v>16</v>
      </c>
      <c r="CG9" s="191">
        <v>57</v>
      </c>
      <c r="CH9" s="191">
        <v>86</v>
      </c>
      <c r="CI9" s="191">
        <v>92</v>
      </c>
      <c r="CJ9" s="191">
        <v>74</v>
      </c>
      <c r="CK9" s="196">
        <v>325</v>
      </c>
      <c r="CL9" s="195">
        <v>329</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1">
        <v>0</v>
      </c>
      <c r="E10" s="192">
        <v>0</v>
      </c>
      <c r="F10" s="193">
        <v>0</v>
      </c>
      <c r="G10" s="191">
        <v>18912</v>
      </c>
      <c r="H10" s="191">
        <v>20206</v>
      </c>
      <c r="I10" s="191">
        <v>23345</v>
      </c>
      <c r="J10" s="191">
        <v>31768</v>
      </c>
      <c r="K10" s="191">
        <v>22574</v>
      </c>
      <c r="L10" s="194">
        <v>116805</v>
      </c>
      <c r="M10" s="195">
        <v>116805</v>
      </c>
      <c r="N10" s="190">
        <v>0</v>
      </c>
      <c r="O10" s="191">
        <v>0</v>
      </c>
      <c r="P10" s="196">
        <v>0</v>
      </c>
      <c r="Q10" s="193">
        <v>0</v>
      </c>
      <c r="R10" s="191">
        <v>59</v>
      </c>
      <c r="S10" s="191">
        <v>158</v>
      </c>
      <c r="T10" s="191">
        <v>193</v>
      </c>
      <c r="U10" s="191">
        <v>802</v>
      </c>
      <c r="V10" s="191">
        <v>998</v>
      </c>
      <c r="W10" s="196">
        <v>2210</v>
      </c>
      <c r="X10" s="195">
        <v>2210</v>
      </c>
      <c r="Y10" s="190">
        <v>168</v>
      </c>
      <c r="Z10" s="191">
        <v>317</v>
      </c>
      <c r="AA10" s="196">
        <v>485</v>
      </c>
      <c r="AB10" s="193">
        <v>0</v>
      </c>
      <c r="AC10" s="191">
        <v>5249</v>
      </c>
      <c r="AD10" s="191">
        <v>5335</v>
      </c>
      <c r="AE10" s="191">
        <v>3349</v>
      </c>
      <c r="AF10" s="191">
        <v>3671</v>
      </c>
      <c r="AG10" s="191">
        <v>3174</v>
      </c>
      <c r="AH10" s="196">
        <v>20778</v>
      </c>
      <c r="AI10" s="195">
        <v>21263</v>
      </c>
      <c r="AJ10" s="190">
        <v>40</v>
      </c>
      <c r="AK10" s="191">
        <v>145</v>
      </c>
      <c r="AL10" s="196">
        <v>185</v>
      </c>
      <c r="AM10" s="193">
        <v>0</v>
      </c>
      <c r="AN10" s="191">
        <v>1120</v>
      </c>
      <c r="AO10" s="191">
        <v>1329</v>
      </c>
      <c r="AP10" s="191">
        <v>764</v>
      </c>
      <c r="AQ10" s="191">
        <v>779</v>
      </c>
      <c r="AR10" s="191">
        <v>483</v>
      </c>
      <c r="AS10" s="196">
        <v>4475</v>
      </c>
      <c r="AT10" s="195">
        <v>4660</v>
      </c>
      <c r="AU10" s="190">
        <v>0</v>
      </c>
      <c r="AV10" s="191">
        <v>0</v>
      </c>
      <c r="AW10" s="196">
        <v>0</v>
      </c>
      <c r="AX10" s="193">
        <v>0</v>
      </c>
      <c r="AY10" s="191">
        <v>14912</v>
      </c>
      <c r="AZ10" s="191">
        <v>9692</v>
      </c>
      <c r="BA10" s="191">
        <v>5342</v>
      </c>
      <c r="BB10" s="191">
        <v>2676</v>
      </c>
      <c r="BC10" s="191">
        <v>1344</v>
      </c>
      <c r="BD10" s="194">
        <v>33966</v>
      </c>
      <c r="BE10" s="195">
        <v>33966</v>
      </c>
      <c r="BF10" s="190">
        <v>0</v>
      </c>
      <c r="BG10" s="191">
        <v>0</v>
      </c>
      <c r="BH10" s="196">
        <v>0</v>
      </c>
      <c r="BI10" s="193">
        <v>0</v>
      </c>
      <c r="BJ10" s="191">
        <v>2316</v>
      </c>
      <c r="BK10" s="191">
        <v>1849</v>
      </c>
      <c r="BL10" s="191">
        <v>1010</v>
      </c>
      <c r="BM10" s="191">
        <v>723</v>
      </c>
      <c r="BN10" s="191">
        <v>237</v>
      </c>
      <c r="BO10" s="196">
        <v>6135</v>
      </c>
      <c r="BP10" s="195">
        <v>6135</v>
      </c>
      <c r="BQ10" s="190">
        <v>12</v>
      </c>
      <c r="BR10" s="191">
        <v>12</v>
      </c>
      <c r="BS10" s="196">
        <v>24</v>
      </c>
      <c r="BT10" s="193">
        <v>0</v>
      </c>
      <c r="BU10" s="191">
        <v>2035</v>
      </c>
      <c r="BV10" s="191">
        <v>2360</v>
      </c>
      <c r="BW10" s="191">
        <v>2919</v>
      </c>
      <c r="BX10" s="191">
        <v>2491</v>
      </c>
      <c r="BY10" s="191">
        <v>1094</v>
      </c>
      <c r="BZ10" s="196">
        <v>10899</v>
      </c>
      <c r="CA10" s="195">
        <v>10923</v>
      </c>
      <c r="CB10" s="190">
        <v>0</v>
      </c>
      <c r="CC10" s="191">
        <v>0</v>
      </c>
      <c r="CD10" s="196">
        <v>0</v>
      </c>
      <c r="CE10" s="193">
        <v>0</v>
      </c>
      <c r="CF10" s="191">
        <v>45</v>
      </c>
      <c r="CG10" s="191">
        <v>104</v>
      </c>
      <c r="CH10" s="191">
        <v>61</v>
      </c>
      <c r="CI10" s="191">
        <v>148</v>
      </c>
      <c r="CJ10" s="191">
        <v>81</v>
      </c>
      <c r="CK10" s="196">
        <v>439</v>
      </c>
      <c r="CL10" s="195">
        <v>439</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1">
        <v>0</v>
      </c>
      <c r="E11" s="192">
        <v>0</v>
      </c>
      <c r="F11" s="193">
        <v>0</v>
      </c>
      <c r="G11" s="191">
        <v>6260</v>
      </c>
      <c r="H11" s="191">
        <v>12511</v>
      </c>
      <c r="I11" s="191">
        <v>14935</v>
      </c>
      <c r="J11" s="191">
        <v>16214</v>
      </c>
      <c r="K11" s="191">
        <v>17557</v>
      </c>
      <c r="L11" s="194">
        <v>67477</v>
      </c>
      <c r="M11" s="195">
        <v>67477</v>
      </c>
      <c r="N11" s="190">
        <v>0</v>
      </c>
      <c r="O11" s="191">
        <v>0</v>
      </c>
      <c r="P11" s="196">
        <v>0</v>
      </c>
      <c r="Q11" s="193">
        <v>0</v>
      </c>
      <c r="R11" s="191">
        <v>27</v>
      </c>
      <c r="S11" s="191">
        <v>82</v>
      </c>
      <c r="T11" s="191">
        <v>126</v>
      </c>
      <c r="U11" s="191">
        <v>266</v>
      </c>
      <c r="V11" s="191">
        <v>495</v>
      </c>
      <c r="W11" s="196">
        <v>996</v>
      </c>
      <c r="X11" s="195">
        <v>996</v>
      </c>
      <c r="Y11" s="190">
        <v>314</v>
      </c>
      <c r="Z11" s="191">
        <v>596</v>
      </c>
      <c r="AA11" s="196">
        <v>910</v>
      </c>
      <c r="AB11" s="193">
        <v>0</v>
      </c>
      <c r="AC11" s="191">
        <v>2294</v>
      </c>
      <c r="AD11" s="191">
        <v>3353</v>
      </c>
      <c r="AE11" s="191">
        <v>2346</v>
      </c>
      <c r="AF11" s="191">
        <v>2275</v>
      </c>
      <c r="AG11" s="191">
        <v>1952</v>
      </c>
      <c r="AH11" s="196">
        <v>12220</v>
      </c>
      <c r="AI11" s="195">
        <v>13130</v>
      </c>
      <c r="AJ11" s="190">
        <v>105</v>
      </c>
      <c r="AK11" s="191">
        <v>286</v>
      </c>
      <c r="AL11" s="196">
        <v>391</v>
      </c>
      <c r="AM11" s="193">
        <v>0</v>
      </c>
      <c r="AN11" s="191">
        <v>940</v>
      </c>
      <c r="AO11" s="191">
        <v>1336</v>
      </c>
      <c r="AP11" s="191">
        <v>683</v>
      </c>
      <c r="AQ11" s="191">
        <v>573</v>
      </c>
      <c r="AR11" s="191">
        <v>340</v>
      </c>
      <c r="AS11" s="196">
        <v>3872</v>
      </c>
      <c r="AT11" s="195">
        <v>4263</v>
      </c>
      <c r="AU11" s="190">
        <v>0</v>
      </c>
      <c r="AV11" s="191">
        <v>0</v>
      </c>
      <c r="AW11" s="196">
        <v>0</v>
      </c>
      <c r="AX11" s="193">
        <v>0</v>
      </c>
      <c r="AY11" s="191">
        <v>5852</v>
      </c>
      <c r="AZ11" s="191">
        <v>6557</v>
      </c>
      <c r="BA11" s="191">
        <v>4119</v>
      </c>
      <c r="BB11" s="191">
        <v>2709</v>
      </c>
      <c r="BC11" s="191">
        <v>1401</v>
      </c>
      <c r="BD11" s="194">
        <v>20638</v>
      </c>
      <c r="BE11" s="195">
        <v>20638</v>
      </c>
      <c r="BF11" s="190">
        <v>0</v>
      </c>
      <c r="BG11" s="191">
        <v>0</v>
      </c>
      <c r="BH11" s="196">
        <v>0</v>
      </c>
      <c r="BI11" s="193">
        <v>0</v>
      </c>
      <c r="BJ11" s="191">
        <v>1239</v>
      </c>
      <c r="BK11" s="191">
        <v>1327</v>
      </c>
      <c r="BL11" s="191">
        <v>907</v>
      </c>
      <c r="BM11" s="191">
        <v>555</v>
      </c>
      <c r="BN11" s="191">
        <v>139</v>
      </c>
      <c r="BO11" s="196">
        <v>4167</v>
      </c>
      <c r="BP11" s="195">
        <v>4167</v>
      </c>
      <c r="BQ11" s="190">
        <v>14</v>
      </c>
      <c r="BR11" s="191">
        <v>55</v>
      </c>
      <c r="BS11" s="196">
        <v>69</v>
      </c>
      <c r="BT11" s="193">
        <v>0</v>
      </c>
      <c r="BU11" s="191">
        <v>661</v>
      </c>
      <c r="BV11" s="191">
        <v>1496</v>
      </c>
      <c r="BW11" s="191">
        <v>2516</v>
      </c>
      <c r="BX11" s="191">
        <v>1773</v>
      </c>
      <c r="BY11" s="191">
        <v>826</v>
      </c>
      <c r="BZ11" s="196">
        <v>7272</v>
      </c>
      <c r="CA11" s="195">
        <v>7341</v>
      </c>
      <c r="CB11" s="190">
        <v>0</v>
      </c>
      <c r="CC11" s="191">
        <v>0</v>
      </c>
      <c r="CD11" s="196">
        <v>0</v>
      </c>
      <c r="CE11" s="193">
        <v>0</v>
      </c>
      <c r="CF11" s="191">
        <v>19</v>
      </c>
      <c r="CG11" s="191">
        <v>71</v>
      </c>
      <c r="CH11" s="191">
        <v>16</v>
      </c>
      <c r="CI11" s="191">
        <v>85</v>
      </c>
      <c r="CJ11" s="191">
        <v>11</v>
      </c>
      <c r="CK11" s="196">
        <v>202</v>
      </c>
      <c r="CL11" s="195">
        <v>202</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1">
        <v>0</v>
      </c>
      <c r="E12" s="192">
        <v>0</v>
      </c>
      <c r="F12" s="193">
        <v>0</v>
      </c>
      <c r="G12" s="191">
        <v>7026</v>
      </c>
      <c r="H12" s="191">
        <v>9514</v>
      </c>
      <c r="I12" s="191">
        <v>12501</v>
      </c>
      <c r="J12" s="191">
        <v>17348</v>
      </c>
      <c r="K12" s="191">
        <v>14256</v>
      </c>
      <c r="L12" s="194">
        <v>60645</v>
      </c>
      <c r="M12" s="195">
        <v>60645</v>
      </c>
      <c r="N12" s="190">
        <v>0</v>
      </c>
      <c r="O12" s="191">
        <v>0</v>
      </c>
      <c r="P12" s="196">
        <v>0</v>
      </c>
      <c r="Q12" s="193">
        <v>0</v>
      </c>
      <c r="R12" s="191">
        <v>3</v>
      </c>
      <c r="S12" s="191">
        <v>48</v>
      </c>
      <c r="T12" s="191">
        <v>93</v>
      </c>
      <c r="U12" s="191">
        <v>253</v>
      </c>
      <c r="V12" s="191">
        <v>528</v>
      </c>
      <c r="W12" s="196">
        <v>925</v>
      </c>
      <c r="X12" s="195">
        <v>925</v>
      </c>
      <c r="Y12" s="190">
        <v>437</v>
      </c>
      <c r="Z12" s="191">
        <v>754</v>
      </c>
      <c r="AA12" s="196">
        <v>1191</v>
      </c>
      <c r="AB12" s="193">
        <v>0</v>
      </c>
      <c r="AC12" s="191">
        <v>3754</v>
      </c>
      <c r="AD12" s="191">
        <v>3933</v>
      </c>
      <c r="AE12" s="191">
        <v>2781</v>
      </c>
      <c r="AF12" s="191">
        <v>2917</v>
      </c>
      <c r="AG12" s="191">
        <v>2582</v>
      </c>
      <c r="AH12" s="196">
        <v>15967</v>
      </c>
      <c r="AI12" s="195">
        <v>17158</v>
      </c>
      <c r="AJ12" s="190">
        <v>14</v>
      </c>
      <c r="AK12" s="191">
        <v>107</v>
      </c>
      <c r="AL12" s="196">
        <v>121</v>
      </c>
      <c r="AM12" s="193">
        <v>0</v>
      </c>
      <c r="AN12" s="191">
        <v>433</v>
      </c>
      <c r="AO12" s="191">
        <v>537</v>
      </c>
      <c r="AP12" s="191">
        <v>290</v>
      </c>
      <c r="AQ12" s="191">
        <v>416</v>
      </c>
      <c r="AR12" s="191">
        <v>329</v>
      </c>
      <c r="AS12" s="196">
        <v>2005</v>
      </c>
      <c r="AT12" s="195">
        <v>2126</v>
      </c>
      <c r="AU12" s="190">
        <v>0</v>
      </c>
      <c r="AV12" s="191">
        <v>0</v>
      </c>
      <c r="AW12" s="196">
        <v>0</v>
      </c>
      <c r="AX12" s="193">
        <v>0</v>
      </c>
      <c r="AY12" s="191">
        <v>4543</v>
      </c>
      <c r="AZ12" s="191">
        <v>3576</v>
      </c>
      <c r="BA12" s="191">
        <v>2820</v>
      </c>
      <c r="BB12" s="191">
        <v>1559</v>
      </c>
      <c r="BC12" s="191">
        <v>701</v>
      </c>
      <c r="BD12" s="194">
        <v>13199</v>
      </c>
      <c r="BE12" s="195">
        <v>13199</v>
      </c>
      <c r="BF12" s="190">
        <v>0</v>
      </c>
      <c r="BG12" s="191">
        <v>0</v>
      </c>
      <c r="BH12" s="196">
        <v>0</v>
      </c>
      <c r="BI12" s="193">
        <v>0</v>
      </c>
      <c r="BJ12" s="191">
        <v>966</v>
      </c>
      <c r="BK12" s="191">
        <v>940</v>
      </c>
      <c r="BL12" s="191">
        <v>646</v>
      </c>
      <c r="BM12" s="191">
        <v>587</v>
      </c>
      <c r="BN12" s="191">
        <v>167</v>
      </c>
      <c r="BO12" s="196">
        <v>3306</v>
      </c>
      <c r="BP12" s="195">
        <v>3306</v>
      </c>
      <c r="BQ12" s="190">
        <v>0</v>
      </c>
      <c r="BR12" s="191">
        <v>32</v>
      </c>
      <c r="BS12" s="196">
        <v>32</v>
      </c>
      <c r="BT12" s="193">
        <v>0</v>
      </c>
      <c r="BU12" s="191">
        <v>531</v>
      </c>
      <c r="BV12" s="191">
        <v>831</v>
      </c>
      <c r="BW12" s="191">
        <v>1509</v>
      </c>
      <c r="BX12" s="191">
        <v>1208</v>
      </c>
      <c r="BY12" s="191">
        <v>606</v>
      </c>
      <c r="BZ12" s="196">
        <v>4685</v>
      </c>
      <c r="CA12" s="195">
        <v>4717</v>
      </c>
      <c r="CB12" s="190">
        <v>0</v>
      </c>
      <c r="CC12" s="191">
        <v>0</v>
      </c>
      <c r="CD12" s="196">
        <v>0</v>
      </c>
      <c r="CE12" s="193">
        <v>0</v>
      </c>
      <c r="CF12" s="191">
        <v>50</v>
      </c>
      <c r="CG12" s="191">
        <v>60</v>
      </c>
      <c r="CH12" s="191">
        <v>207</v>
      </c>
      <c r="CI12" s="191">
        <v>172</v>
      </c>
      <c r="CJ12" s="191">
        <v>149</v>
      </c>
      <c r="CK12" s="196">
        <v>638</v>
      </c>
      <c r="CL12" s="195">
        <v>638</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1">
        <v>0</v>
      </c>
      <c r="E13" s="192">
        <v>0</v>
      </c>
      <c r="F13" s="193">
        <v>0</v>
      </c>
      <c r="G13" s="191">
        <v>17218</v>
      </c>
      <c r="H13" s="191">
        <v>18006</v>
      </c>
      <c r="I13" s="191">
        <v>25166</v>
      </c>
      <c r="J13" s="191">
        <v>31546</v>
      </c>
      <c r="K13" s="191">
        <v>26959</v>
      </c>
      <c r="L13" s="194">
        <v>118895</v>
      </c>
      <c r="M13" s="195">
        <v>118895</v>
      </c>
      <c r="N13" s="190">
        <v>0</v>
      </c>
      <c r="O13" s="191">
        <v>0</v>
      </c>
      <c r="P13" s="196">
        <v>0</v>
      </c>
      <c r="Q13" s="193">
        <v>0</v>
      </c>
      <c r="R13" s="191">
        <v>16</v>
      </c>
      <c r="S13" s="191">
        <v>135</v>
      </c>
      <c r="T13" s="191">
        <v>222</v>
      </c>
      <c r="U13" s="191">
        <v>452</v>
      </c>
      <c r="V13" s="191">
        <v>920</v>
      </c>
      <c r="W13" s="196">
        <v>1745</v>
      </c>
      <c r="X13" s="195">
        <v>1745</v>
      </c>
      <c r="Y13" s="190">
        <v>1127</v>
      </c>
      <c r="Z13" s="191">
        <v>2328</v>
      </c>
      <c r="AA13" s="196">
        <v>3455</v>
      </c>
      <c r="AB13" s="193">
        <v>0</v>
      </c>
      <c r="AC13" s="191">
        <v>8994</v>
      </c>
      <c r="AD13" s="191">
        <v>6263</v>
      </c>
      <c r="AE13" s="191">
        <v>3630</v>
      </c>
      <c r="AF13" s="191">
        <v>4255</v>
      </c>
      <c r="AG13" s="191">
        <v>3756</v>
      </c>
      <c r="AH13" s="196">
        <v>26898</v>
      </c>
      <c r="AI13" s="195">
        <v>30353</v>
      </c>
      <c r="AJ13" s="190">
        <v>229</v>
      </c>
      <c r="AK13" s="191">
        <v>513</v>
      </c>
      <c r="AL13" s="196">
        <v>742</v>
      </c>
      <c r="AM13" s="193">
        <v>0</v>
      </c>
      <c r="AN13" s="191">
        <v>1374</v>
      </c>
      <c r="AO13" s="191">
        <v>1244</v>
      </c>
      <c r="AP13" s="191">
        <v>816</v>
      </c>
      <c r="AQ13" s="191">
        <v>395</v>
      </c>
      <c r="AR13" s="191">
        <v>615</v>
      </c>
      <c r="AS13" s="196">
        <v>4444</v>
      </c>
      <c r="AT13" s="195">
        <v>5186</v>
      </c>
      <c r="AU13" s="190">
        <v>0</v>
      </c>
      <c r="AV13" s="191">
        <v>0</v>
      </c>
      <c r="AW13" s="196">
        <v>0</v>
      </c>
      <c r="AX13" s="193">
        <v>0</v>
      </c>
      <c r="AY13" s="191">
        <v>15457</v>
      </c>
      <c r="AZ13" s="191">
        <v>8939</v>
      </c>
      <c r="BA13" s="191">
        <v>4916</v>
      </c>
      <c r="BB13" s="191">
        <v>3085</v>
      </c>
      <c r="BC13" s="191">
        <v>1582</v>
      </c>
      <c r="BD13" s="194">
        <v>33979</v>
      </c>
      <c r="BE13" s="195">
        <v>33979</v>
      </c>
      <c r="BF13" s="190">
        <v>0</v>
      </c>
      <c r="BG13" s="191">
        <v>0</v>
      </c>
      <c r="BH13" s="196">
        <v>0</v>
      </c>
      <c r="BI13" s="193">
        <v>0</v>
      </c>
      <c r="BJ13" s="191">
        <v>2044</v>
      </c>
      <c r="BK13" s="191">
        <v>1682</v>
      </c>
      <c r="BL13" s="191">
        <v>993</v>
      </c>
      <c r="BM13" s="191">
        <v>512</v>
      </c>
      <c r="BN13" s="191">
        <v>326</v>
      </c>
      <c r="BO13" s="196">
        <v>5557</v>
      </c>
      <c r="BP13" s="195">
        <v>5557</v>
      </c>
      <c r="BQ13" s="190">
        <v>40</v>
      </c>
      <c r="BR13" s="191">
        <v>120</v>
      </c>
      <c r="BS13" s="196">
        <v>160</v>
      </c>
      <c r="BT13" s="193">
        <v>0</v>
      </c>
      <c r="BU13" s="191">
        <v>1565</v>
      </c>
      <c r="BV13" s="191">
        <v>1699</v>
      </c>
      <c r="BW13" s="191">
        <v>2193</v>
      </c>
      <c r="BX13" s="191">
        <v>1786</v>
      </c>
      <c r="BY13" s="191">
        <v>915</v>
      </c>
      <c r="BZ13" s="196">
        <v>8158</v>
      </c>
      <c r="CA13" s="195">
        <v>8318</v>
      </c>
      <c r="CB13" s="190">
        <v>7</v>
      </c>
      <c r="CC13" s="191">
        <v>0</v>
      </c>
      <c r="CD13" s="196">
        <v>7</v>
      </c>
      <c r="CE13" s="193">
        <v>0</v>
      </c>
      <c r="CF13" s="191">
        <v>22</v>
      </c>
      <c r="CG13" s="191">
        <v>65</v>
      </c>
      <c r="CH13" s="191">
        <v>115</v>
      </c>
      <c r="CI13" s="191">
        <v>106</v>
      </c>
      <c r="CJ13" s="191">
        <v>65</v>
      </c>
      <c r="CK13" s="196">
        <v>373</v>
      </c>
      <c r="CL13" s="195">
        <v>380</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1">
        <v>0</v>
      </c>
      <c r="E14" s="192">
        <v>0</v>
      </c>
      <c r="F14" s="193">
        <v>0</v>
      </c>
      <c r="G14" s="191">
        <v>5784</v>
      </c>
      <c r="H14" s="191">
        <v>7196</v>
      </c>
      <c r="I14" s="191">
        <v>9917</v>
      </c>
      <c r="J14" s="191">
        <v>9835</v>
      </c>
      <c r="K14" s="191">
        <v>11605</v>
      </c>
      <c r="L14" s="194">
        <v>44337</v>
      </c>
      <c r="M14" s="195">
        <v>44337</v>
      </c>
      <c r="N14" s="190">
        <v>0</v>
      </c>
      <c r="O14" s="191">
        <v>0</v>
      </c>
      <c r="P14" s="196">
        <v>0</v>
      </c>
      <c r="Q14" s="193">
        <v>0</v>
      </c>
      <c r="R14" s="191">
        <v>9</v>
      </c>
      <c r="S14" s="191">
        <v>44</v>
      </c>
      <c r="T14" s="191">
        <v>113</v>
      </c>
      <c r="U14" s="191">
        <v>289</v>
      </c>
      <c r="V14" s="191">
        <v>398</v>
      </c>
      <c r="W14" s="196">
        <v>853</v>
      </c>
      <c r="X14" s="195">
        <v>853</v>
      </c>
      <c r="Y14" s="190">
        <v>250</v>
      </c>
      <c r="Z14" s="191">
        <v>572</v>
      </c>
      <c r="AA14" s="196">
        <v>822</v>
      </c>
      <c r="AB14" s="193">
        <v>0</v>
      </c>
      <c r="AC14" s="191">
        <v>3312</v>
      </c>
      <c r="AD14" s="191">
        <v>2285</v>
      </c>
      <c r="AE14" s="191">
        <v>2062</v>
      </c>
      <c r="AF14" s="191">
        <v>2118</v>
      </c>
      <c r="AG14" s="191">
        <v>1652</v>
      </c>
      <c r="AH14" s="196">
        <v>11429</v>
      </c>
      <c r="AI14" s="195">
        <v>12251</v>
      </c>
      <c r="AJ14" s="190">
        <v>30</v>
      </c>
      <c r="AK14" s="191">
        <v>95</v>
      </c>
      <c r="AL14" s="196">
        <v>125</v>
      </c>
      <c r="AM14" s="193">
        <v>0</v>
      </c>
      <c r="AN14" s="191">
        <v>374</v>
      </c>
      <c r="AO14" s="191">
        <v>229</v>
      </c>
      <c r="AP14" s="191">
        <v>294</v>
      </c>
      <c r="AQ14" s="191">
        <v>267</v>
      </c>
      <c r="AR14" s="191">
        <v>115</v>
      </c>
      <c r="AS14" s="196">
        <v>1279</v>
      </c>
      <c r="AT14" s="195">
        <v>1404</v>
      </c>
      <c r="AU14" s="190">
        <v>0</v>
      </c>
      <c r="AV14" s="191">
        <v>0</v>
      </c>
      <c r="AW14" s="196">
        <v>0</v>
      </c>
      <c r="AX14" s="193">
        <v>0</v>
      </c>
      <c r="AY14" s="191">
        <v>6414</v>
      </c>
      <c r="AZ14" s="191">
        <v>4433</v>
      </c>
      <c r="BA14" s="191">
        <v>3303</v>
      </c>
      <c r="BB14" s="191">
        <v>2064</v>
      </c>
      <c r="BC14" s="191">
        <v>744</v>
      </c>
      <c r="BD14" s="194">
        <v>16958</v>
      </c>
      <c r="BE14" s="195">
        <v>16958</v>
      </c>
      <c r="BF14" s="190">
        <v>0</v>
      </c>
      <c r="BG14" s="191">
        <v>0</v>
      </c>
      <c r="BH14" s="196">
        <v>0</v>
      </c>
      <c r="BI14" s="193">
        <v>0</v>
      </c>
      <c r="BJ14" s="191">
        <v>1698</v>
      </c>
      <c r="BK14" s="191">
        <v>1140</v>
      </c>
      <c r="BL14" s="191">
        <v>642</v>
      </c>
      <c r="BM14" s="191">
        <v>537</v>
      </c>
      <c r="BN14" s="191">
        <v>179</v>
      </c>
      <c r="BO14" s="196">
        <v>4196</v>
      </c>
      <c r="BP14" s="195">
        <v>4196</v>
      </c>
      <c r="BQ14" s="190">
        <v>24</v>
      </c>
      <c r="BR14" s="191">
        <v>77</v>
      </c>
      <c r="BS14" s="196">
        <v>101</v>
      </c>
      <c r="BT14" s="193">
        <v>0</v>
      </c>
      <c r="BU14" s="191">
        <v>564</v>
      </c>
      <c r="BV14" s="191">
        <v>799</v>
      </c>
      <c r="BW14" s="191">
        <v>1272</v>
      </c>
      <c r="BX14" s="191">
        <v>1136</v>
      </c>
      <c r="BY14" s="191">
        <v>397</v>
      </c>
      <c r="BZ14" s="196">
        <v>4168</v>
      </c>
      <c r="CA14" s="195">
        <v>4269</v>
      </c>
      <c r="CB14" s="190">
        <v>0</v>
      </c>
      <c r="CC14" s="191">
        <v>8</v>
      </c>
      <c r="CD14" s="196">
        <v>8</v>
      </c>
      <c r="CE14" s="193">
        <v>0</v>
      </c>
      <c r="CF14" s="191">
        <v>30</v>
      </c>
      <c r="CG14" s="191">
        <v>12</v>
      </c>
      <c r="CH14" s="191">
        <v>43</v>
      </c>
      <c r="CI14" s="191">
        <v>80</v>
      </c>
      <c r="CJ14" s="191">
        <v>71</v>
      </c>
      <c r="CK14" s="196">
        <v>236</v>
      </c>
      <c r="CL14" s="195">
        <v>244</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1">
        <v>0</v>
      </c>
      <c r="E15" s="192">
        <v>0</v>
      </c>
      <c r="F15" s="193">
        <v>0</v>
      </c>
      <c r="G15" s="191">
        <v>6995</v>
      </c>
      <c r="H15" s="191">
        <v>9657</v>
      </c>
      <c r="I15" s="191">
        <v>11303</v>
      </c>
      <c r="J15" s="191">
        <v>16595</v>
      </c>
      <c r="K15" s="191">
        <v>12632</v>
      </c>
      <c r="L15" s="194">
        <v>57182</v>
      </c>
      <c r="M15" s="195">
        <v>57182</v>
      </c>
      <c r="N15" s="190">
        <v>0</v>
      </c>
      <c r="O15" s="191">
        <v>14</v>
      </c>
      <c r="P15" s="196">
        <v>14</v>
      </c>
      <c r="Q15" s="193">
        <v>0</v>
      </c>
      <c r="R15" s="191">
        <v>14</v>
      </c>
      <c r="S15" s="191">
        <v>100</v>
      </c>
      <c r="T15" s="191">
        <v>72</v>
      </c>
      <c r="U15" s="191">
        <v>334</v>
      </c>
      <c r="V15" s="191">
        <v>380</v>
      </c>
      <c r="W15" s="196">
        <v>900</v>
      </c>
      <c r="X15" s="195">
        <v>914</v>
      </c>
      <c r="Y15" s="190">
        <v>665</v>
      </c>
      <c r="Z15" s="191">
        <v>2234</v>
      </c>
      <c r="AA15" s="196">
        <v>2899</v>
      </c>
      <c r="AB15" s="193">
        <v>0</v>
      </c>
      <c r="AC15" s="191">
        <v>2443</v>
      </c>
      <c r="AD15" s="191">
        <v>3909</v>
      </c>
      <c r="AE15" s="191">
        <v>2392</v>
      </c>
      <c r="AF15" s="191">
        <v>2298</v>
      </c>
      <c r="AG15" s="191">
        <v>1930</v>
      </c>
      <c r="AH15" s="196">
        <v>12972</v>
      </c>
      <c r="AI15" s="195">
        <v>15871</v>
      </c>
      <c r="AJ15" s="190">
        <v>92</v>
      </c>
      <c r="AK15" s="191">
        <v>281</v>
      </c>
      <c r="AL15" s="196">
        <v>373</v>
      </c>
      <c r="AM15" s="193">
        <v>0</v>
      </c>
      <c r="AN15" s="191">
        <v>192</v>
      </c>
      <c r="AO15" s="191">
        <v>548</v>
      </c>
      <c r="AP15" s="191">
        <v>258</v>
      </c>
      <c r="AQ15" s="191">
        <v>278</v>
      </c>
      <c r="AR15" s="191">
        <v>185</v>
      </c>
      <c r="AS15" s="196">
        <v>1461</v>
      </c>
      <c r="AT15" s="195">
        <v>1834</v>
      </c>
      <c r="AU15" s="190">
        <v>0</v>
      </c>
      <c r="AV15" s="191">
        <v>0</v>
      </c>
      <c r="AW15" s="196">
        <v>0</v>
      </c>
      <c r="AX15" s="193">
        <v>0</v>
      </c>
      <c r="AY15" s="191">
        <v>6334</v>
      </c>
      <c r="AZ15" s="191">
        <v>4776</v>
      </c>
      <c r="BA15" s="191">
        <v>3157</v>
      </c>
      <c r="BB15" s="191">
        <v>2276</v>
      </c>
      <c r="BC15" s="191">
        <v>1170</v>
      </c>
      <c r="BD15" s="194">
        <v>17713</v>
      </c>
      <c r="BE15" s="195">
        <v>17713</v>
      </c>
      <c r="BF15" s="190">
        <v>0</v>
      </c>
      <c r="BG15" s="191">
        <v>0</v>
      </c>
      <c r="BH15" s="196">
        <v>0</v>
      </c>
      <c r="BI15" s="193">
        <v>0</v>
      </c>
      <c r="BJ15" s="191">
        <v>939</v>
      </c>
      <c r="BK15" s="191">
        <v>1456</v>
      </c>
      <c r="BL15" s="191">
        <v>922</v>
      </c>
      <c r="BM15" s="191">
        <v>588</v>
      </c>
      <c r="BN15" s="191">
        <v>219</v>
      </c>
      <c r="BO15" s="196">
        <v>4124</v>
      </c>
      <c r="BP15" s="195">
        <v>4124</v>
      </c>
      <c r="BQ15" s="190">
        <v>16</v>
      </c>
      <c r="BR15" s="191">
        <v>90</v>
      </c>
      <c r="BS15" s="196">
        <v>106</v>
      </c>
      <c r="BT15" s="193">
        <v>0</v>
      </c>
      <c r="BU15" s="191">
        <v>641</v>
      </c>
      <c r="BV15" s="191">
        <v>1079</v>
      </c>
      <c r="BW15" s="191">
        <v>1339</v>
      </c>
      <c r="BX15" s="191">
        <v>1196</v>
      </c>
      <c r="BY15" s="191">
        <v>615</v>
      </c>
      <c r="BZ15" s="196">
        <v>4870</v>
      </c>
      <c r="CA15" s="195">
        <v>4976</v>
      </c>
      <c r="CB15" s="190">
        <v>0</v>
      </c>
      <c r="CC15" s="191">
        <v>0</v>
      </c>
      <c r="CD15" s="196">
        <v>0</v>
      </c>
      <c r="CE15" s="193">
        <v>0</v>
      </c>
      <c r="CF15" s="191">
        <v>43</v>
      </c>
      <c r="CG15" s="191">
        <v>34</v>
      </c>
      <c r="CH15" s="191">
        <v>25</v>
      </c>
      <c r="CI15" s="191">
        <v>26</v>
      </c>
      <c r="CJ15" s="191">
        <v>4</v>
      </c>
      <c r="CK15" s="196">
        <v>132</v>
      </c>
      <c r="CL15" s="195">
        <v>132</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1">
        <v>0</v>
      </c>
      <c r="E16" s="192">
        <v>0</v>
      </c>
      <c r="F16" s="193">
        <v>0</v>
      </c>
      <c r="G16" s="191">
        <v>2785</v>
      </c>
      <c r="H16" s="191">
        <v>4767</v>
      </c>
      <c r="I16" s="191">
        <v>4332</v>
      </c>
      <c r="J16" s="191">
        <v>5418</v>
      </c>
      <c r="K16" s="191">
        <v>6782</v>
      </c>
      <c r="L16" s="194">
        <v>24084</v>
      </c>
      <c r="M16" s="195">
        <v>24084</v>
      </c>
      <c r="N16" s="190">
        <v>0</v>
      </c>
      <c r="O16" s="191">
        <v>0</v>
      </c>
      <c r="P16" s="196">
        <v>0</v>
      </c>
      <c r="Q16" s="193">
        <v>0</v>
      </c>
      <c r="R16" s="191">
        <v>4</v>
      </c>
      <c r="S16" s="191">
        <v>11</v>
      </c>
      <c r="T16" s="191">
        <v>12</v>
      </c>
      <c r="U16" s="191">
        <v>113</v>
      </c>
      <c r="V16" s="191">
        <v>210</v>
      </c>
      <c r="W16" s="196">
        <v>350</v>
      </c>
      <c r="X16" s="195">
        <v>350</v>
      </c>
      <c r="Y16" s="190">
        <v>72</v>
      </c>
      <c r="Z16" s="191">
        <v>212</v>
      </c>
      <c r="AA16" s="196">
        <v>284</v>
      </c>
      <c r="AB16" s="193">
        <v>0</v>
      </c>
      <c r="AC16" s="191">
        <v>1277</v>
      </c>
      <c r="AD16" s="191">
        <v>2059</v>
      </c>
      <c r="AE16" s="191">
        <v>1035</v>
      </c>
      <c r="AF16" s="191">
        <v>851</v>
      </c>
      <c r="AG16" s="191">
        <v>738</v>
      </c>
      <c r="AH16" s="196">
        <v>5960</v>
      </c>
      <c r="AI16" s="195">
        <v>6244</v>
      </c>
      <c r="AJ16" s="190">
        <v>20</v>
      </c>
      <c r="AK16" s="191">
        <v>29</v>
      </c>
      <c r="AL16" s="196">
        <v>49</v>
      </c>
      <c r="AM16" s="193">
        <v>0</v>
      </c>
      <c r="AN16" s="191">
        <v>148</v>
      </c>
      <c r="AO16" s="191">
        <v>186</v>
      </c>
      <c r="AP16" s="191">
        <v>141</v>
      </c>
      <c r="AQ16" s="191">
        <v>48</v>
      </c>
      <c r="AR16" s="191">
        <v>127</v>
      </c>
      <c r="AS16" s="196">
        <v>650</v>
      </c>
      <c r="AT16" s="195">
        <v>699</v>
      </c>
      <c r="AU16" s="190">
        <v>0</v>
      </c>
      <c r="AV16" s="191">
        <v>0</v>
      </c>
      <c r="AW16" s="196">
        <v>0</v>
      </c>
      <c r="AX16" s="193">
        <v>0</v>
      </c>
      <c r="AY16" s="191">
        <v>1451</v>
      </c>
      <c r="AZ16" s="191">
        <v>1804</v>
      </c>
      <c r="BA16" s="191">
        <v>885</v>
      </c>
      <c r="BB16" s="191">
        <v>803</v>
      </c>
      <c r="BC16" s="191">
        <v>295</v>
      </c>
      <c r="BD16" s="194">
        <v>5238</v>
      </c>
      <c r="BE16" s="195">
        <v>5238</v>
      </c>
      <c r="BF16" s="190">
        <v>0</v>
      </c>
      <c r="BG16" s="191">
        <v>0</v>
      </c>
      <c r="BH16" s="196">
        <v>0</v>
      </c>
      <c r="BI16" s="193">
        <v>0</v>
      </c>
      <c r="BJ16" s="191">
        <v>222</v>
      </c>
      <c r="BK16" s="191">
        <v>288</v>
      </c>
      <c r="BL16" s="191">
        <v>192</v>
      </c>
      <c r="BM16" s="191">
        <v>156</v>
      </c>
      <c r="BN16" s="191">
        <v>107</v>
      </c>
      <c r="BO16" s="196">
        <v>965</v>
      </c>
      <c r="BP16" s="195">
        <v>965</v>
      </c>
      <c r="BQ16" s="190">
        <v>0</v>
      </c>
      <c r="BR16" s="191">
        <v>0</v>
      </c>
      <c r="BS16" s="196">
        <v>0</v>
      </c>
      <c r="BT16" s="193">
        <v>0</v>
      </c>
      <c r="BU16" s="191">
        <v>110</v>
      </c>
      <c r="BV16" s="191">
        <v>230</v>
      </c>
      <c r="BW16" s="191">
        <v>629</v>
      </c>
      <c r="BX16" s="191">
        <v>520</v>
      </c>
      <c r="BY16" s="191">
        <v>330</v>
      </c>
      <c r="BZ16" s="196">
        <v>1819</v>
      </c>
      <c r="CA16" s="195">
        <v>1819</v>
      </c>
      <c r="CB16" s="190">
        <v>0</v>
      </c>
      <c r="CC16" s="191">
        <v>0</v>
      </c>
      <c r="CD16" s="196">
        <v>0</v>
      </c>
      <c r="CE16" s="193">
        <v>0</v>
      </c>
      <c r="CF16" s="191">
        <v>14</v>
      </c>
      <c r="CG16" s="191">
        <v>18</v>
      </c>
      <c r="CH16" s="191">
        <v>19</v>
      </c>
      <c r="CI16" s="191">
        <v>32</v>
      </c>
      <c r="CJ16" s="191">
        <v>14</v>
      </c>
      <c r="CK16" s="196">
        <v>97</v>
      </c>
      <c r="CL16" s="195">
        <v>97</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1">
        <v>0</v>
      </c>
      <c r="E17" s="192">
        <v>0</v>
      </c>
      <c r="F17" s="193">
        <v>0</v>
      </c>
      <c r="G17" s="191">
        <v>1008</v>
      </c>
      <c r="H17" s="191">
        <v>2414</v>
      </c>
      <c r="I17" s="191">
        <v>2459</v>
      </c>
      <c r="J17" s="191">
        <v>3080</v>
      </c>
      <c r="K17" s="191">
        <v>2597</v>
      </c>
      <c r="L17" s="194">
        <v>11558</v>
      </c>
      <c r="M17" s="195">
        <v>11558</v>
      </c>
      <c r="N17" s="190">
        <v>0</v>
      </c>
      <c r="O17" s="191">
        <v>0</v>
      </c>
      <c r="P17" s="196">
        <v>0</v>
      </c>
      <c r="Q17" s="193">
        <v>0</v>
      </c>
      <c r="R17" s="191">
        <v>1</v>
      </c>
      <c r="S17" s="191">
        <v>9</v>
      </c>
      <c r="T17" s="191">
        <v>40</v>
      </c>
      <c r="U17" s="191">
        <v>77</v>
      </c>
      <c r="V17" s="191">
        <v>109</v>
      </c>
      <c r="W17" s="196">
        <v>236</v>
      </c>
      <c r="X17" s="195">
        <v>236</v>
      </c>
      <c r="Y17" s="190">
        <v>28</v>
      </c>
      <c r="Z17" s="191">
        <v>125</v>
      </c>
      <c r="AA17" s="196">
        <v>153</v>
      </c>
      <c r="AB17" s="193">
        <v>0</v>
      </c>
      <c r="AC17" s="191">
        <v>436</v>
      </c>
      <c r="AD17" s="191">
        <v>696</v>
      </c>
      <c r="AE17" s="191">
        <v>358</v>
      </c>
      <c r="AF17" s="191">
        <v>383</v>
      </c>
      <c r="AG17" s="191">
        <v>377</v>
      </c>
      <c r="AH17" s="196">
        <v>2250</v>
      </c>
      <c r="AI17" s="195">
        <v>2403</v>
      </c>
      <c r="AJ17" s="190">
        <v>0</v>
      </c>
      <c r="AK17" s="191">
        <v>22</v>
      </c>
      <c r="AL17" s="196">
        <v>22</v>
      </c>
      <c r="AM17" s="193">
        <v>0</v>
      </c>
      <c r="AN17" s="191">
        <v>155</v>
      </c>
      <c r="AO17" s="191">
        <v>157</v>
      </c>
      <c r="AP17" s="191">
        <v>58</v>
      </c>
      <c r="AQ17" s="191">
        <v>61</v>
      </c>
      <c r="AR17" s="191">
        <v>70</v>
      </c>
      <c r="AS17" s="196">
        <v>501</v>
      </c>
      <c r="AT17" s="195">
        <v>523</v>
      </c>
      <c r="AU17" s="190">
        <v>0</v>
      </c>
      <c r="AV17" s="191">
        <v>0</v>
      </c>
      <c r="AW17" s="196">
        <v>0</v>
      </c>
      <c r="AX17" s="193">
        <v>0</v>
      </c>
      <c r="AY17" s="191">
        <v>869</v>
      </c>
      <c r="AZ17" s="191">
        <v>1033</v>
      </c>
      <c r="BA17" s="191">
        <v>580</v>
      </c>
      <c r="BB17" s="191">
        <v>346</v>
      </c>
      <c r="BC17" s="191">
        <v>83</v>
      </c>
      <c r="BD17" s="194">
        <v>2911</v>
      </c>
      <c r="BE17" s="195">
        <v>2911</v>
      </c>
      <c r="BF17" s="190">
        <v>0</v>
      </c>
      <c r="BG17" s="191">
        <v>0</v>
      </c>
      <c r="BH17" s="196">
        <v>0</v>
      </c>
      <c r="BI17" s="193">
        <v>0</v>
      </c>
      <c r="BJ17" s="191">
        <v>212</v>
      </c>
      <c r="BK17" s="191">
        <v>295</v>
      </c>
      <c r="BL17" s="191">
        <v>190</v>
      </c>
      <c r="BM17" s="191">
        <v>114</v>
      </c>
      <c r="BN17" s="191">
        <v>66</v>
      </c>
      <c r="BO17" s="196">
        <v>877</v>
      </c>
      <c r="BP17" s="195">
        <v>877</v>
      </c>
      <c r="BQ17" s="190">
        <v>0</v>
      </c>
      <c r="BR17" s="191">
        <v>0</v>
      </c>
      <c r="BS17" s="196">
        <v>0</v>
      </c>
      <c r="BT17" s="193">
        <v>0</v>
      </c>
      <c r="BU17" s="191">
        <v>86</v>
      </c>
      <c r="BV17" s="191">
        <v>277</v>
      </c>
      <c r="BW17" s="191">
        <v>774</v>
      </c>
      <c r="BX17" s="191">
        <v>789</v>
      </c>
      <c r="BY17" s="191">
        <v>250</v>
      </c>
      <c r="BZ17" s="196">
        <v>2176</v>
      </c>
      <c r="CA17" s="195">
        <v>2176</v>
      </c>
      <c r="CB17" s="190">
        <v>0</v>
      </c>
      <c r="CC17" s="191">
        <v>0</v>
      </c>
      <c r="CD17" s="196">
        <v>0</v>
      </c>
      <c r="CE17" s="193">
        <v>0</v>
      </c>
      <c r="CF17" s="191">
        <v>33</v>
      </c>
      <c r="CG17" s="191">
        <v>55</v>
      </c>
      <c r="CH17" s="191">
        <v>0</v>
      </c>
      <c r="CI17" s="191">
        <v>6</v>
      </c>
      <c r="CJ17" s="191">
        <v>20</v>
      </c>
      <c r="CK17" s="196">
        <v>114</v>
      </c>
      <c r="CL17" s="195">
        <v>114</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1">
        <v>0</v>
      </c>
      <c r="E18" s="192">
        <v>0</v>
      </c>
      <c r="F18" s="193">
        <v>0</v>
      </c>
      <c r="G18" s="191">
        <v>2048</v>
      </c>
      <c r="H18" s="191">
        <v>4169</v>
      </c>
      <c r="I18" s="191">
        <v>4955</v>
      </c>
      <c r="J18" s="191">
        <v>6257</v>
      </c>
      <c r="K18" s="191">
        <v>3865</v>
      </c>
      <c r="L18" s="194">
        <v>21294</v>
      </c>
      <c r="M18" s="195">
        <v>21294</v>
      </c>
      <c r="N18" s="190">
        <v>0</v>
      </c>
      <c r="O18" s="191">
        <v>0</v>
      </c>
      <c r="P18" s="196">
        <v>0</v>
      </c>
      <c r="Q18" s="193">
        <v>0</v>
      </c>
      <c r="R18" s="191">
        <v>10</v>
      </c>
      <c r="S18" s="191">
        <v>26</v>
      </c>
      <c r="T18" s="191">
        <v>37</v>
      </c>
      <c r="U18" s="191">
        <v>121</v>
      </c>
      <c r="V18" s="191">
        <v>225</v>
      </c>
      <c r="W18" s="196">
        <v>419</v>
      </c>
      <c r="X18" s="195">
        <v>419</v>
      </c>
      <c r="Y18" s="190">
        <v>72</v>
      </c>
      <c r="Z18" s="191">
        <v>268</v>
      </c>
      <c r="AA18" s="196">
        <v>340</v>
      </c>
      <c r="AB18" s="193">
        <v>0</v>
      </c>
      <c r="AC18" s="191">
        <v>1234</v>
      </c>
      <c r="AD18" s="191">
        <v>3109</v>
      </c>
      <c r="AE18" s="191">
        <v>1884</v>
      </c>
      <c r="AF18" s="191">
        <v>1665</v>
      </c>
      <c r="AG18" s="191">
        <v>1107</v>
      </c>
      <c r="AH18" s="196">
        <v>8999</v>
      </c>
      <c r="AI18" s="195">
        <v>9339</v>
      </c>
      <c r="AJ18" s="190">
        <v>72</v>
      </c>
      <c r="AK18" s="191">
        <v>101</v>
      </c>
      <c r="AL18" s="196">
        <v>173</v>
      </c>
      <c r="AM18" s="193">
        <v>0</v>
      </c>
      <c r="AN18" s="191">
        <v>92</v>
      </c>
      <c r="AO18" s="191">
        <v>533</v>
      </c>
      <c r="AP18" s="191">
        <v>175</v>
      </c>
      <c r="AQ18" s="191">
        <v>130</v>
      </c>
      <c r="AR18" s="191">
        <v>140</v>
      </c>
      <c r="AS18" s="196">
        <v>1070</v>
      </c>
      <c r="AT18" s="195">
        <v>1243</v>
      </c>
      <c r="AU18" s="190">
        <v>0</v>
      </c>
      <c r="AV18" s="191">
        <v>0</v>
      </c>
      <c r="AW18" s="196">
        <v>0</v>
      </c>
      <c r="AX18" s="193">
        <v>0</v>
      </c>
      <c r="AY18" s="191">
        <v>3515</v>
      </c>
      <c r="AZ18" s="191">
        <v>4745</v>
      </c>
      <c r="BA18" s="191">
        <v>2978</v>
      </c>
      <c r="BB18" s="191">
        <v>2396</v>
      </c>
      <c r="BC18" s="191">
        <v>1041</v>
      </c>
      <c r="BD18" s="194">
        <v>14675</v>
      </c>
      <c r="BE18" s="195">
        <v>14675</v>
      </c>
      <c r="BF18" s="190">
        <v>0</v>
      </c>
      <c r="BG18" s="191">
        <v>0</v>
      </c>
      <c r="BH18" s="196">
        <v>0</v>
      </c>
      <c r="BI18" s="193">
        <v>0</v>
      </c>
      <c r="BJ18" s="191">
        <v>1425</v>
      </c>
      <c r="BK18" s="191">
        <v>2294</v>
      </c>
      <c r="BL18" s="191">
        <v>863</v>
      </c>
      <c r="BM18" s="191">
        <v>556</v>
      </c>
      <c r="BN18" s="191">
        <v>233</v>
      </c>
      <c r="BO18" s="196">
        <v>5371</v>
      </c>
      <c r="BP18" s="195">
        <v>5371</v>
      </c>
      <c r="BQ18" s="190">
        <v>0</v>
      </c>
      <c r="BR18" s="191">
        <v>14</v>
      </c>
      <c r="BS18" s="196">
        <v>14</v>
      </c>
      <c r="BT18" s="193">
        <v>0</v>
      </c>
      <c r="BU18" s="191">
        <v>245</v>
      </c>
      <c r="BV18" s="191">
        <v>676</v>
      </c>
      <c r="BW18" s="191">
        <v>736</v>
      </c>
      <c r="BX18" s="191">
        <v>627</v>
      </c>
      <c r="BY18" s="191">
        <v>213</v>
      </c>
      <c r="BZ18" s="196">
        <v>2497</v>
      </c>
      <c r="CA18" s="195">
        <v>2511</v>
      </c>
      <c r="CB18" s="190">
        <v>0</v>
      </c>
      <c r="CC18" s="191">
        <v>0</v>
      </c>
      <c r="CD18" s="196">
        <v>0</v>
      </c>
      <c r="CE18" s="193">
        <v>0</v>
      </c>
      <c r="CF18" s="191">
        <v>19</v>
      </c>
      <c r="CG18" s="191">
        <v>31</v>
      </c>
      <c r="CH18" s="191">
        <v>50</v>
      </c>
      <c r="CI18" s="191">
        <v>44</v>
      </c>
      <c r="CJ18" s="191">
        <v>14</v>
      </c>
      <c r="CK18" s="196">
        <v>158</v>
      </c>
      <c r="CL18" s="195">
        <v>158</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1">
        <v>0</v>
      </c>
      <c r="E19" s="192">
        <v>0</v>
      </c>
      <c r="F19" s="193">
        <v>0</v>
      </c>
      <c r="G19" s="191">
        <v>2369</v>
      </c>
      <c r="H19" s="191">
        <v>7837</v>
      </c>
      <c r="I19" s="191">
        <v>10723</v>
      </c>
      <c r="J19" s="191">
        <v>14383</v>
      </c>
      <c r="K19" s="191">
        <v>10381</v>
      </c>
      <c r="L19" s="194">
        <v>45693</v>
      </c>
      <c r="M19" s="195">
        <v>45693</v>
      </c>
      <c r="N19" s="190">
        <v>0</v>
      </c>
      <c r="O19" s="191">
        <v>13</v>
      </c>
      <c r="P19" s="196">
        <v>13</v>
      </c>
      <c r="Q19" s="193">
        <v>0</v>
      </c>
      <c r="R19" s="191">
        <v>0</v>
      </c>
      <c r="S19" s="191">
        <v>16</v>
      </c>
      <c r="T19" s="191">
        <v>79</v>
      </c>
      <c r="U19" s="191">
        <v>211</v>
      </c>
      <c r="V19" s="191">
        <v>437</v>
      </c>
      <c r="W19" s="196">
        <v>743</v>
      </c>
      <c r="X19" s="195">
        <v>756</v>
      </c>
      <c r="Y19" s="190">
        <v>175</v>
      </c>
      <c r="Z19" s="191">
        <v>750</v>
      </c>
      <c r="AA19" s="196">
        <v>925</v>
      </c>
      <c r="AB19" s="193">
        <v>0</v>
      </c>
      <c r="AC19" s="191">
        <v>1478</v>
      </c>
      <c r="AD19" s="191">
        <v>3647</v>
      </c>
      <c r="AE19" s="191">
        <v>2637</v>
      </c>
      <c r="AF19" s="191">
        <v>2083</v>
      </c>
      <c r="AG19" s="191">
        <v>1440</v>
      </c>
      <c r="AH19" s="196">
        <v>11285</v>
      </c>
      <c r="AI19" s="195">
        <v>12210</v>
      </c>
      <c r="AJ19" s="190">
        <v>73</v>
      </c>
      <c r="AK19" s="191">
        <v>122</v>
      </c>
      <c r="AL19" s="196">
        <v>195</v>
      </c>
      <c r="AM19" s="193">
        <v>0</v>
      </c>
      <c r="AN19" s="191">
        <v>163</v>
      </c>
      <c r="AO19" s="191">
        <v>603</v>
      </c>
      <c r="AP19" s="191">
        <v>386</v>
      </c>
      <c r="AQ19" s="191">
        <v>320</v>
      </c>
      <c r="AR19" s="191">
        <v>282</v>
      </c>
      <c r="AS19" s="196">
        <v>1754</v>
      </c>
      <c r="AT19" s="195">
        <v>1949</v>
      </c>
      <c r="AU19" s="190">
        <v>0</v>
      </c>
      <c r="AV19" s="191">
        <v>0</v>
      </c>
      <c r="AW19" s="196">
        <v>0</v>
      </c>
      <c r="AX19" s="193">
        <v>0</v>
      </c>
      <c r="AY19" s="191">
        <v>3244</v>
      </c>
      <c r="AZ19" s="191">
        <v>5188</v>
      </c>
      <c r="BA19" s="191">
        <v>4033</v>
      </c>
      <c r="BB19" s="191">
        <v>2381</v>
      </c>
      <c r="BC19" s="191">
        <v>1384</v>
      </c>
      <c r="BD19" s="194">
        <v>16230</v>
      </c>
      <c r="BE19" s="195">
        <v>16230</v>
      </c>
      <c r="BF19" s="190">
        <v>0</v>
      </c>
      <c r="BG19" s="191">
        <v>0</v>
      </c>
      <c r="BH19" s="196">
        <v>0</v>
      </c>
      <c r="BI19" s="193">
        <v>0</v>
      </c>
      <c r="BJ19" s="191">
        <v>521</v>
      </c>
      <c r="BK19" s="191">
        <v>1735</v>
      </c>
      <c r="BL19" s="191">
        <v>871</v>
      </c>
      <c r="BM19" s="191">
        <v>387</v>
      </c>
      <c r="BN19" s="191">
        <v>130</v>
      </c>
      <c r="BO19" s="196">
        <v>3644</v>
      </c>
      <c r="BP19" s="195">
        <v>3644</v>
      </c>
      <c r="BQ19" s="190">
        <v>4</v>
      </c>
      <c r="BR19" s="191">
        <v>18</v>
      </c>
      <c r="BS19" s="196">
        <v>22</v>
      </c>
      <c r="BT19" s="193">
        <v>0</v>
      </c>
      <c r="BU19" s="191">
        <v>305</v>
      </c>
      <c r="BV19" s="191">
        <v>928</v>
      </c>
      <c r="BW19" s="191">
        <v>1144</v>
      </c>
      <c r="BX19" s="191">
        <v>1131</v>
      </c>
      <c r="BY19" s="191">
        <v>509</v>
      </c>
      <c r="BZ19" s="196">
        <v>4017</v>
      </c>
      <c r="CA19" s="195">
        <v>4039</v>
      </c>
      <c r="CB19" s="190">
        <v>0</v>
      </c>
      <c r="CC19" s="191">
        <v>0</v>
      </c>
      <c r="CD19" s="196">
        <v>0</v>
      </c>
      <c r="CE19" s="193">
        <v>0</v>
      </c>
      <c r="CF19" s="191">
        <v>30</v>
      </c>
      <c r="CG19" s="191">
        <v>100</v>
      </c>
      <c r="CH19" s="191">
        <v>75</v>
      </c>
      <c r="CI19" s="191">
        <v>135</v>
      </c>
      <c r="CJ19" s="191">
        <v>46</v>
      </c>
      <c r="CK19" s="196">
        <v>386</v>
      </c>
      <c r="CL19" s="195">
        <v>386</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1">
        <v>0</v>
      </c>
      <c r="E20" s="192">
        <v>0</v>
      </c>
      <c r="F20" s="193">
        <v>0</v>
      </c>
      <c r="G20" s="191">
        <v>6320</v>
      </c>
      <c r="H20" s="191">
        <v>9258</v>
      </c>
      <c r="I20" s="191">
        <v>12469</v>
      </c>
      <c r="J20" s="191">
        <v>13533</v>
      </c>
      <c r="K20" s="191">
        <v>15728</v>
      </c>
      <c r="L20" s="194">
        <v>57308</v>
      </c>
      <c r="M20" s="195">
        <v>57308</v>
      </c>
      <c r="N20" s="190">
        <v>0</v>
      </c>
      <c r="O20" s="191">
        <v>0</v>
      </c>
      <c r="P20" s="196">
        <v>0</v>
      </c>
      <c r="Q20" s="193">
        <v>0</v>
      </c>
      <c r="R20" s="191">
        <v>12</v>
      </c>
      <c r="S20" s="191">
        <v>31</v>
      </c>
      <c r="T20" s="191">
        <v>76</v>
      </c>
      <c r="U20" s="191">
        <v>281</v>
      </c>
      <c r="V20" s="191">
        <v>441</v>
      </c>
      <c r="W20" s="196">
        <v>841</v>
      </c>
      <c r="X20" s="195">
        <v>841</v>
      </c>
      <c r="Y20" s="190">
        <v>365</v>
      </c>
      <c r="Z20" s="191">
        <v>1115</v>
      </c>
      <c r="AA20" s="196">
        <v>1480</v>
      </c>
      <c r="AB20" s="193">
        <v>0</v>
      </c>
      <c r="AC20" s="191">
        <v>3256</v>
      </c>
      <c r="AD20" s="191">
        <v>3935</v>
      </c>
      <c r="AE20" s="191">
        <v>2877</v>
      </c>
      <c r="AF20" s="191">
        <v>2320</v>
      </c>
      <c r="AG20" s="191">
        <v>1956</v>
      </c>
      <c r="AH20" s="196">
        <v>14344</v>
      </c>
      <c r="AI20" s="195">
        <v>15824</v>
      </c>
      <c r="AJ20" s="190">
        <v>114</v>
      </c>
      <c r="AK20" s="191">
        <v>213</v>
      </c>
      <c r="AL20" s="196">
        <v>327</v>
      </c>
      <c r="AM20" s="193">
        <v>0</v>
      </c>
      <c r="AN20" s="191">
        <v>631</v>
      </c>
      <c r="AO20" s="191">
        <v>973</v>
      </c>
      <c r="AP20" s="191">
        <v>645</v>
      </c>
      <c r="AQ20" s="191">
        <v>352</v>
      </c>
      <c r="AR20" s="191">
        <v>243</v>
      </c>
      <c r="AS20" s="196">
        <v>2844</v>
      </c>
      <c r="AT20" s="195">
        <v>3171</v>
      </c>
      <c r="AU20" s="190">
        <v>0</v>
      </c>
      <c r="AV20" s="191">
        <v>0</v>
      </c>
      <c r="AW20" s="196">
        <v>0</v>
      </c>
      <c r="AX20" s="193">
        <v>0</v>
      </c>
      <c r="AY20" s="191">
        <v>6787</v>
      </c>
      <c r="AZ20" s="191">
        <v>6737</v>
      </c>
      <c r="BA20" s="191">
        <v>4608</v>
      </c>
      <c r="BB20" s="191">
        <v>2646</v>
      </c>
      <c r="BC20" s="191">
        <v>1013</v>
      </c>
      <c r="BD20" s="194">
        <v>21791</v>
      </c>
      <c r="BE20" s="195">
        <v>21791</v>
      </c>
      <c r="BF20" s="190">
        <v>0</v>
      </c>
      <c r="BG20" s="191">
        <v>0</v>
      </c>
      <c r="BH20" s="196">
        <v>0</v>
      </c>
      <c r="BI20" s="193">
        <v>0</v>
      </c>
      <c r="BJ20" s="191">
        <v>1267</v>
      </c>
      <c r="BK20" s="191">
        <v>1415</v>
      </c>
      <c r="BL20" s="191">
        <v>936</v>
      </c>
      <c r="BM20" s="191">
        <v>547</v>
      </c>
      <c r="BN20" s="191">
        <v>177</v>
      </c>
      <c r="BO20" s="196">
        <v>4342</v>
      </c>
      <c r="BP20" s="195">
        <v>4342</v>
      </c>
      <c r="BQ20" s="190">
        <v>10</v>
      </c>
      <c r="BR20" s="191">
        <v>27</v>
      </c>
      <c r="BS20" s="196">
        <v>37</v>
      </c>
      <c r="BT20" s="193">
        <v>0</v>
      </c>
      <c r="BU20" s="191">
        <v>406</v>
      </c>
      <c r="BV20" s="191">
        <v>650</v>
      </c>
      <c r="BW20" s="191">
        <v>1890</v>
      </c>
      <c r="BX20" s="191">
        <v>1418</v>
      </c>
      <c r="BY20" s="191">
        <v>699</v>
      </c>
      <c r="BZ20" s="196">
        <v>5063</v>
      </c>
      <c r="CA20" s="195">
        <v>5100</v>
      </c>
      <c r="CB20" s="190">
        <v>0</v>
      </c>
      <c r="CC20" s="191">
        <v>0</v>
      </c>
      <c r="CD20" s="196">
        <v>0</v>
      </c>
      <c r="CE20" s="193">
        <v>0</v>
      </c>
      <c r="CF20" s="191">
        <v>37</v>
      </c>
      <c r="CG20" s="191">
        <v>55</v>
      </c>
      <c r="CH20" s="191">
        <v>64</v>
      </c>
      <c r="CI20" s="191">
        <v>27</v>
      </c>
      <c r="CJ20" s="191">
        <v>0</v>
      </c>
      <c r="CK20" s="196">
        <v>183</v>
      </c>
      <c r="CL20" s="195">
        <v>183</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1">
        <v>0</v>
      </c>
      <c r="E21" s="192">
        <v>0</v>
      </c>
      <c r="F21" s="193">
        <v>0</v>
      </c>
      <c r="G21" s="191">
        <v>2310</v>
      </c>
      <c r="H21" s="191">
        <v>2648</v>
      </c>
      <c r="I21" s="191">
        <v>3115</v>
      </c>
      <c r="J21" s="191">
        <v>3751</v>
      </c>
      <c r="K21" s="191">
        <v>3022</v>
      </c>
      <c r="L21" s="194">
        <v>14846</v>
      </c>
      <c r="M21" s="195">
        <v>14846</v>
      </c>
      <c r="N21" s="190">
        <v>0</v>
      </c>
      <c r="O21" s="191">
        <v>0</v>
      </c>
      <c r="P21" s="196">
        <v>0</v>
      </c>
      <c r="Q21" s="193">
        <v>0</v>
      </c>
      <c r="R21" s="191">
        <v>16</v>
      </c>
      <c r="S21" s="191">
        <v>19</v>
      </c>
      <c r="T21" s="191">
        <v>56</v>
      </c>
      <c r="U21" s="191">
        <v>116</v>
      </c>
      <c r="V21" s="191">
        <v>147</v>
      </c>
      <c r="W21" s="196">
        <v>354</v>
      </c>
      <c r="X21" s="195">
        <v>354</v>
      </c>
      <c r="Y21" s="190">
        <v>214</v>
      </c>
      <c r="Z21" s="191">
        <v>310</v>
      </c>
      <c r="AA21" s="196">
        <v>524</v>
      </c>
      <c r="AB21" s="193">
        <v>0</v>
      </c>
      <c r="AC21" s="191">
        <v>1709</v>
      </c>
      <c r="AD21" s="191">
        <v>1414</v>
      </c>
      <c r="AE21" s="191">
        <v>1245</v>
      </c>
      <c r="AF21" s="191">
        <v>785</v>
      </c>
      <c r="AG21" s="191">
        <v>678</v>
      </c>
      <c r="AH21" s="196">
        <v>5831</v>
      </c>
      <c r="AI21" s="195">
        <v>6355</v>
      </c>
      <c r="AJ21" s="190">
        <v>10</v>
      </c>
      <c r="AK21" s="191">
        <v>48</v>
      </c>
      <c r="AL21" s="196">
        <v>58</v>
      </c>
      <c r="AM21" s="193">
        <v>0</v>
      </c>
      <c r="AN21" s="191">
        <v>239</v>
      </c>
      <c r="AO21" s="191">
        <v>185</v>
      </c>
      <c r="AP21" s="191">
        <v>98</v>
      </c>
      <c r="AQ21" s="191">
        <v>195</v>
      </c>
      <c r="AR21" s="191">
        <v>38</v>
      </c>
      <c r="AS21" s="196">
        <v>755</v>
      </c>
      <c r="AT21" s="195">
        <v>813</v>
      </c>
      <c r="AU21" s="190">
        <v>0</v>
      </c>
      <c r="AV21" s="191">
        <v>0</v>
      </c>
      <c r="AW21" s="196">
        <v>0</v>
      </c>
      <c r="AX21" s="193">
        <v>0</v>
      </c>
      <c r="AY21" s="191">
        <v>2270</v>
      </c>
      <c r="AZ21" s="191">
        <v>2373</v>
      </c>
      <c r="BA21" s="191">
        <v>1289</v>
      </c>
      <c r="BB21" s="191">
        <v>667</v>
      </c>
      <c r="BC21" s="191">
        <v>550</v>
      </c>
      <c r="BD21" s="194">
        <v>7149</v>
      </c>
      <c r="BE21" s="195">
        <v>7149</v>
      </c>
      <c r="BF21" s="190">
        <v>0</v>
      </c>
      <c r="BG21" s="191">
        <v>0</v>
      </c>
      <c r="BH21" s="196">
        <v>0</v>
      </c>
      <c r="BI21" s="193">
        <v>0</v>
      </c>
      <c r="BJ21" s="191">
        <v>903</v>
      </c>
      <c r="BK21" s="191">
        <v>866</v>
      </c>
      <c r="BL21" s="191">
        <v>448</v>
      </c>
      <c r="BM21" s="191">
        <v>258</v>
      </c>
      <c r="BN21" s="191">
        <v>70</v>
      </c>
      <c r="BO21" s="196">
        <v>2545</v>
      </c>
      <c r="BP21" s="195">
        <v>2545</v>
      </c>
      <c r="BQ21" s="190">
        <v>60</v>
      </c>
      <c r="BR21" s="191">
        <v>18</v>
      </c>
      <c r="BS21" s="196">
        <v>78</v>
      </c>
      <c r="BT21" s="193">
        <v>0</v>
      </c>
      <c r="BU21" s="191">
        <v>211</v>
      </c>
      <c r="BV21" s="191">
        <v>449</v>
      </c>
      <c r="BW21" s="191">
        <v>408</v>
      </c>
      <c r="BX21" s="191">
        <v>240</v>
      </c>
      <c r="BY21" s="191">
        <v>75</v>
      </c>
      <c r="BZ21" s="196">
        <v>1383</v>
      </c>
      <c r="CA21" s="195">
        <v>1461</v>
      </c>
      <c r="CB21" s="190">
        <v>0</v>
      </c>
      <c r="CC21" s="191">
        <v>0</v>
      </c>
      <c r="CD21" s="196">
        <v>0</v>
      </c>
      <c r="CE21" s="193">
        <v>0</v>
      </c>
      <c r="CF21" s="191">
        <v>58</v>
      </c>
      <c r="CG21" s="191">
        <v>44</v>
      </c>
      <c r="CH21" s="191">
        <v>60</v>
      </c>
      <c r="CI21" s="191">
        <v>103</v>
      </c>
      <c r="CJ21" s="191">
        <v>18</v>
      </c>
      <c r="CK21" s="196">
        <v>283</v>
      </c>
      <c r="CL21" s="195">
        <v>283</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1">
        <v>0</v>
      </c>
      <c r="E22" s="192">
        <v>0</v>
      </c>
      <c r="F22" s="193">
        <v>0</v>
      </c>
      <c r="G22" s="191">
        <v>3940</v>
      </c>
      <c r="H22" s="191">
        <v>3787</v>
      </c>
      <c r="I22" s="191">
        <v>5567</v>
      </c>
      <c r="J22" s="191">
        <v>5790</v>
      </c>
      <c r="K22" s="191">
        <v>6748</v>
      </c>
      <c r="L22" s="194">
        <v>25832</v>
      </c>
      <c r="M22" s="195">
        <v>25832</v>
      </c>
      <c r="N22" s="190">
        <v>0</v>
      </c>
      <c r="O22" s="191">
        <v>0</v>
      </c>
      <c r="P22" s="196">
        <v>0</v>
      </c>
      <c r="Q22" s="193">
        <v>0</v>
      </c>
      <c r="R22" s="191">
        <v>4</v>
      </c>
      <c r="S22" s="191">
        <v>18</v>
      </c>
      <c r="T22" s="191">
        <v>43</v>
      </c>
      <c r="U22" s="191">
        <v>154</v>
      </c>
      <c r="V22" s="191">
        <v>214</v>
      </c>
      <c r="W22" s="196">
        <v>433</v>
      </c>
      <c r="X22" s="195">
        <v>433</v>
      </c>
      <c r="Y22" s="190">
        <v>369</v>
      </c>
      <c r="Z22" s="191">
        <v>824</v>
      </c>
      <c r="AA22" s="196">
        <v>1193</v>
      </c>
      <c r="AB22" s="193">
        <v>0</v>
      </c>
      <c r="AC22" s="191">
        <v>2930</v>
      </c>
      <c r="AD22" s="191">
        <v>2552</v>
      </c>
      <c r="AE22" s="191">
        <v>1742</v>
      </c>
      <c r="AF22" s="191">
        <v>1373</v>
      </c>
      <c r="AG22" s="191">
        <v>842</v>
      </c>
      <c r="AH22" s="196">
        <v>9439</v>
      </c>
      <c r="AI22" s="195">
        <v>10632</v>
      </c>
      <c r="AJ22" s="190">
        <v>148</v>
      </c>
      <c r="AK22" s="191">
        <v>476</v>
      </c>
      <c r="AL22" s="196">
        <v>624</v>
      </c>
      <c r="AM22" s="193">
        <v>0</v>
      </c>
      <c r="AN22" s="191">
        <v>780</v>
      </c>
      <c r="AO22" s="191">
        <v>725</v>
      </c>
      <c r="AP22" s="191">
        <v>550</v>
      </c>
      <c r="AQ22" s="191">
        <v>449</v>
      </c>
      <c r="AR22" s="191">
        <v>149</v>
      </c>
      <c r="AS22" s="196">
        <v>2653</v>
      </c>
      <c r="AT22" s="195">
        <v>3277</v>
      </c>
      <c r="AU22" s="190">
        <v>0</v>
      </c>
      <c r="AV22" s="191">
        <v>0</v>
      </c>
      <c r="AW22" s="196">
        <v>0</v>
      </c>
      <c r="AX22" s="193">
        <v>0</v>
      </c>
      <c r="AY22" s="191">
        <v>2958</v>
      </c>
      <c r="AZ22" s="191">
        <v>2150</v>
      </c>
      <c r="BA22" s="191">
        <v>1994</v>
      </c>
      <c r="BB22" s="191">
        <v>950</v>
      </c>
      <c r="BC22" s="191">
        <v>299</v>
      </c>
      <c r="BD22" s="194">
        <v>8351</v>
      </c>
      <c r="BE22" s="195">
        <v>8351</v>
      </c>
      <c r="BF22" s="190">
        <v>0</v>
      </c>
      <c r="BG22" s="191">
        <v>0</v>
      </c>
      <c r="BH22" s="196">
        <v>0</v>
      </c>
      <c r="BI22" s="193">
        <v>0</v>
      </c>
      <c r="BJ22" s="191">
        <v>973</v>
      </c>
      <c r="BK22" s="191">
        <v>716</v>
      </c>
      <c r="BL22" s="191">
        <v>322</v>
      </c>
      <c r="BM22" s="191">
        <v>351</v>
      </c>
      <c r="BN22" s="191">
        <v>107</v>
      </c>
      <c r="BO22" s="196">
        <v>2469</v>
      </c>
      <c r="BP22" s="195">
        <v>2469</v>
      </c>
      <c r="BQ22" s="190">
        <v>16</v>
      </c>
      <c r="BR22" s="191">
        <v>13</v>
      </c>
      <c r="BS22" s="196">
        <v>29</v>
      </c>
      <c r="BT22" s="193">
        <v>0</v>
      </c>
      <c r="BU22" s="191">
        <v>455</v>
      </c>
      <c r="BV22" s="191">
        <v>478</v>
      </c>
      <c r="BW22" s="191">
        <v>1228</v>
      </c>
      <c r="BX22" s="191">
        <v>532</v>
      </c>
      <c r="BY22" s="191">
        <v>328</v>
      </c>
      <c r="BZ22" s="196">
        <v>3021</v>
      </c>
      <c r="CA22" s="195">
        <v>3050</v>
      </c>
      <c r="CB22" s="190">
        <v>0</v>
      </c>
      <c r="CC22" s="191">
        <v>0</v>
      </c>
      <c r="CD22" s="196">
        <v>0</v>
      </c>
      <c r="CE22" s="193">
        <v>0</v>
      </c>
      <c r="CF22" s="191">
        <v>31</v>
      </c>
      <c r="CG22" s="191">
        <v>33</v>
      </c>
      <c r="CH22" s="191">
        <v>9</v>
      </c>
      <c r="CI22" s="191">
        <v>56</v>
      </c>
      <c r="CJ22" s="191">
        <v>47</v>
      </c>
      <c r="CK22" s="196">
        <v>176</v>
      </c>
      <c r="CL22" s="195">
        <v>176</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1">
        <v>0</v>
      </c>
      <c r="E23" s="192">
        <v>0</v>
      </c>
      <c r="F23" s="193">
        <v>0</v>
      </c>
      <c r="G23" s="191">
        <v>3586</v>
      </c>
      <c r="H23" s="191">
        <v>6795</v>
      </c>
      <c r="I23" s="191">
        <v>8217</v>
      </c>
      <c r="J23" s="191">
        <v>6454</v>
      </c>
      <c r="K23" s="191">
        <v>7613</v>
      </c>
      <c r="L23" s="194">
        <v>32665</v>
      </c>
      <c r="M23" s="195">
        <v>32665</v>
      </c>
      <c r="N23" s="190">
        <v>0</v>
      </c>
      <c r="O23" s="191">
        <v>0</v>
      </c>
      <c r="P23" s="196">
        <v>0</v>
      </c>
      <c r="Q23" s="193">
        <v>0</v>
      </c>
      <c r="R23" s="191">
        <v>0</v>
      </c>
      <c r="S23" s="191">
        <v>8</v>
      </c>
      <c r="T23" s="191">
        <v>45</v>
      </c>
      <c r="U23" s="191">
        <v>145</v>
      </c>
      <c r="V23" s="191">
        <v>231</v>
      </c>
      <c r="W23" s="196">
        <v>429</v>
      </c>
      <c r="X23" s="195">
        <v>429</v>
      </c>
      <c r="Y23" s="190">
        <v>347</v>
      </c>
      <c r="Z23" s="191">
        <v>723</v>
      </c>
      <c r="AA23" s="196">
        <v>1070</v>
      </c>
      <c r="AB23" s="193">
        <v>0</v>
      </c>
      <c r="AC23" s="191">
        <v>2241</v>
      </c>
      <c r="AD23" s="191">
        <v>2779</v>
      </c>
      <c r="AE23" s="191">
        <v>1558</v>
      </c>
      <c r="AF23" s="191">
        <v>1584</v>
      </c>
      <c r="AG23" s="191">
        <v>1051</v>
      </c>
      <c r="AH23" s="196">
        <v>9213</v>
      </c>
      <c r="AI23" s="195">
        <v>10283</v>
      </c>
      <c r="AJ23" s="190">
        <v>170</v>
      </c>
      <c r="AK23" s="191">
        <v>380</v>
      </c>
      <c r="AL23" s="196">
        <v>550</v>
      </c>
      <c r="AM23" s="193">
        <v>0</v>
      </c>
      <c r="AN23" s="191">
        <v>274</v>
      </c>
      <c r="AO23" s="191">
        <v>632</v>
      </c>
      <c r="AP23" s="191">
        <v>391</v>
      </c>
      <c r="AQ23" s="191">
        <v>123</v>
      </c>
      <c r="AR23" s="191">
        <v>95</v>
      </c>
      <c r="AS23" s="196">
        <v>1515</v>
      </c>
      <c r="AT23" s="195">
        <v>2065</v>
      </c>
      <c r="AU23" s="190">
        <v>0</v>
      </c>
      <c r="AV23" s="191">
        <v>0</v>
      </c>
      <c r="AW23" s="196">
        <v>0</v>
      </c>
      <c r="AX23" s="193">
        <v>0</v>
      </c>
      <c r="AY23" s="191">
        <v>3487</v>
      </c>
      <c r="AZ23" s="191">
        <v>3891</v>
      </c>
      <c r="BA23" s="191">
        <v>2651</v>
      </c>
      <c r="BB23" s="191">
        <v>1075</v>
      </c>
      <c r="BC23" s="191">
        <v>424</v>
      </c>
      <c r="BD23" s="194">
        <v>11528</v>
      </c>
      <c r="BE23" s="195">
        <v>11528</v>
      </c>
      <c r="BF23" s="190">
        <v>0</v>
      </c>
      <c r="BG23" s="191">
        <v>0</v>
      </c>
      <c r="BH23" s="196">
        <v>0</v>
      </c>
      <c r="BI23" s="193">
        <v>0</v>
      </c>
      <c r="BJ23" s="191">
        <v>436</v>
      </c>
      <c r="BK23" s="191">
        <v>420</v>
      </c>
      <c r="BL23" s="191">
        <v>300</v>
      </c>
      <c r="BM23" s="191">
        <v>122</v>
      </c>
      <c r="BN23" s="191">
        <v>52</v>
      </c>
      <c r="BO23" s="196">
        <v>1330</v>
      </c>
      <c r="BP23" s="195">
        <v>1330</v>
      </c>
      <c r="BQ23" s="190">
        <v>8</v>
      </c>
      <c r="BR23" s="191">
        <v>40</v>
      </c>
      <c r="BS23" s="196">
        <v>48</v>
      </c>
      <c r="BT23" s="193">
        <v>0</v>
      </c>
      <c r="BU23" s="191">
        <v>207</v>
      </c>
      <c r="BV23" s="191">
        <v>480</v>
      </c>
      <c r="BW23" s="191">
        <v>828</v>
      </c>
      <c r="BX23" s="191">
        <v>679</v>
      </c>
      <c r="BY23" s="191">
        <v>485</v>
      </c>
      <c r="BZ23" s="196">
        <v>2679</v>
      </c>
      <c r="CA23" s="195">
        <v>2727</v>
      </c>
      <c r="CB23" s="190">
        <v>0</v>
      </c>
      <c r="CC23" s="191">
        <v>12</v>
      </c>
      <c r="CD23" s="196">
        <v>12</v>
      </c>
      <c r="CE23" s="193">
        <v>0</v>
      </c>
      <c r="CF23" s="191">
        <v>0</v>
      </c>
      <c r="CG23" s="191">
        <v>24</v>
      </c>
      <c r="CH23" s="191">
        <v>29</v>
      </c>
      <c r="CI23" s="191">
        <v>36</v>
      </c>
      <c r="CJ23" s="191">
        <v>56</v>
      </c>
      <c r="CK23" s="196">
        <v>145</v>
      </c>
      <c r="CL23" s="195">
        <v>157</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1">
        <v>0</v>
      </c>
      <c r="E24" s="192">
        <v>0</v>
      </c>
      <c r="F24" s="193">
        <v>0</v>
      </c>
      <c r="G24" s="191">
        <v>775</v>
      </c>
      <c r="H24" s="191">
        <v>1614</v>
      </c>
      <c r="I24" s="191">
        <v>683</v>
      </c>
      <c r="J24" s="191">
        <v>1914</v>
      </c>
      <c r="K24" s="191">
        <v>1995</v>
      </c>
      <c r="L24" s="194">
        <v>6981</v>
      </c>
      <c r="M24" s="195">
        <v>6981</v>
      </c>
      <c r="N24" s="190">
        <v>0</v>
      </c>
      <c r="O24" s="191">
        <v>0</v>
      </c>
      <c r="P24" s="196">
        <v>0</v>
      </c>
      <c r="Q24" s="193">
        <v>0</v>
      </c>
      <c r="R24" s="191">
        <v>13</v>
      </c>
      <c r="S24" s="191">
        <v>0</v>
      </c>
      <c r="T24" s="191">
        <v>8</v>
      </c>
      <c r="U24" s="191">
        <v>52</v>
      </c>
      <c r="V24" s="191">
        <v>133</v>
      </c>
      <c r="W24" s="196">
        <v>206</v>
      </c>
      <c r="X24" s="195">
        <v>206</v>
      </c>
      <c r="Y24" s="190">
        <v>37</v>
      </c>
      <c r="Z24" s="191">
        <v>114</v>
      </c>
      <c r="AA24" s="196">
        <v>151</v>
      </c>
      <c r="AB24" s="193">
        <v>0</v>
      </c>
      <c r="AC24" s="191">
        <v>449</v>
      </c>
      <c r="AD24" s="191">
        <v>726</v>
      </c>
      <c r="AE24" s="191">
        <v>267</v>
      </c>
      <c r="AF24" s="191">
        <v>535</v>
      </c>
      <c r="AG24" s="191">
        <v>358</v>
      </c>
      <c r="AH24" s="196">
        <v>2335</v>
      </c>
      <c r="AI24" s="195">
        <v>2486</v>
      </c>
      <c r="AJ24" s="190">
        <v>15</v>
      </c>
      <c r="AK24" s="191">
        <v>0</v>
      </c>
      <c r="AL24" s="196">
        <v>15</v>
      </c>
      <c r="AM24" s="193">
        <v>0</v>
      </c>
      <c r="AN24" s="191">
        <v>137</v>
      </c>
      <c r="AO24" s="191">
        <v>130</v>
      </c>
      <c r="AP24" s="191">
        <v>48</v>
      </c>
      <c r="AQ24" s="191">
        <v>79</v>
      </c>
      <c r="AR24" s="191">
        <v>24</v>
      </c>
      <c r="AS24" s="196">
        <v>418</v>
      </c>
      <c r="AT24" s="195">
        <v>433</v>
      </c>
      <c r="AU24" s="190">
        <v>0</v>
      </c>
      <c r="AV24" s="191">
        <v>0</v>
      </c>
      <c r="AW24" s="196">
        <v>0</v>
      </c>
      <c r="AX24" s="193">
        <v>0</v>
      </c>
      <c r="AY24" s="191">
        <v>953</v>
      </c>
      <c r="AZ24" s="191">
        <v>1318</v>
      </c>
      <c r="BA24" s="191">
        <v>935</v>
      </c>
      <c r="BB24" s="191">
        <v>379</v>
      </c>
      <c r="BC24" s="191">
        <v>150</v>
      </c>
      <c r="BD24" s="194">
        <v>3735</v>
      </c>
      <c r="BE24" s="195">
        <v>3735</v>
      </c>
      <c r="BF24" s="190">
        <v>0</v>
      </c>
      <c r="BG24" s="191">
        <v>0</v>
      </c>
      <c r="BH24" s="196">
        <v>0</v>
      </c>
      <c r="BI24" s="193">
        <v>0</v>
      </c>
      <c r="BJ24" s="191">
        <v>208</v>
      </c>
      <c r="BK24" s="191">
        <v>269</v>
      </c>
      <c r="BL24" s="191">
        <v>61</v>
      </c>
      <c r="BM24" s="191">
        <v>103</v>
      </c>
      <c r="BN24" s="191">
        <v>43</v>
      </c>
      <c r="BO24" s="196">
        <v>684</v>
      </c>
      <c r="BP24" s="195">
        <v>684</v>
      </c>
      <c r="BQ24" s="190">
        <v>0</v>
      </c>
      <c r="BR24" s="191">
        <v>5</v>
      </c>
      <c r="BS24" s="196">
        <v>5</v>
      </c>
      <c r="BT24" s="193">
        <v>0</v>
      </c>
      <c r="BU24" s="191">
        <v>54</v>
      </c>
      <c r="BV24" s="191">
        <v>113</v>
      </c>
      <c r="BW24" s="191">
        <v>287</v>
      </c>
      <c r="BX24" s="191">
        <v>319</v>
      </c>
      <c r="BY24" s="191">
        <v>143</v>
      </c>
      <c r="BZ24" s="196">
        <v>916</v>
      </c>
      <c r="CA24" s="195">
        <v>921</v>
      </c>
      <c r="CB24" s="190">
        <v>0</v>
      </c>
      <c r="CC24" s="191">
        <v>0</v>
      </c>
      <c r="CD24" s="196">
        <v>0</v>
      </c>
      <c r="CE24" s="193">
        <v>0</v>
      </c>
      <c r="CF24" s="191">
        <v>21</v>
      </c>
      <c r="CG24" s="191">
        <v>11</v>
      </c>
      <c r="CH24" s="191">
        <v>13</v>
      </c>
      <c r="CI24" s="191">
        <v>11</v>
      </c>
      <c r="CJ24" s="191">
        <v>27</v>
      </c>
      <c r="CK24" s="196">
        <v>83</v>
      </c>
      <c r="CL24" s="195">
        <v>83</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1">
        <v>0</v>
      </c>
      <c r="E25" s="192">
        <v>0</v>
      </c>
      <c r="F25" s="193">
        <v>0</v>
      </c>
      <c r="G25" s="191">
        <v>1958</v>
      </c>
      <c r="H25" s="191">
        <v>2669</v>
      </c>
      <c r="I25" s="191">
        <v>2675</v>
      </c>
      <c r="J25" s="191">
        <v>3688</v>
      </c>
      <c r="K25" s="191">
        <v>3538</v>
      </c>
      <c r="L25" s="194">
        <v>14528</v>
      </c>
      <c r="M25" s="195">
        <v>14528</v>
      </c>
      <c r="N25" s="190">
        <v>0</v>
      </c>
      <c r="O25" s="191">
        <v>0</v>
      </c>
      <c r="P25" s="196">
        <v>0</v>
      </c>
      <c r="Q25" s="193">
        <v>0</v>
      </c>
      <c r="R25" s="191">
        <v>0</v>
      </c>
      <c r="S25" s="191">
        <v>22</v>
      </c>
      <c r="T25" s="191">
        <v>20</v>
      </c>
      <c r="U25" s="191">
        <v>112</v>
      </c>
      <c r="V25" s="191">
        <v>141</v>
      </c>
      <c r="W25" s="196">
        <v>295</v>
      </c>
      <c r="X25" s="195">
        <v>295</v>
      </c>
      <c r="Y25" s="190">
        <v>263</v>
      </c>
      <c r="Z25" s="191">
        <v>711</v>
      </c>
      <c r="AA25" s="196">
        <v>974</v>
      </c>
      <c r="AB25" s="193">
        <v>0</v>
      </c>
      <c r="AC25" s="191">
        <v>1316</v>
      </c>
      <c r="AD25" s="191">
        <v>2155</v>
      </c>
      <c r="AE25" s="191">
        <v>1191</v>
      </c>
      <c r="AF25" s="191">
        <v>1221</v>
      </c>
      <c r="AG25" s="191">
        <v>687</v>
      </c>
      <c r="AH25" s="196">
        <v>6570</v>
      </c>
      <c r="AI25" s="195">
        <v>7544</v>
      </c>
      <c r="AJ25" s="190">
        <v>50</v>
      </c>
      <c r="AK25" s="191">
        <v>169</v>
      </c>
      <c r="AL25" s="196">
        <v>219</v>
      </c>
      <c r="AM25" s="193">
        <v>0</v>
      </c>
      <c r="AN25" s="191">
        <v>110</v>
      </c>
      <c r="AO25" s="191">
        <v>229</v>
      </c>
      <c r="AP25" s="191">
        <v>125</v>
      </c>
      <c r="AQ25" s="191">
        <v>107</v>
      </c>
      <c r="AR25" s="191">
        <v>18</v>
      </c>
      <c r="AS25" s="196">
        <v>589</v>
      </c>
      <c r="AT25" s="195">
        <v>808</v>
      </c>
      <c r="AU25" s="190">
        <v>0</v>
      </c>
      <c r="AV25" s="191">
        <v>0</v>
      </c>
      <c r="AW25" s="196">
        <v>0</v>
      </c>
      <c r="AX25" s="193">
        <v>0</v>
      </c>
      <c r="AY25" s="191">
        <v>2926</v>
      </c>
      <c r="AZ25" s="191">
        <v>2976</v>
      </c>
      <c r="BA25" s="191">
        <v>1799</v>
      </c>
      <c r="BB25" s="191">
        <v>785</v>
      </c>
      <c r="BC25" s="191">
        <v>392</v>
      </c>
      <c r="BD25" s="194">
        <v>8878</v>
      </c>
      <c r="BE25" s="195">
        <v>8878</v>
      </c>
      <c r="BF25" s="190">
        <v>0</v>
      </c>
      <c r="BG25" s="191">
        <v>0</v>
      </c>
      <c r="BH25" s="196">
        <v>0</v>
      </c>
      <c r="BI25" s="193">
        <v>0</v>
      </c>
      <c r="BJ25" s="191">
        <v>320</v>
      </c>
      <c r="BK25" s="191">
        <v>409</v>
      </c>
      <c r="BL25" s="191">
        <v>255</v>
      </c>
      <c r="BM25" s="191">
        <v>235</v>
      </c>
      <c r="BN25" s="191">
        <v>35</v>
      </c>
      <c r="BO25" s="196">
        <v>1254</v>
      </c>
      <c r="BP25" s="195">
        <v>1254</v>
      </c>
      <c r="BQ25" s="190">
        <v>0</v>
      </c>
      <c r="BR25" s="191">
        <v>2</v>
      </c>
      <c r="BS25" s="196">
        <v>2</v>
      </c>
      <c r="BT25" s="193">
        <v>0</v>
      </c>
      <c r="BU25" s="191">
        <v>369</v>
      </c>
      <c r="BV25" s="191">
        <v>408</v>
      </c>
      <c r="BW25" s="191">
        <v>703</v>
      </c>
      <c r="BX25" s="191">
        <v>526</v>
      </c>
      <c r="BY25" s="191">
        <v>116</v>
      </c>
      <c r="BZ25" s="196">
        <v>2122</v>
      </c>
      <c r="CA25" s="195">
        <v>2124</v>
      </c>
      <c r="CB25" s="190">
        <v>0</v>
      </c>
      <c r="CC25" s="191">
        <v>0</v>
      </c>
      <c r="CD25" s="196">
        <v>0</v>
      </c>
      <c r="CE25" s="193">
        <v>0</v>
      </c>
      <c r="CF25" s="191">
        <v>3</v>
      </c>
      <c r="CG25" s="191">
        <v>25</v>
      </c>
      <c r="CH25" s="191">
        <v>0</v>
      </c>
      <c r="CI25" s="191">
        <v>22</v>
      </c>
      <c r="CJ25" s="191">
        <v>23</v>
      </c>
      <c r="CK25" s="196">
        <v>73</v>
      </c>
      <c r="CL25" s="195">
        <v>73</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1">
        <v>0</v>
      </c>
      <c r="E26" s="192">
        <v>0</v>
      </c>
      <c r="F26" s="193">
        <v>0</v>
      </c>
      <c r="G26" s="191">
        <v>722</v>
      </c>
      <c r="H26" s="191">
        <v>1338</v>
      </c>
      <c r="I26" s="191">
        <v>1445</v>
      </c>
      <c r="J26" s="191">
        <v>2081</v>
      </c>
      <c r="K26" s="191">
        <v>1808</v>
      </c>
      <c r="L26" s="194">
        <v>7394</v>
      </c>
      <c r="M26" s="195">
        <v>7394</v>
      </c>
      <c r="N26" s="190">
        <v>0</v>
      </c>
      <c r="O26" s="191">
        <v>0</v>
      </c>
      <c r="P26" s="196">
        <v>0</v>
      </c>
      <c r="Q26" s="193">
        <v>0</v>
      </c>
      <c r="R26" s="191">
        <v>0</v>
      </c>
      <c r="S26" s="191">
        <v>7</v>
      </c>
      <c r="T26" s="191">
        <v>20</v>
      </c>
      <c r="U26" s="191">
        <v>34</v>
      </c>
      <c r="V26" s="191">
        <v>139</v>
      </c>
      <c r="W26" s="196">
        <v>200</v>
      </c>
      <c r="X26" s="195">
        <v>200</v>
      </c>
      <c r="Y26" s="190">
        <v>95</v>
      </c>
      <c r="Z26" s="191">
        <v>213</v>
      </c>
      <c r="AA26" s="196">
        <v>308</v>
      </c>
      <c r="AB26" s="193">
        <v>0</v>
      </c>
      <c r="AC26" s="191">
        <v>559</v>
      </c>
      <c r="AD26" s="191">
        <v>694</v>
      </c>
      <c r="AE26" s="191">
        <v>431</v>
      </c>
      <c r="AF26" s="191">
        <v>441</v>
      </c>
      <c r="AG26" s="191">
        <v>385</v>
      </c>
      <c r="AH26" s="196">
        <v>2510</v>
      </c>
      <c r="AI26" s="195">
        <v>2818</v>
      </c>
      <c r="AJ26" s="190">
        <v>4</v>
      </c>
      <c r="AK26" s="191">
        <v>8</v>
      </c>
      <c r="AL26" s="196">
        <v>12</v>
      </c>
      <c r="AM26" s="193">
        <v>0</v>
      </c>
      <c r="AN26" s="191">
        <v>34</v>
      </c>
      <c r="AO26" s="191">
        <v>50</v>
      </c>
      <c r="AP26" s="191">
        <v>34</v>
      </c>
      <c r="AQ26" s="191">
        <v>44</v>
      </c>
      <c r="AR26" s="191">
        <v>66</v>
      </c>
      <c r="AS26" s="196">
        <v>228</v>
      </c>
      <c r="AT26" s="195">
        <v>240</v>
      </c>
      <c r="AU26" s="190">
        <v>0</v>
      </c>
      <c r="AV26" s="191">
        <v>0</v>
      </c>
      <c r="AW26" s="196">
        <v>0</v>
      </c>
      <c r="AX26" s="193">
        <v>0</v>
      </c>
      <c r="AY26" s="191">
        <v>959</v>
      </c>
      <c r="AZ26" s="191">
        <v>921</v>
      </c>
      <c r="BA26" s="191">
        <v>445</v>
      </c>
      <c r="BB26" s="191">
        <v>261</v>
      </c>
      <c r="BC26" s="191">
        <v>100</v>
      </c>
      <c r="BD26" s="194">
        <v>2686</v>
      </c>
      <c r="BE26" s="195">
        <v>2686</v>
      </c>
      <c r="BF26" s="190">
        <v>0</v>
      </c>
      <c r="BG26" s="191">
        <v>0</v>
      </c>
      <c r="BH26" s="196">
        <v>0</v>
      </c>
      <c r="BI26" s="193">
        <v>0</v>
      </c>
      <c r="BJ26" s="191">
        <v>432</v>
      </c>
      <c r="BK26" s="191">
        <v>263</v>
      </c>
      <c r="BL26" s="191">
        <v>207</v>
      </c>
      <c r="BM26" s="191">
        <v>124</v>
      </c>
      <c r="BN26" s="191">
        <v>106</v>
      </c>
      <c r="BO26" s="196">
        <v>1132</v>
      </c>
      <c r="BP26" s="195">
        <v>1132</v>
      </c>
      <c r="BQ26" s="190">
        <v>35</v>
      </c>
      <c r="BR26" s="191">
        <v>6</v>
      </c>
      <c r="BS26" s="196">
        <v>41</v>
      </c>
      <c r="BT26" s="193">
        <v>0</v>
      </c>
      <c r="BU26" s="191">
        <v>108</v>
      </c>
      <c r="BV26" s="191">
        <v>252</v>
      </c>
      <c r="BW26" s="191">
        <v>204</v>
      </c>
      <c r="BX26" s="191">
        <v>264</v>
      </c>
      <c r="BY26" s="191">
        <v>96</v>
      </c>
      <c r="BZ26" s="196">
        <v>924</v>
      </c>
      <c r="CA26" s="195">
        <v>965</v>
      </c>
      <c r="CB26" s="190">
        <v>0</v>
      </c>
      <c r="CC26" s="191">
        <v>0</v>
      </c>
      <c r="CD26" s="196">
        <v>0</v>
      </c>
      <c r="CE26" s="193">
        <v>0</v>
      </c>
      <c r="CF26" s="191">
        <v>8</v>
      </c>
      <c r="CG26" s="191">
        <v>5</v>
      </c>
      <c r="CH26" s="191">
        <v>7</v>
      </c>
      <c r="CI26" s="191">
        <v>6</v>
      </c>
      <c r="CJ26" s="191">
        <v>4</v>
      </c>
      <c r="CK26" s="196">
        <v>30</v>
      </c>
      <c r="CL26" s="195">
        <v>30</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1">
        <v>0</v>
      </c>
      <c r="E27" s="192">
        <v>0</v>
      </c>
      <c r="F27" s="193">
        <v>0</v>
      </c>
      <c r="G27" s="191">
        <v>1561</v>
      </c>
      <c r="H27" s="191">
        <v>2124</v>
      </c>
      <c r="I27" s="191">
        <v>2312</v>
      </c>
      <c r="J27" s="191">
        <v>3014</v>
      </c>
      <c r="K27" s="191">
        <v>2468</v>
      </c>
      <c r="L27" s="194">
        <v>11479</v>
      </c>
      <c r="M27" s="195">
        <v>11479</v>
      </c>
      <c r="N27" s="190">
        <v>0</v>
      </c>
      <c r="O27" s="191">
        <v>0</v>
      </c>
      <c r="P27" s="196">
        <v>0</v>
      </c>
      <c r="Q27" s="193">
        <v>0</v>
      </c>
      <c r="R27" s="191">
        <v>12</v>
      </c>
      <c r="S27" s="191">
        <v>37</v>
      </c>
      <c r="T27" s="191">
        <v>49</v>
      </c>
      <c r="U27" s="191">
        <v>74</v>
      </c>
      <c r="V27" s="191">
        <v>73</v>
      </c>
      <c r="W27" s="196">
        <v>245</v>
      </c>
      <c r="X27" s="195">
        <v>245</v>
      </c>
      <c r="Y27" s="190">
        <v>125</v>
      </c>
      <c r="Z27" s="191">
        <v>391</v>
      </c>
      <c r="AA27" s="196">
        <v>516</v>
      </c>
      <c r="AB27" s="193">
        <v>0</v>
      </c>
      <c r="AC27" s="191">
        <v>628</v>
      </c>
      <c r="AD27" s="191">
        <v>1072</v>
      </c>
      <c r="AE27" s="191">
        <v>432</v>
      </c>
      <c r="AF27" s="191">
        <v>564</v>
      </c>
      <c r="AG27" s="191">
        <v>273</v>
      </c>
      <c r="AH27" s="196">
        <v>2969</v>
      </c>
      <c r="AI27" s="195">
        <v>3485</v>
      </c>
      <c r="AJ27" s="190">
        <v>12</v>
      </c>
      <c r="AK27" s="191">
        <v>46</v>
      </c>
      <c r="AL27" s="196">
        <v>58</v>
      </c>
      <c r="AM27" s="193">
        <v>0</v>
      </c>
      <c r="AN27" s="191">
        <v>6</v>
      </c>
      <c r="AO27" s="191">
        <v>221</v>
      </c>
      <c r="AP27" s="191">
        <v>36</v>
      </c>
      <c r="AQ27" s="191">
        <v>89</v>
      </c>
      <c r="AR27" s="191">
        <v>53</v>
      </c>
      <c r="AS27" s="196">
        <v>405</v>
      </c>
      <c r="AT27" s="195">
        <v>463</v>
      </c>
      <c r="AU27" s="190">
        <v>0</v>
      </c>
      <c r="AV27" s="191">
        <v>0</v>
      </c>
      <c r="AW27" s="196">
        <v>0</v>
      </c>
      <c r="AX27" s="193">
        <v>0</v>
      </c>
      <c r="AY27" s="191">
        <v>1210</v>
      </c>
      <c r="AZ27" s="191">
        <v>955</v>
      </c>
      <c r="BA27" s="191">
        <v>611</v>
      </c>
      <c r="BB27" s="191">
        <v>380</v>
      </c>
      <c r="BC27" s="191">
        <v>118</v>
      </c>
      <c r="BD27" s="194">
        <v>3274</v>
      </c>
      <c r="BE27" s="195">
        <v>3274</v>
      </c>
      <c r="BF27" s="190">
        <v>0</v>
      </c>
      <c r="BG27" s="191">
        <v>0</v>
      </c>
      <c r="BH27" s="196">
        <v>0</v>
      </c>
      <c r="BI27" s="193">
        <v>0</v>
      </c>
      <c r="BJ27" s="191">
        <v>243</v>
      </c>
      <c r="BK27" s="191">
        <v>474</v>
      </c>
      <c r="BL27" s="191">
        <v>175</v>
      </c>
      <c r="BM27" s="191">
        <v>129</v>
      </c>
      <c r="BN27" s="191">
        <v>13</v>
      </c>
      <c r="BO27" s="196">
        <v>1034</v>
      </c>
      <c r="BP27" s="195">
        <v>1034</v>
      </c>
      <c r="BQ27" s="190">
        <v>0</v>
      </c>
      <c r="BR27" s="191">
        <v>5</v>
      </c>
      <c r="BS27" s="196">
        <v>5</v>
      </c>
      <c r="BT27" s="193">
        <v>0</v>
      </c>
      <c r="BU27" s="191">
        <v>102</v>
      </c>
      <c r="BV27" s="191">
        <v>215</v>
      </c>
      <c r="BW27" s="191">
        <v>345</v>
      </c>
      <c r="BX27" s="191">
        <v>209</v>
      </c>
      <c r="BY27" s="191">
        <v>120</v>
      </c>
      <c r="BZ27" s="196">
        <v>991</v>
      </c>
      <c r="CA27" s="195">
        <v>996</v>
      </c>
      <c r="CB27" s="190">
        <v>0</v>
      </c>
      <c r="CC27" s="191">
        <v>0</v>
      </c>
      <c r="CD27" s="196">
        <v>0</v>
      </c>
      <c r="CE27" s="193">
        <v>0</v>
      </c>
      <c r="CF27" s="191">
        <v>0</v>
      </c>
      <c r="CG27" s="191">
        <v>44</v>
      </c>
      <c r="CH27" s="191">
        <v>55</v>
      </c>
      <c r="CI27" s="191">
        <v>13</v>
      </c>
      <c r="CJ27" s="191">
        <v>0</v>
      </c>
      <c r="CK27" s="196">
        <v>112</v>
      </c>
      <c r="CL27" s="195">
        <v>112</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1">
        <v>0</v>
      </c>
      <c r="E28" s="192">
        <v>0</v>
      </c>
      <c r="F28" s="193">
        <v>0</v>
      </c>
      <c r="G28" s="191">
        <v>641</v>
      </c>
      <c r="H28" s="191">
        <v>1689</v>
      </c>
      <c r="I28" s="191">
        <v>1353</v>
      </c>
      <c r="J28" s="191">
        <v>1054</v>
      </c>
      <c r="K28" s="191">
        <v>1692</v>
      </c>
      <c r="L28" s="194">
        <v>6429</v>
      </c>
      <c r="M28" s="195">
        <v>6429</v>
      </c>
      <c r="N28" s="190">
        <v>0</v>
      </c>
      <c r="O28" s="191">
        <v>0</v>
      </c>
      <c r="P28" s="196">
        <v>0</v>
      </c>
      <c r="Q28" s="193">
        <v>0</v>
      </c>
      <c r="R28" s="191">
        <v>0</v>
      </c>
      <c r="S28" s="191">
        <v>9</v>
      </c>
      <c r="T28" s="191">
        <v>15</v>
      </c>
      <c r="U28" s="191">
        <v>50</v>
      </c>
      <c r="V28" s="191">
        <v>81</v>
      </c>
      <c r="W28" s="196">
        <v>155</v>
      </c>
      <c r="X28" s="195">
        <v>155</v>
      </c>
      <c r="Y28" s="190">
        <v>84</v>
      </c>
      <c r="Z28" s="191">
        <v>113</v>
      </c>
      <c r="AA28" s="196">
        <v>197</v>
      </c>
      <c r="AB28" s="193">
        <v>0</v>
      </c>
      <c r="AC28" s="191">
        <v>514</v>
      </c>
      <c r="AD28" s="191">
        <v>741</v>
      </c>
      <c r="AE28" s="191">
        <v>382</v>
      </c>
      <c r="AF28" s="191">
        <v>412</v>
      </c>
      <c r="AG28" s="191">
        <v>450</v>
      </c>
      <c r="AH28" s="196">
        <v>2499</v>
      </c>
      <c r="AI28" s="195">
        <v>2696</v>
      </c>
      <c r="AJ28" s="190">
        <v>22</v>
      </c>
      <c r="AK28" s="191">
        <v>16</v>
      </c>
      <c r="AL28" s="196">
        <v>38</v>
      </c>
      <c r="AM28" s="193">
        <v>0</v>
      </c>
      <c r="AN28" s="191">
        <v>39</v>
      </c>
      <c r="AO28" s="191">
        <v>53</v>
      </c>
      <c r="AP28" s="191">
        <v>83</v>
      </c>
      <c r="AQ28" s="191">
        <v>21</v>
      </c>
      <c r="AR28" s="191">
        <v>41</v>
      </c>
      <c r="AS28" s="196">
        <v>237</v>
      </c>
      <c r="AT28" s="195">
        <v>275</v>
      </c>
      <c r="AU28" s="190">
        <v>0</v>
      </c>
      <c r="AV28" s="191">
        <v>0</v>
      </c>
      <c r="AW28" s="196">
        <v>0</v>
      </c>
      <c r="AX28" s="193">
        <v>0</v>
      </c>
      <c r="AY28" s="191">
        <v>989</v>
      </c>
      <c r="AZ28" s="191">
        <v>980</v>
      </c>
      <c r="BA28" s="191">
        <v>472</v>
      </c>
      <c r="BB28" s="191">
        <v>318</v>
      </c>
      <c r="BC28" s="191">
        <v>165</v>
      </c>
      <c r="BD28" s="194">
        <v>2924</v>
      </c>
      <c r="BE28" s="195">
        <v>2924</v>
      </c>
      <c r="BF28" s="190">
        <v>0</v>
      </c>
      <c r="BG28" s="191">
        <v>0</v>
      </c>
      <c r="BH28" s="196">
        <v>0</v>
      </c>
      <c r="BI28" s="193">
        <v>0</v>
      </c>
      <c r="BJ28" s="191">
        <v>138</v>
      </c>
      <c r="BK28" s="191">
        <v>241</v>
      </c>
      <c r="BL28" s="191">
        <v>126</v>
      </c>
      <c r="BM28" s="191">
        <v>69</v>
      </c>
      <c r="BN28" s="191">
        <v>39</v>
      </c>
      <c r="BO28" s="196">
        <v>613</v>
      </c>
      <c r="BP28" s="195">
        <v>613</v>
      </c>
      <c r="BQ28" s="190">
        <v>1</v>
      </c>
      <c r="BR28" s="191">
        <v>10</v>
      </c>
      <c r="BS28" s="196">
        <v>11</v>
      </c>
      <c r="BT28" s="193">
        <v>0</v>
      </c>
      <c r="BU28" s="191">
        <v>84</v>
      </c>
      <c r="BV28" s="191">
        <v>200</v>
      </c>
      <c r="BW28" s="191">
        <v>348</v>
      </c>
      <c r="BX28" s="191">
        <v>300</v>
      </c>
      <c r="BY28" s="191">
        <v>218</v>
      </c>
      <c r="BZ28" s="196">
        <v>1150</v>
      </c>
      <c r="CA28" s="195">
        <v>1161</v>
      </c>
      <c r="CB28" s="190">
        <v>0</v>
      </c>
      <c r="CC28" s="191">
        <v>0</v>
      </c>
      <c r="CD28" s="196">
        <v>0</v>
      </c>
      <c r="CE28" s="193">
        <v>0</v>
      </c>
      <c r="CF28" s="191">
        <v>10</v>
      </c>
      <c r="CG28" s="191">
        <v>29</v>
      </c>
      <c r="CH28" s="191">
        <v>10</v>
      </c>
      <c r="CI28" s="191">
        <v>17</v>
      </c>
      <c r="CJ28" s="191">
        <v>13</v>
      </c>
      <c r="CK28" s="196">
        <v>79</v>
      </c>
      <c r="CL28" s="195">
        <v>79</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1">
        <v>0</v>
      </c>
      <c r="E29" s="192">
        <v>0</v>
      </c>
      <c r="F29" s="193">
        <v>0</v>
      </c>
      <c r="G29" s="191">
        <v>645</v>
      </c>
      <c r="H29" s="191">
        <v>1087</v>
      </c>
      <c r="I29" s="191">
        <v>1100</v>
      </c>
      <c r="J29" s="191">
        <v>1301</v>
      </c>
      <c r="K29" s="191">
        <v>1304</v>
      </c>
      <c r="L29" s="194">
        <v>5437</v>
      </c>
      <c r="M29" s="195">
        <v>5437</v>
      </c>
      <c r="N29" s="190">
        <v>0</v>
      </c>
      <c r="O29" s="191">
        <v>0</v>
      </c>
      <c r="P29" s="196">
        <v>0</v>
      </c>
      <c r="Q29" s="193">
        <v>0</v>
      </c>
      <c r="R29" s="191">
        <v>5</v>
      </c>
      <c r="S29" s="191">
        <v>25</v>
      </c>
      <c r="T29" s="191">
        <v>27</v>
      </c>
      <c r="U29" s="191">
        <v>35</v>
      </c>
      <c r="V29" s="191">
        <v>102</v>
      </c>
      <c r="W29" s="196">
        <v>194</v>
      </c>
      <c r="X29" s="195">
        <v>194</v>
      </c>
      <c r="Y29" s="190">
        <v>142</v>
      </c>
      <c r="Z29" s="191">
        <v>431</v>
      </c>
      <c r="AA29" s="196">
        <v>573</v>
      </c>
      <c r="AB29" s="193">
        <v>0</v>
      </c>
      <c r="AC29" s="191">
        <v>255</v>
      </c>
      <c r="AD29" s="191">
        <v>547</v>
      </c>
      <c r="AE29" s="191">
        <v>368</v>
      </c>
      <c r="AF29" s="191">
        <v>362</v>
      </c>
      <c r="AG29" s="191">
        <v>283</v>
      </c>
      <c r="AH29" s="196">
        <v>1815</v>
      </c>
      <c r="AI29" s="195">
        <v>2388</v>
      </c>
      <c r="AJ29" s="190">
        <v>21</v>
      </c>
      <c r="AK29" s="191">
        <v>28</v>
      </c>
      <c r="AL29" s="196">
        <v>49</v>
      </c>
      <c r="AM29" s="193">
        <v>0</v>
      </c>
      <c r="AN29" s="191">
        <v>15</v>
      </c>
      <c r="AO29" s="191">
        <v>0</v>
      </c>
      <c r="AP29" s="191">
        <v>24</v>
      </c>
      <c r="AQ29" s="191">
        <v>6</v>
      </c>
      <c r="AR29" s="191">
        <v>28</v>
      </c>
      <c r="AS29" s="196">
        <v>73</v>
      </c>
      <c r="AT29" s="195">
        <v>122</v>
      </c>
      <c r="AU29" s="190">
        <v>0</v>
      </c>
      <c r="AV29" s="191">
        <v>0</v>
      </c>
      <c r="AW29" s="196">
        <v>0</v>
      </c>
      <c r="AX29" s="193">
        <v>0</v>
      </c>
      <c r="AY29" s="191">
        <v>1040</v>
      </c>
      <c r="AZ29" s="191">
        <v>560</v>
      </c>
      <c r="BA29" s="191">
        <v>388</v>
      </c>
      <c r="BB29" s="191">
        <v>348</v>
      </c>
      <c r="BC29" s="191">
        <v>76</v>
      </c>
      <c r="BD29" s="194">
        <v>2412</v>
      </c>
      <c r="BE29" s="195">
        <v>2412</v>
      </c>
      <c r="BF29" s="190">
        <v>0</v>
      </c>
      <c r="BG29" s="191">
        <v>0</v>
      </c>
      <c r="BH29" s="196">
        <v>0</v>
      </c>
      <c r="BI29" s="193">
        <v>0</v>
      </c>
      <c r="BJ29" s="191">
        <v>181</v>
      </c>
      <c r="BK29" s="191">
        <v>236</v>
      </c>
      <c r="BL29" s="191">
        <v>163</v>
      </c>
      <c r="BM29" s="191">
        <v>34</v>
      </c>
      <c r="BN29" s="191">
        <v>64</v>
      </c>
      <c r="BO29" s="196">
        <v>678</v>
      </c>
      <c r="BP29" s="195">
        <v>678</v>
      </c>
      <c r="BQ29" s="190">
        <v>0</v>
      </c>
      <c r="BR29" s="191">
        <v>0</v>
      </c>
      <c r="BS29" s="196">
        <v>0</v>
      </c>
      <c r="BT29" s="193">
        <v>0</v>
      </c>
      <c r="BU29" s="191">
        <v>152</v>
      </c>
      <c r="BV29" s="191">
        <v>75</v>
      </c>
      <c r="BW29" s="191">
        <v>120</v>
      </c>
      <c r="BX29" s="191">
        <v>117</v>
      </c>
      <c r="BY29" s="191">
        <v>50</v>
      </c>
      <c r="BZ29" s="196">
        <v>514</v>
      </c>
      <c r="CA29" s="195">
        <v>514</v>
      </c>
      <c r="CB29" s="190">
        <v>2</v>
      </c>
      <c r="CC29" s="191">
        <v>3</v>
      </c>
      <c r="CD29" s="196">
        <v>5</v>
      </c>
      <c r="CE29" s="193">
        <v>0</v>
      </c>
      <c r="CF29" s="191">
        <v>20</v>
      </c>
      <c r="CG29" s="191">
        <v>10</v>
      </c>
      <c r="CH29" s="191">
        <v>5</v>
      </c>
      <c r="CI29" s="191">
        <v>4</v>
      </c>
      <c r="CJ29" s="191">
        <v>0</v>
      </c>
      <c r="CK29" s="196">
        <v>39</v>
      </c>
      <c r="CL29" s="195">
        <v>44</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1">
        <v>0</v>
      </c>
      <c r="E30" s="192">
        <v>0</v>
      </c>
      <c r="F30" s="193">
        <v>0</v>
      </c>
      <c r="G30" s="191">
        <v>115</v>
      </c>
      <c r="H30" s="191">
        <v>187</v>
      </c>
      <c r="I30" s="191">
        <v>112</v>
      </c>
      <c r="J30" s="191">
        <v>87</v>
      </c>
      <c r="K30" s="191">
        <v>330</v>
      </c>
      <c r="L30" s="194">
        <v>831</v>
      </c>
      <c r="M30" s="195">
        <v>831</v>
      </c>
      <c r="N30" s="190">
        <v>0</v>
      </c>
      <c r="O30" s="191">
        <v>0</v>
      </c>
      <c r="P30" s="196">
        <v>0</v>
      </c>
      <c r="Q30" s="193">
        <v>0</v>
      </c>
      <c r="R30" s="191">
        <v>0</v>
      </c>
      <c r="S30" s="191">
        <v>0</v>
      </c>
      <c r="T30" s="191">
        <v>14</v>
      </c>
      <c r="U30" s="191">
        <v>9</v>
      </c>
      <c r="V30" s="191">
        <v>25</v>
      </c>
      <c r="W30" s="196">
        <v>48</v>
      </c>
      <c r="X30" s="195">
        <v>48</v>
      </c>
      <c r="Y30" s="190">
        <v>4</v>
      </c>
      <c r="Z30" s="191">
        <v>22</v>
      </c>
      <c r="AA30" s="196">
        <v>26</v>
      </c>
      <c r="AB30" s="193">
        <v>0</v>
      </c>
      <c r="AC30" s="191">
        <v>42</v>
      </c>
      <c r="AD30" s="191">
        <v>100</v>
      </c>
      <c r="AE30" s="191">
        <v>72</v>
      </c>
      <c r="AF30" s="191">
        <v>116</v>
      </c>
      <c r="AG30" s="191">
        <v>79</v>
      </c>
      <c r="AH30" s="196">
        <v>409</v>
      </c>
      <c r="AI30" s="195">
        <v>435</v>
      </c>
      <c r="AJ30" s="190">
        <v>0</v>
      </c>
      <c r="AK30" s="191">
        <v>0</v>
      </c>
      <c r="AL30" s="196">
        <v>0</v>
      </c>
      <c r="AM30" s="193">
        <v>0</v>
      </c>
      <c r="AN30" s="191">
        <v>10</v>
      </c>
      <c r="AO30" s="191">
        <v>0</v>
      </c>
      <c r="AP30" s="191">
        <v>18</v>
      </c>
      <c r="AQ30" s="191">
        <v>0</v>
      </c>
      <c r="AR30" s="191">
        <v>16</v>
      </c>
      <c r="AS30" s="196">
        <v>44</v>
      </c>
      <c r="AT30" s="195">
        <v>44</v>
      </c>
      <c r="AU30" s="190">
        <v>0</v>
      </c>
      <c r="AV30" s="191">
        <v>0</v>
      </c>
      <c r="AW30" s="196">
        <v>0</v>
      </c>
      <c r="AX30" s="193">
        <v>0</v>
      </c>
      <c r="AY30" s="191">
        <v>246</v>
      </c>
      <c r="AZ30" s="191">
        <v>390</v>
      </c>
      <c r="BA30" s="191">
        <v>233</v>
      </c>
      <c r="BB30" s="191">
        <v>149</v>
      </c>
      <c r="BC30" s="191">
        <v>70</v>
      </c>
      <c r="BD30" s="194">
        <v>1088</v>
      </c>
      <c r="BE30" s="195">
        <v>1088</v>
      </c>
      <c r="BF30" s="190">
        <v>0</v>
      </c>
      <c r="BG30" s="191">
        <v>0</v>
      </c>
      <c r="BH30" s="196">
        <v>0</v>
      </c>
      <c r="BI30" s="193">
        <v>0</v>
      </c>
      <c r="BJ30" s="191">
        <v>84</v>
      </c>
      <c r="BK30" s="191">
        <v>123</v>
      </c>
      <c r="BL30" s="191">
        <v>40</v>
      </c>
      <c r="BM30" s="191">
        <v>77</v>
      </c>
      <c r="BN30" s="191">
        <v>32</v>
      </c>
      <c r="BO30" s="196">
        <v>356</v>
      </c>
      <c r="BP30" s="195">
        <v>356</v>
      </c>
      <c r="BQ30" s="190">
        <v>0</v>
      </c>
      <c r="BR30" s="191">
        <v>0</v>
      </c>
      <c r="BS30" s="196">
        <v>0</v>
      </c>
      <c r="BT30" s="193">
        <v>0</v>
      </c>
      <c r="BU30" s="191">
        <v>4</v>
      </c>
      <c r="BV30" s="191">
        <v>63</v>
      </c>
      <c r="BW30" s="191">
        <v>10</v>
      </c>
      <c r="BX30" s="191">
        <v>67</v>
      </c>
      <c r="BY30" s="191">
        <v>22</v>
      </c>
      <c r="BZ30" s="196">
        <v>166</v>
      </c>
      <c r="CA30" s="195">
        <v>166</v>
      </c>
      <c r="CB30" s="190">
        <v>0</v>
      </c>
      <c r="CC30" s="191">
        <v>0</v>
      </c>
      <c r="CD30" s="196">
        <v>0</v>
      </c>
      <c r="CE30" s="193">
        <v>0</v>
      </c>
      <c r="CF30" s="191">
        <v>3</v>
      </c>
      <c r="CG30" s="191">
        <v>17</v>
      </c>
      <c r="CH30" s="191">
        <v>13</v>
      </c>
      <c r="CI30" s="191">
        <v>5</v>
      </c>
      <c r="CJ30" s="191">
        <v>5</v>
      </c>
      <c r="CK30" s="196">
        <v>43</v>
      </c>
      <c r="CL30" s="195">
        <v>43</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1">
        <v>0</v>
      </c>
      <c r="E31" s="192">
        <v>0</v>
      </c>
      <c r="F31" s="193">
        <v>0</v>
      </c>
      <c r="G31" s="191">
        <v>256</v>
      </c>
      <c r="H31" s="191">
        <v>421</v>
      </c>
      <c r="I31" s="191">
        <v>145</v>
      </c>
      <c r="J31" s="191">
        <v>-349</v>
      </c>
      <c r="K31" s="191">
        <v>683</v>
      </c>
      <c r="L31" s="194">
        <v>1156</v>
      </c>
      <c r="M31" s="195">
        <v>1156</v>
      </c>
      <c r="N31" s="190">
        <v>0</v>
      </c>
      <c r="O31" s="191">
        <v>0</v>
      </c>
      <c r="P31" s="196">
        <v>0</v>
      </c>
      <c r="Q31" s="193">
        <v>0</v>
      </c>
      <c r="R31" s="191">
        <v>0</v>
      </c>
      <c r="S31" s="191">
        <v>0</v>
      </c>
      <c r="T31" s="191">
        <v>0</v>
      </c>
      <c r="U31" s="191">
        <v>11</v>
      </c>
      <c r="V31" s="191">
        <v>42</v>
      </c>
      <c r="W31" s="196">
        <v>53</v>
      </c>
      <c r="X31" s="195">
        <v>53</v>
      </c>
      <c r="Y31" s="190">
        <v>9</v>
      </c>
      <c r="Z31" s="191">
        <v>41</v>
      </c>
      <c r="AA31" s="196">
        <v>50</v>
      </c>
      <c r="AB31" s="193">
        <v>0</v>
      </c>
      <c r="AC31" s="191">
        <v>148</v>
      </c>
      <c r="AD31" s="191">
        <v>261</v>
      </c>
      <c r="AE31" s="191">
        <v>207</v>
      </c>
      <c r="AF31" s="191">
        <v>140</v>
      </c>
      <c r="AG31" s="191">
        <v>119</v>
      </c>
      <c r="AH31" s="196">
        <v>875</v>
      </c>
      <c r="AI31" s="195">
        <v>925</v>
      </c>
      <c r="AJ31" s="190">
        <v>0</v>
      </c>
      <c r="AK31" s="191">
        <v>39</v>
      </c>
      <c r="AL31" s="196">
        <v>39</v>
      </c>
      <c r="AM31" s="193">
        <v>0</v>
      </c>
      <c r="AN31" s="191">
        <v>69</v>
      </c>
      <c r="AO31" s="191">
        <v>57</v>
      </c>
      <c r="AP31" s="191">
        <v>36</v>
      </c>
      <c r="AQ31" s="191">
        <v>42</v>
      </c>
      <c r="AR31" s="191">
        <v>0</v>
      </c>
      <c r="AS31" s="196">
        <v>204</v>
      </c>
      <c r="AT31" s="195">
        <v>243</v>
      </c>
      <c r="AU31" s="190">
        <v>0</v>
      </c>
      <c r="AV31" s="191">
        <v>0</v>
      </c>
      <c r="AW31" s="196">
        <v>0</v>
      </c>
      <c r="AX31" s="193">
        <v>0</v>
      </c>
      <c r="AY31" s="191">
        <v>337</v>
      </c>
      <c r="AZ31" s="191">
        <v>369</v>
      </c>
      <c r="BA31" s="191">
        <v>364</v>
      </c>
      <c r="BB31" s="191">
        <v>186</v>
      </c>
      <c r="BC31" s="191">
        <v>60</v>
      </c>
      <c r="BD31" s="194">
        <v>1316</v>
      </c>
      <c r="BE31" s="195">
        <v>1316</v>
      </c>
      <c r="BF31" s="190">
        <v>0</v>
      </c>
      <c r="BG31" s="191">
        <v>0</v>
      </c>
      <c r="BH31" s="196">
        <v>0</v>
      </c>
      <c r="BI31" s="193">
        <v>0</v>
      </c>
      <c r="BJ31" s="191">
        <v>59</v>
      </c>
      <c r="BK31" s="191">
        <v>105</v>
      </c>
      <c r="BL31" s="191">
        <v>147</v>
      </c>
      <c r="BM31" s="191">
        <v>21</v>
      </c>
      <c r="BN31" s="191">
        <v>12</v>
      </c>
      <c r="BO31" s="196">
        <v>344</v>
      </c>
      <c r="BP31" s="195">
        <v>344</v>
      </c>
      <c r="BQ31" s="190">
        <v>0</v>
      </c>
      <c r="BR31" s="191">
        <v>2</v>
      </c>
      <c r="BS31" s="196">
        <v>2</v>
      </c>
      <c r="BT31" s="193">
        <v>0</v>
      </c>
      <c r="BU31" s="191">
        <v>21</v>
      </c>
      <c r="BV31" s="191">
        <v>68</v>
      </c>
      <c r="BW31" s="191">
        <v>121</v>
      </c>
      <c r="BX31" s="191">
        <v>132</v>
      </c>
      <c r="BY31" s="191">
        <v>73</v>
      </c>
      <c r="BZ31" s="196">
        <v>415</v>
      </c>
      <c r="CA31" s="195">
        <v>417</v>
      </c>
      <c r="CB31" s="190">
        <v>0</v>
      </c>
      <c r="CC31" s="191">
        <v>0</v>
      </c>
      <c r="CD31" s="196">
        <v>0</v>
      </c>
      <c r="CE31" s="193">
        <v>0</v>
      </c>
      <c r="CF31" s="191">
        <v>0</v>
      </c>
      <c r="CG31" s="191">
        <v>2</v>
      </c>
      <c r="CH31" s="191">
        <v>21</v>
      </c>
      <c r="CI31" s="191">
        <v>8</v>
      </c>
      <c r="CJ31" s="191">
        <v>0</v>
      </c>
      <c r="CK31" s="196">
        <v>31</v>
      </c>
      <c r="CL31" s="195">
        <v>31</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1">
        <v>0</v>
      </c>
      <c r="E32" s="192">
        <v>0</v>
      </c>
      <c r="F32" s="193">
        <v>0</v>
      </c>
      <c r="G32" s="191">
        <v>366</v>
      </c>
      <c r="H32" s="191">
        <v>258</v>
      </c>
      <c r="I32" s="191">
        <v>554</v>
      </c>
      <c r="J32" s="191">
        <v>575</v>
      </c>
      <c r="K32" s="191">
        <v>509</v>
      </c>
      <c r="L32" s="194">
        <v>2262</v>
      </c>
      <c r="M32" s="195">
        <v>2262</v>
      </c>
      <c r="N32" s="190">
        <v>0</v>
      </c>
      <c r="O32" s="191">
        <v>0</v>
      </c>
      <c r="P32" s="196">
        <v>0</v>
      </c>
      <c r="Q32" s="193">
        <v>0</v>
      </c>
      <c r="R32" s="191">
        <v>5</v>
      </c>
      <c r="S32" s="191">
        <v>2</v>
      </c>
      <c r="T32" s="191">
        <v>15</v>
      </c>
      <c r="U32" s="191">
        <v>30</v>
      </c>
      <c r="V32" s="191">
        <v>12</v>
      </c>
      <c r="W32" s="196">
        <v>64</v>
      </c>
      <c r="X32" s="195">
        <v>64</v>
      </c>
      <c r="Y32" s="190">
        <v>23</v>
      </c>
      <c r="Z32" s="191">
        <v>59</v>
      </c>
      <c r="AA32" s="196">
        <v>82</v>
      </c>
      <c r="AB32" s="193">
        <v>0</v>
      </c>
      <c r="AC32" s="191">
        <v>288</v>
      </c>
      <c r="AD32" s="191">
        <v>173</v>
      </c>
      <c r="AE32" s="191">
        <v>121</v>
      </c>
      <c r="AF32" s="191">
        <v>100</v>
      </c>
      <c r="AG32" s="191">
        <v>42</v>
      </c>
      <c r="AH32" s="196">
        <v>724</v>
      </c>
      <c r="AI32" s="195">
        <v>806</v>
      </c>
      <c r="AJ32" s="190">
        <v>9</v>
      </c>
      <c r="AK32" s="191">
        <v>0</v>
      </c>
      <c r="AL32" s="196">
        <v>9</v>
      </c>
      <c r="AM32" s="193">
        <v>0</v>
      </c>
      <c r="AN32" s="191">
        <v>39</v>
      </c>
      <c r="AO32" s="191">
        <v>43</v>
      </c>
      <c r="AP32" s="191">
        <v>60</v>
      </c>
      <c r="AQ32" s="191">
        <v>0</v>
      </c>
      <c r="AR32" s="191">
        <v>0</v>
      </c>
      <c r="AS32" s="196">
        <v>142</v>
      </c>
      <c r="AT32" s="195">
        <v>151</v>
      </c>
      <c r="AU32" s="190">
        <v>0</v>
      </c>
      <c r="AV32" s="191">
        <v>0</v>
      </c>
      <c r="AW32" s="196">
        <v>0</v>
      </c>
      <c r="AX32" s="193">
        <v>0</v>
      </c>
      <c r="AY32" s="191">
        <v>353</v>
      </c>
      <c r="AZ32" s="191">
        <v>250</v>
      </c>
      <c r="BA32" s="191">
        <v>197</v>
      </c>
      <c r="BB32" s="191">
        <v>125</v>
      </c>
      <c r="BC32" s="191">
        <v>15</v>
      </c>
      <c r="BD32" s="194">
        <v>940</v>
      </c>
      <c r="BE32" s="195">
        <v>940</v>
      </c>
      <c r="BF32" s="190">
        <v>0</v>
      </c>
      <c r="BG32" s="191">
        <v>0</v>
      </c>
      <c r="BH32" s="196">
        <v>0</v>
      </c>
      <c r="BI32" s="193">
        <v>0</v>
      </c>
      <c r="BJ32" s="191">
        <v>55</v>
      </c>
      <c r="BK32" s="191">
        <v>75</v>
      </c>
      <c r="BL32" s="191">
        <v>25</v>
      </c>
      <c r="BM32" s="191">
        <v>29</v>
      </c>
      <c r="BN32" s="191">
        <v>9</v>
      </c>
      <c r="BO32" s="196">
        <v>193</v>
      </c>
      <c r="BP32" s="195">
        <v>193</v>
      </c>
      <c r="BQ32" s="190">
        <v>0</v>
      </c>
      <c r="BR32" s="191">
        <v>21</v>
      </c>
      <c r="BS32" s="196">
        <v>21</v>
      </c>
      <c r="BT32" s="193">
        <v>0</v>
      </c>
      <c r="BU32" s="191">
        <v>33</v>
      </c>
      <c r="BV32" s="191">
        <v>90</v>
      </c>
      <c r="BW32" s="191">
        <v>120</v>
      </c>
      <c r="BX32" s="191">
        <v>13</v>
      </c>
      <c r="BY32" s="191">
        <v>11</v>
      </c>
      <c r="BZ32" s="196">
        <v>267</v>
      </c>
      <c r="CA32" s="195">
        <v>288</v>
      </c>
      <c r="CB32" s="190">
        <v>0</v>
      </c>
      <c r="CC32" s="191">
        <v>0</v>
      </c>
      <c r="CD32" s="196">
        <v>0</v>
      </c>
      <c r="CE32" s="193">
        <v>0</v>
      </c>
      <c r="CF32" s="191">
        <v>4</v>
      </c>
      <c r="CG32" s="191">
        <v>6</v>
      </c>
      <c r="CH32" s="191">
        <v>0</v>
      </c>
      <c r="CI32" s="191">
        <v>0</v>
      </c>
      <c r="CJ32" s="191">
        <v>0</v>
      </c>
      <c r="CK32" s="196">
        <v>10</v>
      </c>
      <c r="CL32" s="195">
        <v>10</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1">
        <v>0</v>
      </c>
      <c r="E33" s="192">
        <v>0</v>
      </c>
      <c r="F33" s="193">
        <v>0</v>
      </c>
      <c r="G33" s="191">
        <v>113</v>
      </c>
      <c r="H33" s="191">
        <v>227</v>
      </c>
      <c r="I33" s="191">
        <v>292</v>
      </c>
      <c r="J33" s="191">
        <v>336</v>
      </c>
      <c r="K33" s="191">
        <v>184</v>
      </c>
      <c r="L33" s="194">
        <v>1152</v>
      </c>
      <c r="M33" s="195">
        <v>1152</v>
      </c>
      <c r="N33" s="190">
        <v>0</v>
      </c>
      <c r="O33" s="191">
        <v>0</v>
      </c>
      <c r="P33" s="196">
        <v>0</v>
      </c>
      <c r="Q33" s="193">
        <v>0</v>
      </c>
      <c r="R33" s="191">
        <v>13</v>
      </c>
      <c r="S33" s="191">
        <v>14</v>
      </c>
      <c r="T33" s="191">
        <v>7</v>
      </c>
      <c r="U33" s="191">
        <v>23</v>
      </c>
      <c r="V33" s="191">
        <v>34</v>
      </c>
      <c r="W33" s="196">
        <v>91</v>
      </c>
      <c r="X33" s="195">
        <v>91</v>
      </c>
      <c r="Y33" s="190">
        <v>13</v>
      </c>
      <c r="Z33" s="191">
        <v>27</v>
      </c>
      <c r="AA33" s="196">
        <v>40</v>
      </c>
      <c r="AB33" s="193">
        <v>0</v>
      </c>
      <c r="AC33" s="191">
        <v>160</v>
      </c>
      <c r="AD33" s="191">
        <v>136</v>
      </c>
      <c r="AE33" s="191">
        <v>151</v>
      </c>
      <c r="AF33" s="191">
        <v>143</v>
      </c>
      <c r="AG33" s="191">
        <v>73</v>
      </c>
      <c r="AH33" s="196">
        <v>663</v>
      </c>
      <c r="AI33" s="195">
        <v>703</v>
      </c>
      <c r="AJ33" s="190">
        <v>24</v>
      </c>
      <c r="AK33" s="191">
        <v>36</v>
      </c>
      <c r="AL33" s="196">
        <v>60</v>
      </c>
      <c r="AM33" s="193">
        <v>0</v>
      </c>
      <c r="AN33" s="191">
        <v>77</v>
      </c>
      <c r="AO33" s="191">
        <v>30</v>
      </c>
      <c r="AP33" s="191">
        <v>15</v>
      </c>
      <c r="AQ33" s="191">
        <v>48</v>
      </c>
      <c r="AR33" s="191">
        <v>0</v>
      </c>
      <c r="AS33" s="196">
        <v>170</v>
      </c>
      <c r="AT33" s="195">
        <v>230</v>
      </c>
      <c r="AU33" s="190">
        <v>0</v>
      </c>
      <c r="AV33" s="191">
        <v>0</v>
      </c>
      <c r="AW33" s="196">
        <v>0</v>
      </c>
      <c r="AX33" s="193">
        <v>0</v>
      </c>
      <c r="AY33" s="191">
        <v>441</v>
      </c>
      <c r="AZ33" s="191">
        <v>394</v>
      </c>
      <c r="BA33" s="191">
        <v>200</v>
      </c>
      <c r="BB33" s="191">
        <v>68</v>
      </c>
      <c r="BC33" s="191">
        <v>75</v>
      </c>
      <c r="BD33" s="194">
        <v>1178</v>
      </c>
      <c r="BE33" s="195">
        <v>1178</v>
      </c>
      <c r="BF33" s="190">
        <v>0</v>
      </c>
      <c r="BG33" s="191">
        <v>0</v>
      </c>
      <c r="BH33" s="196">
        <v>0</v>
      </c>
      <c r="BI33" s="193">
        <v>0</v>
      </c>
      <c r="BJ33" s="191">
        <v>52</v>
      </c>
      <c r="BK33" s="191">
        <v>61</v>
      </c>
      <c r="BL33" s="191">
        <v>48</v>
      </c>
      <c r="BM33" s="191">
        <v>43</v>
      </c>
      <c r="BN33" s="191">
        <v>8</v>
      </c>
      <c r="BO33" s="196">
        <v>212</v>
      </c>
      <c r="BP33" s="195">
        <v>212</v>
      </c>
      <c r="BQ33" s="190">
        <v>0</v>
      </c>
      <c r="BR33" s="191">
        <v>6</v>
      </c>
      <c r="BS33" s="196">
        <v>6</v>
      </c>
      <c r="BT33" s="193">
        <v>0</v>
      </c>
      <c r="BU33" s="191">
        <v>25</v>
      </c>
      <c r="BV33" s="191">
        <v>42</v>
      </c>
      <c r="BW33" s="191">
        <v>189</v>
      </c>
      <c r="BX33" s="191">
        <v>87</v>
      </c>
      <c r="BY33" s="191">
        <v>45</v>
      </c>
      <c r="BZ33" s="196">
        <v>388</v>
      </c>
      <c r="CA33" s="195">
        <v>394</v>
      </c>
      <c r="CB33" s="190">
        <v>0</v>
      </c>
      <c r="CC33" s="191">
        <v>0</v>
      </c>
      <c r="CD33" s="196">
        <v>0</v>
      </c>
      <c r="CE33" s="193">
        <v>0</v>
      </c>
      <c r="CF33" s="191">
        <v>12</v>
      </c>
      <c r="CG33" s="191">
        <v>10</v>
      </c>
      <c r="CH33" s="191">
        <v>3</v>
      </c>
      <c r="CI33" s="191">
        <v>0</v>
      </c>
      <c r="CJ33" s="191">
        <v>5</v>
      </c>
      <c r="CK33" s="196">
        <v>30</v>
      </c>
      <c r="CL33" s="195">
        <v>30</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1">
        <v>0</v>
      </c>
      <c r="E34" s="192">
        <v>0</v>
      </c>
      <c r="F34" s="193">
        <v>0</v>
      </c>
      <c r="G34" s="191">
        <v>608</v>
      </c>
      <c r="H34" s="191">
        <v>377</v>
      </c>
      <c r="I34" s="191">
        <v>411</v>
      </c>
      <c r="J34" s="191">
        <v>492</v>
      </c>
      <c r="K34" s="191">
        <v>739</v>
      </c>
      <c r="L34" s="194">
        <v>2627</v>
      </c>
      <c r="M34" s="195">
        <v>2627</v>
      </c>
      <c r="N34" s="190">
        <v>0</v>
      </c>
      <c r="O34" s="191">
        <v>0</v>
      </c>
      <c r="P34" s="196">
        <v>0</v>
      </c>
      <c r="Q34" s="193">
        <v>0</v>
      </c>
      <c r="R34" s="191">
        <v>0</v>
      </c>
      <c r="S34" s="191">
        <v>0</v>
      </c>
      <c r="T34" s="191">
        <v>3</v>
      </c>
      <c r="U34" s="191">
        <v>25</v>
      </c>
      <c r="V34" s="191">
        <v>38</v>
      </c>
      <c r="W34" s="196">
        <v>66</v>
      </c>
      <c r="X34" s="195">
        <v>66</v>
      </c>
      <c r="Y34" s="190">
        <v>53</v>
      </c>
      <c r="Z34" s="191">
        <v>67</v>
      </c>
      <c r="AA34" s="196">
        <v>120</v>
      </c>
      <c r="AB34" s="193">
        <v>0</v>
      </c>
      <c r="AC34" s="191">
        <v>323</v>
      </c>
      <c r="AD34" s="191">
        <v>224</v>
      </c>
      <c r="AE34" s="191">
        <v>129</v>
      </c>
      <c r="AF34" s="191">
        <v>119</v>
      </c>
      <c r="AG34" s="191">
        <v>113</v>
      </c>
      <c r="AH34" s="196">
        <v>908</v>
      </c>
      <c r="AI34" s="195">
        <v>1028</v>
      </c>
      <c r="AJ34" s="190">
        <v>0</v>
      </c>
      <c r="AK34" s="191">
        <v>0</v>
      </c>
      <c r="AL34" s="196">
        <v>0</v>
      </c>
      <c r="AM34" s="193">
        <v>0</v>
      </c>
      <c r="AN34" s="191">
        <v>122</v>
      </c>
      <c r="AO34" s="191">
        <v>45</v>
      </c>
      <c r="AP34" s="191">
        <v>0</v>
      </c>
      <c r="AQ34" s="191">
        <v>72</v>
      </c>
      <c r="AR34" s="191">
        <v>36</v>
      </c>
      <c r="AS34" s="196">
        <v>275</v>
      </c>
      <c r="AT34" s="195">
        <v>275</v>
      </c>
      <c r="AU34" s="190">
        <v>0</v>
      </c>
      <c r="AV34" s="191">
        <v>0</v>
      </c>
      <c r="AW34" s="196">
        <v>0</v>
      </c>
      <c r="AX34" s="193">
        <v>0</v>
      </c>
      <c r="AY34" s="191">
        <v>502</v>
      </c>
      <c r="AZ34" s="191">
        <v>688</v>
      </c>
      <c r="BA34" s="191">
        <v>303</v>
      </c>
      <c r="BB34" s="191">
        <v>144</v>
      </c>
      <c r="BC34" s="191">
        <v>92</v>
      </c>
      <c r="BD34" s="194">
        <v>1729</v>
      </c>
      <c r="BE34" s="195">
        <v>1729</v>
      </c>
      <c r="BF34" s="190">
        <v>0</v>
      </c>
      <c r="BG34" s="191">
        <v>0</v>
      </c>
      <c r="BH34" s="196">
        <v>0</v>
      </c>
      <c r="BI34" s="193">
        <v>0</v>
      </c>
      <c r="BJ34" s="191">
        <v>61</v>
      </c>
      <c r="BK34" s="191">
        <v>106</v>
      </c>
      <c r="BL34" s="191">
        <v>33</v>
      </c>
      <c r="BM34" s="191">
        <v>20</v>
      </c>
      <c r="BN34" s="191">
        <v>21</v>
      </c>
      <c r="BO34" s="196">
        <v>241</v>
      </c>
      <c r="BP34" s="195">
        <v>241</v>
      </c>
      <c r="BQ34" s="190">
        <v>0</v>
      </c>
      <c r="BR34" s="191">
        <v>5</v>
      </c>
      <c r="BS34" s="196">
        <v>5</v>
      </c>
      <c r="BT34" s="193">
        <v>0</v>
      </c>
      <c r="BU34" s="191">
        <v>8</v>
      </c>
      <c r="BV34" s="191">
        <v>84</v>
      </c>
      <c r="BW34" s="191">
        <v>91</v>
      </c>
      <c r="BX34" s="191">
        <v>45</v>
      </c>
      <c r="BY34" s="191">
        <v>44</v>
      </c>
      <c r="BZ34" s="196">
        <v>272</v>
      </c>
      <c r="CA34" s="195">
        <v>277</v>
      </c>
      <c r="CB34" s="190">
        <v>0</v>
      </c>
      <c r="CC34" s="191">
        <v>0</v>
      </c>
      <c r="CD34" s="196">
        <v>0</v>
      </c>
      <c r="CE34" s="193">
        <v>0</v>
      </c>
      <c r="CF34" s="191">
        <v>2</v>
      </c>
      <c r="CG34" s="191">
        <v>14</v>
      </c>
      <c r="CH34" s="191">
        <v>0</v>
      </c>
      <c r="CI34" s="191">
        <v>0</v>
      </c>
      <c r="CJ34" s="191">
        <v>10</v>
      </c>
      <c r="CK34" s="196">
        <v>26</v>
      </c>
      <c r="CL34" s="195">
        <v>26</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1">
        <v>0</v>
      </c>
      <c r="E35" s="192">
        <v>0</v>
      </c>
      <c r="F35" s="193">
        <v>0</v>
      </c>
      <c r="G35" s="191">
        <v>362</v>
      </c>
      <c r="H35" s="191">
        <v>312</v>
      </c>
      <c r="I35" s="191">
        <v>432</v>
      </c>
      <c r="J35" s="191">
        <v>54</v>
      </c>
      <c r="K35" s="191">
        <v>510</v>
      </c>
      <c r="L35" s="194">
        <v>1670</v>
      </c>
      <c r="M35" s="195">
        <v>1670</v>
      </c>
      <c r="N35" s="190">
        <v>0</v>
      </c>
      <c r="O35" s="191">
        <v>0</v>
      </c>
      <c r="P35" s="196">
        <v>0</v>
      </c>
      <c r="Q35" s="193">
        <v>0</v>
      </c>
      <c r="R35" s="191">
        <v>0</v>
      </c>
      <c r="S35" s="191">
        <v>3</v>
      </c>
      <c r="T35" s="191">
        <v>5</v>
      </c>
      <c r="U35" s="191">
        <v>12</v>
      </c>
      <c r="V35" s="191">
        <v>19</v>
      </c>
      <c r="W35" s="196">
        <v>39</v>
      </c>
      <c r="X35" s="195">
        <v>39</v>
      </c>
      <c r="Y35" s="190">
        <v>0</v>
      </c>
      <c r="Z35" s="191">
        <v>25</v>
      </c>
      <c r="AA35" s="196">
        <v>25</v>
      </c>
      <c r="AB35" s="193">
        <v>0</v>
      </c>
      <c r="AC35" s="191">
        <v>149</v>
      </c>
      <c r="AD35" s="191">
        <v>85</v>
      </c>
      <c r="AE35" s="191">
        <v>37</v>
      </c>
      <c r="AF35" s="191">
        <v>19</v>
      </c>
      <c r="AG35" s="191">
        <v>13</v>
      </c>
      <c r="AH35" s="196">
        <v>303</v>
      </c>
      <c r="AI35" s="195">
        <v>328</v>
      </c>
      <c r="AJ35" s="190">
        <v>99</v>
      </c>
      <c r="AK35" s="191">
        <v>227</v>
      </c>
      <c r="AL35" s="196">
        <v>326</v>
      </c>
      <c r="AM35" s="193">
        <v>0</v>
      </c>
      <c r="AN35" s="191">
        <v>563</v>
      </c>
      <c r="AO35" s="191">
        <v>221</v>
      </c>
      <c r="AP35" s="191">
        <v>150</v>
      </c>
      <c r="AQ35" s="191">
        <v>73</v>
      </c>
      <c r="AR35" s="191">
        <v>39</v>
      </c>
      <c r="AS35" s="196">
        <v>1046</v>
      </c>
      <c r="AT35" s="195">
        <v>1372</v>
      </c>
      <c r="AU35" s="190">
        <v>0</v>
      </c>
      <c r="AV35" s="191">
        <v>0</v>
      </c>
      <c r="AW35" s="196">
        <v>0</v>
      </c>
      <c r="AX35" s="193">
        <v>0</v>
      </c>
      <c r="AY35" s="191">
        <v>112</v>
      </c>
      <c r="AZ35" s="191">
        <v>92</v>
      </c>
      <c r="BA35" s="191">
        <v>36</v>
      </c>
      <c r="BB35" s="191">
        <v>25</v>
      </c>
      <c r="BC35" s="191">
        <v>23</v>
      </c>
      <c r="BD35" s="194">
        <v>288</v>
      </c>
      <c r="BE35" s="195">
        <v>288</v>
      </c>
      <c r="BF35" s="190">
        <v>0</v>
      </c>
      <c r="BG35" s="191">
        <v>0</v>
      </c>
      <c r="BH35" s="196">
        <v>0</v>
      </c>
      <c r="BI35" s="193">
        <v>0</v>
      </c>
      <c r="BJ35" s="191">
        <v>229</v>
      </c>
      <c r="BK35" s="191">
        <v>128</v>
      </c>
      <c r="BL35" s="191">
        <v>65</v>
      </c>
      <c r="BM35" s="191">
        <v>23</v>
      </c>
      <c r="BN35" s="191">
        <v>16</v>
      </c>
      <c r="BO35" s="196">
        <v>461</v>
      </c>
      <c r="BP35" s="195">
        <v>461</v>
      </c>
      <c r="BQ35" s="190">
        <v>0</v>
      </c>
      <c r="BR35" s="191">
        <v>7</v>
      </c>
      <c r="BS35" s="196">
        <v>7</v>
      </c>
      <c r="BT35" s="193">
        <v>0</v>
      </c>
      <c r="BU35" s="191">
        <v>14</v>
      </c>
      <c r="BV35" s="191">
        <v>72</v>
      </c>
      <c r="BW35" s="191">
        <v>66</v>
      </c>
      <c r="BX35" s="191">
        <v>45</v>
      </c>
      <c r="BY35" s="191">
        <v>61</v>
      </c>
      <c r="BZ35" s="196">
        <v>258</v>
      </c>
      <c r="CA35" s="195">
        <v>265</v>
      </c>
      <c r="CB35" s="190">
        <v>0</v>
      </c>
      <c r="CC35" s="191">
        <v>0</v>
      </c>
      <c r="CD35" s="196">
        <v>0</v>
      </c>
      <c r="CE35" s="193">
        <v>0</v>
      </c>
      <c r="CF35" s="191">
        <v>15</v>
      </c>
      <c r="CG35" s="191">
        <v>5</v>
      </c>
      <c r="CH35" s="191">
        <v>0</v>
      </c>
      <c r="CI35" s="191">
        <v>0</v>
      </c>
      <c r="CJ35" s="191">
        <v>0</v>
      </c>
      <c r="CK35" s="196">
        <v>20</v>
      </c>
      <c r="CL35" s="195">
        <v>20</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0</v>
      </c>
      <c r="DC35" s="191">
        <v>0</v>
      </c>
      <c r="DD35" s="191">
        <v>0</v>
      </c>
      <c r="DE35" s="191">
        <v>0</v>
      </c>
      <c r="DF35" s="191">
        <v>0</v>
      </c>
      <c r="DG35" s="196">
        <v>0</v>
      </c>
      <c r="DH35" s="195">
        <v>0</v>
      </c>
    </row>
    <row r="36" spans="2:112" ht="21" customHeight="1" x14ac:dyDescent="0.2">
      <c r="B36" s="106" t="s">
        <v>34</v>
      </c>
      <c r="C36" s="190">
        <v>0</v>
      </c>
      <c r="D36" s="191">
        <v>0</v>
      </c>
      <c r="E36" s="192">
        <v>0</v>
      </c>
      <c r="F36" s="193">
        <v>0</v>
      </c>
      <c r="G36" s="191">
        <v>123</v>
      </c>
      <c r="H36" s="191">
        <v>269</v>
      </c>
      <c r="I36" s="191">
        <v>140</v>
      </c>
      <c r="J36" s="191">
        <v>308</v>
      </c>
      <c r="K36" s="191">
        <v>264</v>
      </c>
      <c r="L36" s="194">
        <v>1104</v>
      </c>
      <c r="M36" s="195">
        <v>1104</v>
      </c>
      <c r="N36" s="190">
        <v>0</v>
      </c>
      <c r="O36" s="191">
        <v>0</v>
      </c>
      <c r="P36" s="196">
        <v>0</v>
      </c>
      <c r="Q36" s="193">
        <v>0</v>
      </c>
      <c r="R36" s="191">
        <v>0</v>
      </c>
      <c r="S36" s="191">
        <v>4</v>
      </c>
      <c r="T36" s="191">
        <v>0</v>
      </c>
      <c r="U36" s="191">
        <v>4</v>
      </c>
      <c r="V36" s="191">
        <v>41</v>
      </c>
      <c r="W36" s="196">
        <v>49</v>
      </c>
      <c r="X36" s="195">
        <v>49</v>
      </c>
      <c r="Y36" s="190">
        <v>31</v>
      </c>
      <c r="Z36" s="191">
        <v>61</v>
      </c>
      <c r="AA36" s="196">
        <v>92</v>
      </c>
      <c r="AB36" s="193">
        <v>0</v>
      </c>
      <c r="AC36" s="191">
        <v>239</v>
      </c>
      <c r="AD36" s="191">
        <v>133</v>
      </c>
      <c r="AE36" s="191">
        <v>31</v>
      </c>
      <c r="AF36" s="191">
        <v>83</v>
      </c>
      <c r="AG36" s="191">
        <v>102</v>
      </c>
      <c r="AH36" s="196">
        <v>588</v>
      </c>
      <c r="AI36" s="195">
        <v>680</v>
      </c>
      <c r="AJ36" s="190">
        <v>12</v>
      </c>
      <c r="AK36" s="191">
        <v>0</v>
      </c>
      <c r="AL36" s="196">
        <v>12</v>
      </c>
      <c r="AM36" s="193">
        <v>0</v>
      </c>
      <c r="AN36" s="191">
        <v>82</v>
      </c>
      <c r="AO36" s="191">
        <v>24</v>
      </c>
      <c r="AP36" s="191">
        <v>39</v>
      </c>
      <c r="AQ36" s="191">
        <v>19</v>
      </c>
      <c r="AR36" s="191">
        <v>38</v>
      </c>
      <c r="AS36" s="196">
        <v>202</v>
      </c>
      <c r="AT36" s="195">
        <v>214</v>
      </c>
      <c r="AU36" s="190">
        <v>0</v>
      </c>
      <c r="AV36" s="191">
        <v>0</v>
      </c>
      <c r="AW36" s="196">
        <v>0</v>
      </c>
      <c r="AX36" s="193">
        <v>0</v>
      </c>
      <c r="AY36" s="191">
        <v>291</v>
      </c>
      <c r="AZ36" s="191">
        <v>188</v>
      </c>
      <c r="BA36" s="191">
        <v>225</v>
      </c>
      <c r="BB36" s="191">
        <v>114</v>
      </c>
      <c r="BC36" s="191">
        <v>26</v>
      </c>
      <c r="BD36" s="194">
        <v>844</v>
      </c>
      <c r="BE36" s="195">
        <v>844</v>
      </c>
      <c r="BF36" s="190">
        <v>0</v>
      </c>
      <c r="BG36" s="191">
        <v>0</v>
      </c>
      <c r="BH36" s="196">
        <v>0</v>
      </c>
      <c r="BI36" s="193">
        <v>0</v>
      </c>
      <c r="BJ36" s="191">
        <v>59</v>
      </c>
      <c r="BK36" s="191">
        <v>15</v>
      </c>
      <c r="BL36" s="191">
        <v>14</v>
      </c>
      <c r="BM36" s="191">
        <v>8</v>
      </c>
      <c r="BN36" s="191">
        <v>0</v>
      </c>
      <c r="BO36" s="196">
        <v>96</v>
      </c>
      <c r="BP36" s="195">
        <v>96</v>
      </c>
      <c r="BQ36" s="190">
        <v>0</v>
      </c>
      <c r="BR36" s="191">
        <v>0</v>
      </c>
      <c r="BS36" s="196">
        <v>0</v>
      </c>
      <c r="BT36" s="193">
        <v>0</v>
      </c>
      <c r="BU36" s="191">
        <v>20</v>
      </c>
      <c r="BV36" s="191">
        <v>20</v>
      </c>
      <c r="BW36" s="191">
        <v>30</v>
      </c>
      <c r="BX36" s="191">
        <v>75</v>
      </c>
      <c r="BY36" s="191">
        <v>10</v>
      </c>
      <c r="BZ36" s="196">
        <v>155</v>
      </c>
      <c r="CA36" s="195">
        <v>155</v>
      </c>
      <c r="CB36" s="190">
        <v>0</v>
      </c>
      <c r="CC36" s="191">
        <v>0</v>
      </c>
      <c r="CD36" s="196">
        <v>0</v>
      </c>
      <c r="CE36" s="193">
        <v>0</v>
      </c>
      <c r="CF36" s="191">
        <v>7</v>
      </c>
      <c r="CG36" s="191">
        <v>7</v>
      </c>
      <c r="CH36" s="191">
        <v>0</v>
      </c>
      <c r="CI36" s="191">
        <v>0</v>
      </c>
      <c r="CJ36" s="191">
        <v>0</v>
      </c>
      <c r="CK36" s="196">
        <v>14</v>
      </c>
      <c r="CL36" s="195">
        <v>14</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1">
        <v>0</v>
      </c>
      <c r="E37" s="192">
        <v>0</v>
      </c>
      <c r="F37" s="193">
        <v>0</v>
      </c>
      <c r="G37" s="191">
        <v>1353</v>
      </c>
      <c r="H37" s="191">
        <v>1322</v>
      </c>
      <c r="I37" s="191">
        <v>1962</v>
      </c>
      <c r="J37" s="191">
        <v>2279</v>
      </c>
      <c r="K37" s="191">
        <v>1696</v>
      </c>
      <c r="L37" s="194">
        <v>8612</v>
      </c>
      <c r="M37" s="195">
        <v>8612</v>
      </c>
      <c r="N37" s="190">
        <v>0</v>
      </c>
      <c r="O37" s="191">
        <v>0</v>
      </c>
      <c r="P37" s="196">
        <v>0</v>
      </c>
      <c r="Q37" s="193">
        <v>0</v>
      </c>
      <c r="R37" s="191">
        <v>0</v>
      </c>
      <c r="S37" s="191">
        <v>5</v>
      </c>
      <c r="T37" s="191">
        <v>28</v>
      </c>
      <c r="U37" s="191">
        <v>58</v>
      </c>
      <c r="V37" s="191">
        <v>63</v>
      </c>
      <c r="W37" s="196">
        <v>154</v>
      </c>
      <c r="X37" s="195">
        <v>154</v>
      </c>
      <c r="Y37" s="190">
        <v>35</v>
      </c>
      <c r="Z37" s="191">
        <v>101</v>
      </c>
      <c r="AA37" s="196">
        <v>136</v>
      </c>
      <c r="AB37" s="193">
        <v>0</v>
      </c>
      <c r="AC37" s="191">
        <v>583</v>
      </c>
      <c r="AD37" s="191">
        <v>284</v>
      </c>
      <c r="AE37" s="191">
        <v>340</v>
      </c>
      <c r="AF37" s="191">
        <v>157</v>
      </c>
      <c r="AG37" s="191">
        <v>302</v>
      </c>
      <c r="AH37" s="196">
        <v>1666</v>
      </c>
      <c r="AI37" s="195">
        <v>1802</v>
      </c>
      <c r="AJ37" s="190">
        <v>84</v>
      </c>
      <c r="AK37" s="191">
        <v>200</v>
      </c>
      <c r="AL37" s="196">
        <v>284</v>
      </c>
      <c r="AM37" s="193">
        <v>0</v>
      </c>
      <c r="AN37" s="191">
        <v>267</v>
      </c>
      <c r="AO37" s="191">
        <v>238</v>
      </c>
      <c r="AP37" s="191">
        <v>112</v>
      </c>
      <c r="AQ37" s="191">
        <v>175</v>
      </c>
      <c r="AR37" s="191">
        <v>90</v>
      </c>
      <c r="AS37" s="196">
        <v>882</v>
      </c>
      <c r="AT37" s="195">
        <v>1166</v>
      </c>
      <c r="AU37" s="190">
        <v>0</v>
      </c>
      <c r="AV37" s="191">
        <v>0</v>
      </c>
      <c r="AW37" s="196">
        <v>0</v>
      </c>
      <c r="AX37" s="193">
        <v>0</v>
      </c>
      <c r="AY37" s="191">
        <v>1374</v>
      </c>
      <c r="AZ37" s="191">
        <v>937</v>
      </c>
      <c r="BA37" s="191">
        <v>697</v>
      </c>
      <c r="BB37" s="191">
        <v>410</v>
      </c>
      <c r="BC37" s="191">
        <v>256</v>
      </c>
      <c r="BD37" s="194">
        <v>3674</v>
      </c>
      <c r="BE37" s="195">
        <v>3674</v>
      </c>
      <c r="BF37" s="190">
        <v>0</v>
      </c>
      <c r="BG37" s="191">
        <v>0</v>
      </c>
      <c r="BH37" s="196">
        <v>0</v>
      </c>
      <c r="BI37" s="193">
        <v>0</v>
      </c>
      <c r="BJ37" s="191">
        <v>556</v>
      </c>
      <c r="BK37" s="191">
        <v>252</v>
      </c>
      <c r="BL37" s="191">
        <v>136</v>
      </c>
      <c r="BM37" s="191">
        <v>94</v>
      </c>
      <c r="BN37" s="191">
        <v>10</v>
      </c>
      <c r="BO37" s="196">
        <v>1048</v>
      </c>
      <c r="BP37" s="195">
        <v>1048</v>
      </c>
      <c r="BQ37" s="190">
        <v>3</v>
      </c>
      <c r="BR37" s="191">
        <v>0</v>
      </c>
      <c r="BS37" s="196">
        <v>3</v>
      </c>
      <c r="BT37" s="193">
        <v>0</v>
      </c>
      <c r="BU37" s="191">
        <v>62</v>
      </c>
      <c r="BV37" s="191">
        <v>10</v>
      </c>
      <c r="BW37" s="191">
        <v>55</v>
      </c>
      <c r="BX37" s="191">
        <v>125</v>
      </c>
      <c r="BY37" s="191">
        <v>52</v>
      </c>
      <c r="BZ37" s="196">
        <v>304</v>
      </c>
      <c r="CA37" s="195">
        <v>307</v>
      </c>
      <c r="CB37" s="190">
        <v>0</v>
      </c>
      <c r="CC37" s="191">
        <v>0</v>
      </c>
      <c r="CD37" s="196">
        <v>0</v>
      </c>
      <c r="CE37" s="193">
        <v>0</v>
      </c>
      <c r="CF37" s="191">
        <v>17</v>
      </c>
      <c r="CG37" s="191">
        <v>18</v>
      </c>
      <c r="CH37" s="191">
        <v>14</v>
      </c>
      <c r="CI37" s="191">
        <v>31</v>
      </c>
      <c r="CJ37" s="191">
        <v>8</v>
      </c>
      <c r="CK37" s="196">
        <v>88</v>
      </c>
      <c r="CL37" s="195">
        <v>88</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1">
        <v>0</v>
      </c>
      <c r="E38" s="192">
        <v>0</v>
      </c>
      <c r="F38" s="193">
        <v>0</v>
      </c>
      <c r="G38" s="191">
        <v>661</v>
      </c>
      <c r="H38" s="191">
        <v>2154</v>
      </c>
      <c r="I38" s="191">
        <v>1326</v>
      </c>
      <c r="J38" s="191">
        <v>1274</v>
      </c>
      <c r="K38" s="191">
        <v>2496</v>
      </c>
      <c r="L38" s="194">
        <v>7911</v>
      </c>
      <c r="M38" s="195">
        <v>7911</v>
      </c>
      <c r="N38" s="190">
        <v>0</v>
      </c>
      <c r="O38" s="191">
        <v>4</v>
      </c>
      <c r="P38" s="196">
        <v>4</v>
      </c>
      <c r="Q38" s="193">
        <v>0</v>
      </c>
      <c r="R38" s="191">
        <v>5</v>
      </c>
      <c r="S38" s="191">
        <v>19</v>
      </c>
      <c r="T38" s="191">
        <v>45</v>
      </c>
      <c r="U38" s="191">
        <v>60</v>
      </c>
      <c r="V38" s="191">
        <v>48</v>
      </c>
      <c r="W38" s="196">
        <v>177</v>
      </c>
      <c r="X38" s="195">
        <v>181</v>
      </c>
      <c r="Y38" s="190">
        <v>38</v>
      </c>
      <c r="Z38" s="191">
        <v>191</v>
      </c>
      <c r="AA38" s="196">
        <v>229</v>
      </c>
      <c r="AB38" s="193">
        <v>0</v>
      </c>
      <c r="AC38" s="191">
        <v>502</v>
      </c>
      <c r="AD38" s="191">
        <v>571</v>
      </c>
      <c r="AE38" s="191">
        <v>639</v>
      </c>
      <c r="AF38" s="191">
        <v>423</v>
      </c>
      <c r="AG38" s="191">
        <v>388</v>
      </c>
      <c r="AH38" s="196">
        <v>2523</v>
      </c>
      <c r="AI38" s="195">
        <v>2752</v>
      </c>
      <c r="AJ38" s="190">
        <v>4</v>
      </c>
      <c r="AK38" s="191">
        <v>178</v>
      </c>
      <c r="AL38" s="196">
        <v>182</v>
      </c>
      <c r="AM38" s="193">
        <v>0</v>
      </c>
      <c r="AN38" s="191">
        <v>205</v>
      </c>
      <c r="AO38" s="191">
        <v>205</v>
      </c>
      <c r="AP38" s="191">
        <v>79</v>
      </c>
      <c r="AQ38" s="191">
        <v>44</v>
      </c>
      <c r="AR38" s="191">
        <v>50</v>
      </c>
      <c r="AS38" s="196">
        <v>583</v>
      </c>
      <c r="AT38" s="195">
        <v>765</v>
      </c>
      <c r="AU38" s="190">
        <v>0</v>
      </c>
      <c r="AV38" s="191">
        <v>0</v>
      </c>
      <c r="AW38" s="196">
        <v>0</v>
      </c>
      <c r="AX38" s="193">
        <v>0</v>
      </c>
      <c r="AY38" s="191">
        <v>711</v>
      </c>
      <c r="AZ38" s="191">
        <v>942</v>
      </c>
      <c r="BA38" s="191">
        <v>465</v>
      </c>
      <c r="BB38" s="191">
        <v>397</v>
      </c>
      <c r="BC38" s="191">
        <v>313</v>
      </c>
      <c r="BD38" s="194">
        <v>2828</v>
      </c>
      <c r="BE38" s="195">
        <v>2828</v>
      </c>
      <c r="BF38" s="190">
        <v>0</v>
      </c>
      <c r="BG38" s="191">
        <v>0</v>
      </c>
      <c r="BH38" s="196">
        <v>0</v>
      </c>
      <c r="BI38" s="193">
        <v>0</v>
      </c>
      <c r="BJ38" s="191">
        <v>208</v>
      </c>
      <c r="BK38" s="191">
        <v>312</v>
      </c>
      <c r="BL38" s="191">
        <v>166</v>
      </c>
      <c r="BM38" s="191">
        <v>57</v>
      </c>
      <c r="BN38" s="191">
        <v>21</v>
      </c>
      <c r="BO38" s="196">
        <v>764</v>
      </c>
      <c r="BP38" s="195">
        <v>764</v>
      </c>
      <c r="BQ38" s="190">
        <v>0</v>
      </c>
      <c r="BR38" s="191">
        <v>4</v>
      </c>
      <c r="BS38" s="196">
        <v>4</v>
      </c>
      <c r="BT38" s="193">
        <v>0</v>
      </c>
      <c r="BU38" s="191">
        <v>67</v>
      </c>
      <c r="BV38" s="191">
        <v>208</v>
      </c>
      <c r="BW38" s="191">
        <v>182</v>
      </c>
      <c r="BX38" s="191">
        <v>243</v>
      </c>
      <c r="BY38" s="191">
        <v>244</v>
      </c>
      <c r="BZ38" s="196">
        <v>944</v>
      </c>
      <c r="CA38" s="195">
        <v>948</v>
      </c>
      <c r="CB38" s="190">
        <v>0</v>
      </c>
      <c r="CC38" s="191">
        <v>0</v>
      </c>
      <c r="CD38" s="196">
        <v>0</v>
      </c>
      <c r="CE38" s="193">
        <v>0</v>
      </c>
      <c r="CF38" s="191">
        <v>6</v>
      </c>
      <c r="CG38" s="191">
        <v>12</v>
      </c>
      <c r="CH38" s="191">
        <v>0</v>
      </c>
      <c r="CI38" s="191">
        <v>7</v>
      </c>
      <c r="CJ38" s="191">
        <v>0</v>
      </c>
      <c r="CK38" s="196">
        <v>25</v>
      </c>
      <c r="CL38" s="195">
        <v>25</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198">
        <v>0</v>
      </c>
      <c r="E39" s="199">
        <v>0</v>
      </c>
      <c r="F39" s="200">
        <v>0</v>
      </c>
      <c r="G39" s="198">
        <v>42</v>
      </c>
      <c r="H39" s="198">
        <v>60</v>
      </c>
      <c r="I39" s="198">
        <v>140</v>
      </c>
      <c r="J39" s="198">
        <v>70</v>
      </c>
      <c r="K39" s="198">
        <v>126</v>
      </c>
      <c r="L39" s="201">
        <v>438</v>
      </c>
      <c r="M39" s="202">
        <v>438</v>
      </c>
      <c r="N39" s="197">
        <v>0</v>
      </c>
      <c r="O39" s="198">
        <v>0</v>
      </c>
      <c r="P39" s="203">
        <v>0</v>
      </c>
      <c r="Q39" s="200">
        <v>0</v>
      </c>
      <c r="R39" s="198">
        <v>0</v>
      </c>
      <c r="S39" s="198">
        <v>0</v>
      </c>
      <c r="T39" s="198">
        <v>0</v>
      </c>
      <c r="U39" s="198">
        <v>0</v>
      </c>
      <c r="V39" s="198">
        <v>1</v>
      </c>
      <c r="W39" s="203">
        <v>1</v>
      </c>
      <c r="X39" s="202">
        <v>1</v>
      </c>
      <c r="Y39" s="197">
        <v>0</v>
      </c>
      <c r="Z39" s="198">
        <v>5</v>
      </c>
      <c r="AA39" s="203">
        <v>5</v>
      </c>
      <c r="AB39" s="200">
        <v>0</v>
      </c>
      <c r="AC39" s="198">
        <v>19</v>
      </c>
      <c r="AD39" s="198">
        <v>57</v>
      </c>
      <c r="AE39" s="198">
        <v>31</v>
      </c>
      <c r="AF39" s="198">
        <v>16</v>
      </c>
      <c r="AG39" s="198">
        <v>88</v>
      </c>
      <c r="AH39" s="203">
        <v>211</v>
      </c>
      <c r="AI39" s="202">
        <v>216</v>
      </c>
      <c r="AJ39" s="197">
        <v>0</v>
      </c>
      <c r="AK39" s="198">
        <v>0</v>
      </c>
      <c r="AL39" s="203">
        <v>0</v>
      </c>
      <c r="AM39" s="200">
        <v>0</v>
      </c>
      <c r="AN39" s="198">
        <v>8</v>
      </c>
      <c r="AO39" s="198">
        <v>8</v>
      </c>
      <c r="AP39" s="198">
        <v>0</v>
      </c>
      <c r="AQ39" s="198">
        <v>4</v>
      </c>
      <c r="AR39" s="198">
        <v>10</v>
      </c>
      <c r="AS39" s="203">
        <v>30</v>
      </c>
      <c r="AT39" s="202">
        <v>30</v>
      </c>
      <c r="AU39" s="197">
        <v>0</v>
      </c>
      <c r="AV39" s="198">
        <v>0</v>
      </c>
      <c r="AW39" s="203">
        <v>0</v>
      </c>
      <c r="AX39" s="200">
        <v>0</v>
      </c>
      <c r="AY39" s="198">
        <v>34</v>
      </c>
      <c r="AZ39" s="198">
        <v>66</v>
      </c>
      <c r="BA39" s="198">
        <v>74</v>
      </c>
      <c r="BB39" s="198">
        <v>21</v>
      </c>
      <c r="BC39" s="198">
        <v>15</v>
      </c>
      <c r="BD39" s="201">
        <v>210</v>
      </c>
      <c r="BE39" s="202">
        <v>210</v>
      </c>
      <c r="BF39" s="197">
        <v>0</v>
      </c>
      <c r="BG39" s="198">
        <v>0</v>
      </c>
      <c r="BH39" s="203">
        <v>0</v>
      </c>
      <c r="BI39" s="200">
        <v>0</v>
      </c>
      <c r="BJ39" s="198">
        <v>46</v>
      </c>
      <c r="BK39" s="198">
        <v>50</v>
      </c>
      <c r="BL39" s="198">
        <v>13</v>
      </c>
      <c r="BM39" s="198">
        <v>32</v>
      </c>
      <c r="BN39" s="198">
        <v>6</v>
      </c>
      <c r="BO39" s="203">
        <v>147</v>
      </c>
      <c r="BP39" s="202">
        <v>147</v>
      </c>
      <c r="BQ39" s="197">
        <v>0</v>
      </c>
      <c r="BR39" s="198">
        <v>0</v>
      </c>
      <c r="BS39" s="203">
        <v>0</v>
      </c>
      <c r="BT39" s="200">
        <v>0</v>
      </c>
      <c r="BU39" s="198">
        <v>3</v>
      </c>
      <c r="BV39" s="198">
        <v>17</v>
      </c>
      <c r="BW39" s="198">
        <v>24</v>
      </c>
      <c r="BX39" s="198">
        <v>19</v>
      </c>
      <c r="BY39" s="198">
        <v>0</v>
      </c>
      <c r="BZ39" s="203">
        <v>63</v>
      </c>
      <c r="CA39" s="202">
        <v>63</v>
      </c>
      <c r="CB39" s="197">
        <v>0</v>
      </c>
      <c r="CC39" s="198">
        <v>0</v>
      </c>
      <c r="CD39" s="203">
        <v>0</v>
      </c>
      <c r="CE39" s="200">
        <v>0</v>
      </c>
      <c r="CF39" s="198">
        <v>0</v>
      </c>
      <c r="CG39" s="198">
        <v>0</v>
      </c>
      <c r="CH39" s="198">
        <v>0</v>
      </c>
      <c r="CI39" s="198">
        <v>3</v>
      </c>
      <c r="CJ39" s="198">
        <v>2</v>
      </c>
      <c r="CK39" s="203">
        <v>5</v>
      </c>
      <c r="CL39" s="202">
        <v>5</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J1:K1"/>
    <mergeCell ref="M1:N1"/>
    <mergeCell ref="CB3:CL3"/>
    <mergeCell ref="CM3:CW3"/>
    <mergeCell ref="N3:X3"/>
    <mergeCell ref="Y3:AI3"/>
    <mergeCell ref="AJ3:AT3"/>
    <mergeCell ref="AU3:BE3"/>
    <mergeCell ref="BF3:BP3"/>
    <mergeCell ref="BQ3:CA3"/>
    <mergeCell ref="CW4:CW5"/>
    <mergeCell ref="BF4:BH4"/>
    <mergeCell ref="BI4:BO4"/>
    <mergeCell ref="BP4:BP5"/>
    <mergeCell ref="BQ4:BS4"/>
    <mergeCell ref="BT4:BZ4"/>
    <mergeCell ref="CA4:CA5"/>
    <mergeCell ref="CB4:CD4"/>
    <mergeCell ref="CE4:CK4"/>
    <mergeCell ref="CL4:CL5"/>
    <mergeCell ref="CM4:CO4"/>
    <mergeCell ref="CP4:CV4"/>
    <mergeCell ref="AJ4:AL4"/>
    <mergeCell ref="AM4:AS4"/>
    <mergeCell ref="AT4:AT5"/>
    <mergeCell ref="AU4:AW4"/>
    <mergeCell ref="AX4:BD4"/>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3-10-11T06:18:35Z</cp:lastPrinted>
  <dcterms:created xsi:type="dcterms:W3CDTF">2008-02-08T04:23:07Z</dcterms:created>
  <dcterms:modified xsi:type="dcterms:W3CDTF">2024-12-11T05:40:50Z</dcterms:modified>
</cp:coreProperties>
</file>